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3_年齢別\R5年齢別\05_ホームページ用\"/>
    </mc:Choice>
  </mc:AlternateContent>
  <bookViews>
    <workbookView xWindow="5985" yWindow="-15" windowWidth="5970" windowHeight="6210" tabRatio="947"/>
  </bookViews>
  <sheets>
    <sheet name="神奈川県" sheetId="70" r:id="rId1"/>
    <sheet name="横浜市" sheetId="19" r:id="rId2"/>
    <sheet name="鶴見区" sheetId="1" r:id="rId3"/>
    <sheet name="神奈川区" sheetId="2" r:id="rId4"/>
    <sheet name="西区" sheetId="3" r:id="rId5"/>
    <sheet name="中区" sheetId="4" r:id="rId6"/>
    <sheet name="南区" sheetId="5" r:id="rId7"/>
    <sheet name="保土ケ谷区" sheetId="7" r:id="rId8"/>
    <sheet name="磯子区" sheetId="6" r:id="rId9"/>
    <sheet name="金沢区" sheetId="8" r:id="rId10"/>
    <sheet name="港北区" sheetId="9" r:id="rId11"/>
    <sheet name="戸塚区" sheetId="10" r:id="rId12"/>
    <sheet name="港南区" sheetId="11" r:id="rId13"/>
    <sheet name="旭区" sheetId="12" r:id="rId14"/>
    <sheet name="緑区" sheetId="13" r:id="rId15"/>
    <sheet name="瀬谷区" sheetId="14" r:id="rId16"/>
    <sheet name="栄区" sheetId="15" r:id="rId17"/>
    <sheet name="泉区" sheetId="16" r:id="rId18"/>
    <sheet name="青葉区" sheetId="17" r:id="rId19"/>
    <sheet name="都筑区" sheetId="18" r:id="rId20"/>
    <sheet name="川崎市" sheetId="27" r:id="rId21"/>
    <sheet name="川崎区" sheetId="20" r:id="rId22"/>
    <sheet name="幸区" sheetId="21" r:id="rId23"/>
    <sheet name="中原区" sheetId="22" r:id="rId24"/>
    <sheet name="高津区" sheetId="23" r:id="rId25"/>
    <sheet name="多摩区" sheetId="24" r:id="rId26"/>
    <sheet name="宮前区" sheetId="25" r:id="rId27"/>
    <sheet name="麻生区" sheetId="26" r:id="rId28"/>
    <sheet name="横須賀三浦" sheetId="64" r:id="rId29"/>
    <sheet name="横須賀市" sheetId="28" r:id="rId30"/>
    <sheet name="鎌倉市" sheetId="29" r:id="rId31"/>
    <sheet name="逗子市" sheetId="30" r:id="rId32"/>
    <sheet name="三浦市" sheetId="31" r:id="rId33"/>
    <sheet name="葉山町" sheetId="32" r:id="rId34"/>
    <sheet name="県央" sheetId="65" r:id="rId35"/>
    <sheet name="相模原市" sheetId="33" r:id="rId36"/>
    <sheet name="緑区（相）" sheetId="73" r:id="rId37"/>
    <sheet name="中央区" sheetId="72" r:id="rId38"/>
    <sheet name="南区（相）" sheetId="71" r:id="rId39"/>
    <sheet name="厚木市" sheetId="34" r:id="rId40"/>
    <sheet name="大和市" sheetId="35" r:id="rId41"/>
    <sheet name="海老名市" sheetId="36" r:id="rId42"/>
    <sheet name="座間市" sheetId="37" r:id="rId43"/>
    <sheet name="綾瀬市" sheetId="38" r:id="rId44"/>
    <sheet name="愛川町" sheetId="39" r:id="rId45"/>
    <sheet name="清川村" sheetId="40" r:id="rId46"/>
    <sheet name="湘南" sheetId="66" r:id="rId47"/>
    <sheet name="平塚市" sheetId="41" r:id="rId48"/>
    <sheet name="藤沢市" sheetId="42" r:id="rId49"/>
    <sheet name="茅ヶ崎市" sheetId="43" r:id="rId50"/>
    <sheet name="秦野市" sheetId="44" r:id="rId51"/>
    <sheet name="伊勢原市" sheetId="45" r:id="rId52"/>
    <sheet name="寒川町" sheetId="46" r:id="rId53"/>
    <sheet name="大磯町" sheetId="47" r:id="rId54"/>
    <sheet name="二宮町" sheetId="48" r:id="rId55"/>
    <sheet name="県西" sheetId="68" r:id="rId56"/>
    <sheet name="小田原市" sheetId="55" r:id="rId57"/>
    <sheet name="南足柄市" sheetId="49" r:id="rId58"/>
    <sheet name="中井町" sheetId="50" r:id="rId59"/>
    <sheet name="大井町" sheetId="51" r:id="rId60"/>
    <sheet name="松田町" sheetId="52" r:id="rId61"/>
    <sheet name="山北町" sheetId="53" r:id="rId62"/>
    <sheet name="開成町" sheetId="54" r:id="rId63"/>
    <sheet name="箱根町" sheetId="56" r:id="rId64"/>
    <sheet name="真鶴町" sheetId="57" r:id="rId65"/>
    <sheet name="湯河原町" sheetId="58" r:id="rId66"/>
  </sheets>
  <definedNames>
    <definedName name="_xlnm.Print_Area" localSheetId="44">愛川町!$A$1:$M$135</definedName>
    <definedName name="_xlnm.Print_Area" localSheetId="13">旭区!$A$1:$M$135</definedName>
    <definedName name="_xlnm.Print_Area" localSheetId="43">綾瀬市!$A$1:$M$135</definedName>
    <definedName name="_xlnm.Print_Area" localSheetId="51">伊勢原市!$A$1:$M$135</definedName>
    <definedName name="_xlnm.Print_Area" localSheetId="8">磯子区!$A$1:$M$135</definedName>
    <definedName name="_xlnm.Print_Area" localSheetId="16">栄区!$A$1:$M$135</definedName>
    <definedName name="_xlnm.Print_Area" localSheetId="28">横須賀三浦!$A$1:$M$135</definedName>
    <definedName name="_xlnm.Print_Area" localSheetId="29">横須賀市!$A$1:$M$135</definedName>
    <definedName name="_xlnm.Print_Area" localSheetId="1">横浜市!$A$1:$M$135</definedName>
    <definedName name="_xlnm.Print_Area" localSheetId="41">海老名市!$A$1:$M$135</definedName>
    <definedName name="_xlnm.Print_Area" localSheetId="62">開成町!$A$1:$M$135</definedName>
    <definedName name="_xlnm.Print_Area" localSheetId="30">鎌倉市!$A$1:$M$135</definedName>
    <definedName name="_xlnm.Print_Area" localSheetId="49">茅ヶ崎市!$A$1:$M$135</definedName>
    <definedName name="_xlnm.Print_Area" localSheetId="52">寒川町!$A$1:$M$135</definedName>
    <definedName name="_xlnm.Print_Area" localSheetId="26">宮前区!$A$1:$M$135</definedName>
    <definedName name="_xlnm.Print_Area" localSheetId="9">金沢区!$A$1:$M$135</definedName>
    <definedName name="_xlnm.Print_Area" localSheetId="34">県央!$A$1:$M$135</definedName>
    <definedName name="_xlnm.Print_Area" localSheetId="55">県西!$A$1:$M$135</definedName>
    <definedName name="_xlnm.Print_Area" localSheetId="11">戸塚区!$A$1:$M$135</definedName>
    <definedName name="_xlnm.Print_Area" localSheetId="39">厚木市!$A$1:$M$135</definedName>
    <definedName name="_xlnm.Print_Area" localSheetId="22">幸区!$A$1:$M$135</definedName>
    <definedName name="_xlnm.Print_Area" localSheetId="12">港南区!$A$1:$M$135</definedName>
    <definedName name="_xlnm.Print_Area" localSheetId="10">港北区!$A$1:$M$135</definedName>
    <definedName name="_xlnm.Print_Area" localSheetId="24">高津区!$A$1:$M$135</definedName>
    <definedName name="_xlnm.Print_Area" localSheetId="42">座間市!$A$1:$M$135</definedName>
    <definedName name="_xlnm.Print_Area" localSheetId="32">三浦市!$A$1:$M$135</definedName>
    <definedName name="_xlnm.Print_Area" localSheetId="61">山北町!$A$1:$M$135</definedName>
    <definedName name="_xlnm.Print_Area" localSheetId="56">小田原市!$A$1:$M$135</definedName>
    <definedName name="_xlnm.Print_Area" localSheetId="60">松田町!$A$1:$M$135</definedName>
    <definedName name="_xlnm.Print_Area" localSheetId="46">湘南!$A$1:$M$135</definedName>
    <definedName name="_xlnm.Print_Area" localSheetId="64">真鶴町!$A$1:$M$135</definedName>
    <definedName name="_xlnm.Print_Area" localSheetId="3">神奈川区!$A$1:$M$135</definedName>
    <definedName name="_xlnm.Print_Area" localSheetId="0">神奈川県!$A$1:$M$135</definedName>
    <definedName name="_xlnm.Print_Area" localSheetId="50">秦野市!$A$1:$M$135</definedName>
    <definedName name="_xlnm.Print_Area" localSheetId="31">逗子市!$A$1:$M$135</definedName>
    <definedName name="_xlnm.Print_Area" localSheetId="15">瀬谷区!$A$1:$M$135</definedName>
    <definedName name="_xlnm.Print_Area" localSheetId="45">清川村!$A$1:$M$135</definedName>
    <definedName name="_xlnm.Print_Area" localSheetId="4">西区!$A$1:$M$135</definedName>
    <definedName name="_xlnm.Print_Area" localSheetId="18">青葉区!$A$1:$M$135</definedName>
    <definedName name="_xlnm.Print_Area" localSheetId="21">川崎区!$A$1:$M$135</definedName>
    <definedName name="_xlnm.Print_Area" localSheetId="20">川崎市!$A$1:$M$135</definedName>
    <definedName name="_xlnm.Print_Area" localSheetId="17">泉区!$A$1:$M$135</definedName>
    <definedName name="_xlnm.Print_Area" localSheetId="35">相模原市!$A$1:$M$135</definedName>
    <definedName name="_xlnm.Print_Area" localSheetId="25">多摩区!$A$1:$M$135</definedName>
    <definedName name="_xlnm.Print_Area" localSheetId="59">大井町!$A$1:$M$135</definedName>
    <definedName name="_xlnm.Print_Area" localSheetId="53">大磯町!$A$1:$M$135</definedName>
    <definedName name="_xlnm.Print_Area" localSheetId="40">大和市!$A$1:$M$135</definedName>
    <definedName name="_xlnm.Print_Area" localSheetId="58">中井町!$A$1:$M$135</definedName>
    <definedName name="_xlnm.Print_Area" localSheetId="37">中央区!$A$1:$M$135</definedName>
    <definedName name="_xlnm.Print_Area" localSheetId="5">中区!$A$1:$M$135</definedName>
    <definedName name="_xlnm.Print_Area" localSheetId="23">中原区!$A$1:$M$135</definedName>
    <definedName name="_xlnm.Print_Area" localSheetId="2">鶴見区!$A$1:$M$135</definedName>
    <definedName name="_xlnm.Print_Area" localSheetId="19">都筑区!$A$1:$M$135</definedName>
    <definedName name="_xlnm.Print_Area" localSheetId="65">湯河原町!$A$1:$M$135</definedName>
    <definedName name="_xlnm.Print_Area" localSheetId="48">藤沢市!$A$1:$M$135</definedName>
    <definedName name="_xlnm.Print_Area" localSheetId="6">南区!$A$1:$M$135</definedName>
    <definedName name="_xlnm.Print_Area" localSheetId="38">'南区（相）'!$A$1:$M$135</definedName>
    <definedName name="_xlnm.Print_Area" localSheetId="57">南足柄市!$A$1:$M$135</definedName>
    <definedName name="_xlnm.Print_Area" localSheetId="54">二宮町!$A$1:$M$135</definedName>
    <definedName name="_xlnm.Print_Area" localSheetId="63">箱根町!$A$1:$M$135</definedName>
    <definedName name="_xlnm.Print_Area" localSheetId="47">平塚市!$A$1:$M$135</definedName>
    <definedName name="_xlnm.Print_Area" localSheetId="7">保土ケ谷区!$A$1:$M$135</definedName>
    <definedName name="_xlnm.Print_Area" localSheetId="27">麻生区!$A$1:$M$135</definedName>
    <definedName name="_xlnm.Print_Area" localSheetId="33">葉山町!$A$1:$M$135</definedName>
    <definedName name="_xlnm.Print_Area" localSheetId="14">緑区!$A$1:$M$135</definedName>
    <definedName name="_xlnm.Print_Area" localSheetId="36">'緑区（相）'!$A$1:$M$135</definedName>
  </definedNames>
  <calcPr calcId="162913"/>
</workbook>
</file>

<file path=xl/sharedStrings.xml><?xml version="1.0" encoding="utf-8"?>
<sst xmlns="http://schemas.openxmlformats.org/spreadsheetml/2006/main" count="11154" uniqueCount="236">
  <si>
    <t>年　齢</t>
  </si>
  <si>
    <t>総　数</t>
  </si>
  <si>
    <t>0～4</t>
  </si>
  <si>
    <t>50～54</t>
  </si>
  <si>
    <t>0</t>
  </si>
  <si>
    <t>50</t>
  </si>
  <si>
    <t>1</t>
  </si>
  <si>
    <t>51</t>
  </si>
  <si>
    <t>2</t>
  </si>
  <si>
    <t>52</t>
  </si>
  <si>
    <t>3</t>
  </si>
  <si>
    <t>53</t>
  </si>
  <si>
    <t>4</t>
  </si>
  <si>
    <t>54</t>
  </si>
  <si>
    <t>5～9</t>
  </si>
  <si>
    <t>55～59</t>
  </si>
  <si>
    <t>5</t>
  </si>
  <si>
    <t>55</t>
  </si>
  <si>
    <t>6</t>
  </si>
  <si>
    <t>56</t>
  </si>
  <si>
    <t>7</t>
  </si>
  <si>
    <t>57</t>
  </si>
  <si>
    <t>8</t>
  </si>
  <si>
    <t>58</t>
  </si>
  <si>
    <t>9</t>
  </si>
  <si>
    <t>59</t>
  </si>
  <si>
    <t>10～14</t>
  </si>
  <si>
    <t>60～64</t>
  </si>
  <si>
    <t>10</t>
  </si>
  <si>
    <t>60</t>
  </si>
  <si>
    <t>11</t>
  </si>
  <si>
    <t>61</t>
  </si>
  <si>
    <t>12</t>
  </si>
  <si>
    <t>62</t>
  </si>
  <si>
    <t>13</t>
  </si>
  <si>
    <t>63</t>
  </si>
  <si>
    <t>14</t>
  </si>
  <si>
    <t>64</t>
  </si>
  <si>
    <t>15～19</t>
  </si>
  <si>
    <t>65～69</t>
  </si>
  <si>
    <t>15</t>
  </si>
  <si>
    <t>65</t>
  </si>
  <si>
    <t>16</t>
  </si>
  <si>
    <t>66</t>
  </si>
  <si>
    <t>17</t>
  </si>
  <si>
    <t>67</t>
  </si>
  <si>
    <t>18</t>
  </si>
  <si>
    <t>68</t>
  </si>
  <si>
    <t>19</t>
  </si>
  <si>
    <t>69</t>
  </si>
  <si>
    <t>20～24</t>
  </si>
  <si>
    <t>70～74</t>
  </si>
  <si>
    <t>20</t>
  </si>
  <si>
    <t>70</t>
  </si>
  <si>
    <t>21</t>
  </si>
  <si>
    <t>71</t>
  </si>
  <si>
    <t>22</t>
  </si>
  <si>
    <t>72</t>
  </si>
  <si>
    <t>23</t>
  </si>
  <si>
    <t>73</t>
  </si>
  <si>
    <t>24</t>
  </si>
  <si>
    <t>74</t>
  </si>
  <si>
    <t>25～29</t>
  </si>
  <si>
    <t>75～79</t>
  </si>
  <si>
    <t>25</t>
  </si>
  <si>
    <t>75</t>
  </si>
  <si>
    <t>26</t>
  </si>
  <si>
    <t>76</t>
  </si>
  <si>
    <t>27</t>
  </si>
  <si>
    <t>77</t>
  </si>
  <si>
    <t>28</t>
  </si>
  <si>
    <t>78</t>
  </si>
  <si>
    <t>29</t>
  </si>
  <si>
    <t>79</t>
  </si>
  <si>
    <t>30～34</t>
  </si>
  <si>
    <t>80～84</t>
  </si>
  <si>
    <t>30</t>
  </si>
  <si>
    <t>80</t>
  </si>
  <si>
    <t>31</t>
  </si>
  <si>
    <t>81</t>
  </si>
  <si>
    <t>32</t>
  </si>
  <si>
    <t>82</t>
  </si>
  <si>
    <t>33</t>
  </si>
  <si>
    <t>83</t>
  </si>
  <si>
    <t>34</t>
  </si>
  <si>
    <t>84</t>
  </si>
  <si>
    <t>35～39</t>
  </si>
  <si>
    <t>85～89</t>
  </si>
  <si>
    <t>35</t>
  </si>
  <si>
    <t>85</t>
  </si>
  <si>
    <t>36</t>
  </si>
  <si>
    <t>86</t>
  </si>
  <si>
    <t>37</t>
  </si>
  <si>
    <t>87</t>
  </si>
  <si>
    <t>38</t>
  </si>
  <si>
    <t>88</t>
  </si>
  <si>
    <t>39</t>
  </si>
  <si>
    <t>89</t>
  </si>
  <si>
    <t>40～44</t>
  </si>
  <si>
    <t>90～94</t>
  </si>
  <si>
    <t>40</t>
  </si>
  <si>
    <t>90</t>
  </si>
  <si>
    <t>41</t>
  </si>
  <si>
    <t>91</t>
  </si>
  <si>
    <t>42</t>
  </si>
  <si>
    <t>92</t>
  </si>
  <si>
    <t>43</t>
  </si>
  <si>
    <t>93</t>
  </si>
  <si>
    <t>44</t>
  </si>
  <si>
    <t>94</t>
  </si>
  <si>
    <t>45～49</t>
  </si>
  <si>
    <t>95～99</t>
  </si>
  <si>
    <t>45</t>
  </si>
  <si>
    <t>95</t>
  </si>
  <si>
    <t>46</t>
  </si>
  <si>
    <t>96</t>
  </si>
  <si>
    <t>47</t>
  </si>
  <si>
    <t>97</t>
  </si>
  <si>
    <t>48</t>
  </si>
  <si>
    <t>98</t>
  </si>
  <si>
    <t>49</t>
  </si>
  <si>
    <t>99</t>
  </si>
  <si>
    <t>100以上</t>
  </si>
  <si>
    <t>横須賀市</t>
  </si>
  <si>
    <t>相模原市</t>
  </si>
  <si>
    <t>海老名市</t>
  </si>
  <si>
    <t>伊勢原市</t>
  </si>
  <si>
    <t>南足柄市</t>
  </si>
  <si>
    <t>小田原市</t>
  </si>
  <si>
    <t>湯河原町</t>
  </si>
  <si>
    <t>神奈川県</t>
  </si>
  <si>
    <t>総　数</t>
    <rPh sb="0" eb="3">
      <t>ソウスウ</t>
    </rPh>
    <phoneticPr fontId="2"/>
  </si>
  <si>
    <t>男</t>
    <rPh sb="0" eb="1">
      <t>オトコ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女</t>
    <rPh sb="0" eb="1">
      <t>オンナ</t>
    </rPh>
    <phoneticPr fontId="2"/>
  </si>
  <si>
    <t>総　数</t>
    <rPh sb="0" eb="3">
      <t>ソウスウ</t>
    </rPh>
    <phoneticPr fontId="2"/>
  </si>
  <si>
    <t>第２表－1　年齢（各歳・５歳階級）別異動人口</t>
    <phoneticPr fontId="2"/>
  </si>
  <si>
    <t>第２表－2　年齢（各歳・５歳階級）別異動人口</t>
    <phoneticPr fontId="2"/>
  </si>
  <si>
    <t>第２表－2　年齢（各歳・５歳階級）別異動人口</t>
    <phoneticPr fontId="2"/>
  </si>
  <si>
    <t>歳</t>
    <rPh sb="0" eb="1">
      <t>サイ</t>
    </rPh>
    <phoneticPr fontId="2"/>
  </si>
  <si>
    <t>歳</t>
    <rPh sb="0" eb="1">
      <t>サイ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第２表－1　年齢（各歳・５歳階級）別異動人口</t>
    <phoneticPr fontId="2"/>
  </si>
  <si>
    <t>第２表－1　年齢（各歳・５歳階級）別異動人口</t>
    <phoneticPr fontId="2"/>
  </si>
  <si>
    <t>歳</t>
    <rPh sb="0" eb="1">
      <t>サイ</t>
    </rPh>
    <phoneticPr fontId="2"/>
  </si>
  <si>
    <t>総　数</t>
    <rPh sb="0" eb="3">
      <t>ソウスウ</t>
    </rPh>
    <phoneticPr fontId="2"/>
  </si>
  <si>
    <t>第２表－2　年齢（各歳・５歳階級）別異動人口</t>
    <phoneticPr fontId="2"/>
  </si>
  <si>
    <t>横浜市　鶴見区</t>
    <rPh sb="0" eb="3">
      <t>ヨコハマシ</t>
    </rPh>
    <phoneticPr fontId="2"/>
  </si>
  <si>
    <t>横浜市　神奈川区</t>
    <rPh sb="0" eb="3">
      <t>ヨコハマシ</t>
    </rPh>
    <phoneticPr fontId="2"/>
  </si>
  <si>
    <t>横浜市　西区</t>
    <rPh sb="0" eb="3">
      <t>ヨコハマシ</t>
    </rPh>
    <phoneticPr fontId="2"/>
  </si>
  <si>
    <t>横浜市　中区</t>
    <phoneticPr fontId="2"/>
  </si>
  <si>
    <t>横浜市　南区</t>
    <phoneticPr fontId="2"/>
  </si>
  <si>
    <t>横浜市　磯子区</t>
    <phoneticPr fontId="2"/>
  </si>
  <si>
    <t>横浜市　保土ケ谷区</t>
    <phoneticPr fontId="2"/>
  </si>
  <si>
    <t>横浜市　金沢区</t>
    <phoneticPr fontId="2"/>
  </si>
  <si>
    <t>横浜市　港北区</t>
    <phoneticPr fontId="2"/>
  </si>
  <si>
    <t>横浜市　戸塚区</t>
    <phoneticPr fontId="2"/>
  </si>
  <si>
    <t>横浜市　港南区</t>
    <phoneticPr fontId="2"/>
  </si>
  <si>
    <t>横浜市　旭区</t>
    <phoneticPr fontId="2"/>
  </si>
  <si>
    <t>横浜市　緑区</t>
    <phoneticPr fontId="2"/>
  </si>
  <si>
    <t>横浜市　瀬谷区</t>
    <phoneticPr fontId="2"/>
  </si>
  <si>
    <t>横浜市　栄区</t>
    <phoneticPr fontId="2"/>
  </si>
  <si>
    <t>横浜市　泉区</t>
    <phoneticPr fontId="2"/>
  </si>
  <si>
    <t>横浜市　青葉区</t>
    <phoneticPr fontId="2"/>
  </si>
  <si>
    <t>横浜市　都筑区</t>
    <phoneticPr fontId="2"/>
  </si>
  <si>
    <t>川崎市　川崎区</t>
    <rPh sb="0" eb="3">
      <t>カワサキシ</t>
    </rPh>
    <rPh sb="4" eb="5">
      <t>カワ</t>
    </rPh>
    <phoneticPr fontId="2"/>
  </si>
  <si>
    <t>川崎市　幸区</t>
    <phoneticPr fontId="2"/>
  </si>
  <si>
    <t>川崎市　中原区</t>
    <phoneticPr fontId="2"/>
  </si>
  <si>
    <t>川崎市　高津区</t>
    <phoneticPr fontId="2"/>
  </si>
  <si>
    <t>川崎市　多摩区</t>
    <phoneticPr fontId="2"/>
  </si>
  <si>
    <t>川崎市　宮前区</t>
    <phoneticPr fontId="2"/>
  </si>
  <si>
    <t>川崎市　麻生区</t>
    <phoneticPr fontId="2"/>
  </si>
  <si>
    <t>相模原市　緑区</t>
    <rPh sb="0" eb="4">
      <t>サガミハラシ</t>
    </rPh>
    <rPh sb="5" eb="7">
      <t>ミドリク</t>
    </rPh>
    <phoneticPr fontId="2"/>
  </si>
  <si>
    <t>相模原市　中央区</t>
    <rPh sb="5" eb="8">
      <t>チュウオウク</t>
    </rPh>
    <phoneticPr fontId="2"/>
  </si>
  <si>
    <t>相模原市　南区</t>
    <rPh sb="5" eb="7">
      <t>ミナミク</t>
    </rPh>
    <phoneticPr fontId="2"/>
  </si>
  <si>
    <t>人口増減（Ａ-Ｂ+Ｃ-Ｄ）</t>
    <phoneticPr fontId="2"/>
  </si>
  <si>
    <t>相模原市　中央区</t>
    <phoneticPr fontId="2"/>
  </si>
  <si>
    <t>相模原市　南区</t>
    <phoneticPr fontId="2"/>
  </si>
  <si>
    <t>相模原市　緑区</t>
    <phoneticPr fontId="2"/>
  </si>
  <si>
    <t>横須賀三浦地域</t>
    <rPh sb="5" eb="7">
      <t>チイキ</t>
    </rPh>
    <phoneticPr fontId="2"/>
  </si>
  <si>
    <t>県央地域</t>
    <rPh sb="2" eb="4">
      <t>チイキ</t>
    </rPh>
    <phoneticPr fontId="2"/>
  </si>
  <si>
    <t>湘南地域</t>
    <rPh sb="2" eb="4">
      <t>チイキ</t>
    </rPh>
    <phoneticPr fontId="2"/>
  </si>
  <si>
    <t>横浜市　中区</t>
    <rPh sb="0" eb="3">
      <t>ヨコハマシ</t>
    </rPh>
    <phoneticPr fontId="2"/>
  </si>
  <si>
    <t>横浜市　南区　</t>
    <rPh sb="0" eb="3">
      <t>ヨコハマシ</t>
    </rPh>
    <rPh sb="4" eb="6">
      <t>ミナミク</t>
    </rPh>
    <phoneticPr fontId="2"/>
  </si>
  <si>
    <t>横浜市　磯子区</t>
    <rPh sb="0" eb="3">
      <t>ヨコハマシ</t>
    </rPh>
    <rPh sb="4" eb="7">
      <t>イソゴク</t>
    </rPh>
    <phoneticPr fontId="2"/>
  </si>
  <si>
    <t>横浜市</t>
    <phoneticPr fontId="2"/>
  </si>
  <si>
    <t>横浜市</t>
    <phoneticPr fontId="2"/>
  </si>
  <si>
    <t>川崎市</t>
    <phoneticPr fontId="2"/>
  </si>
  <si>
    <t>厚木市</t>
    <phoneticPr fontId="2"/>
  </si>
  <si>
    <t>厚木市</t>
    <phoneticPr fontId="2"/>
  </si>
  <si>
    <t>大和市</t>
    <phoneticPr fontId="2"/>
  </si>
  <si>
    <t>葉山町</t>
    <phoneticPr fontId="2"/>
  </si>
  <si>
    <t>葉山町</t>
    <phoneticPr fontId="2"/>
  </si>
  <si>
    <t>三浦市</t>
    <phoneticPr fontId="2"/>
  </si>
  <si>
    <t>逗子市</t>
    <phoneticPr fontId="2"/>
  </si>
  <si>
    <t>鎌倉市</t>
    <phoneticPr fontId="2"/>
  </si>
  <si>
    <t>座間市</t>
    <phoneticPr fontId="2"/>
  </si>
  <si>
    <t>綾瀬市</t>
    <phoneticPr fontId="2"/>
  </si>
  <si>
    <t>愛川町</t>
    <phoneticPr fontId="2"/>
  </si>
  <si>
    <t>清川村</t>
    <phoneticPr fontId="2"/>
  </si>
  <si>
    <t>平塚市</t>
    <phoneticPr fontId="2"/>
  </si>
  <si>
    <t>藤沢市</t>
    <phoneticPr fontId="2"/>
  </si>
  <si>
    <t>秦野市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山北町</t>
    <phoneticPr fontId="2"/>
  </si>
  <si>
    <t>開成町</t>
    <phoneticPr fontId="2"/>
  </si>
  <si>
    <t>小田原市</t>
    <phoneticPr fontId="2"/>
  </si>
  <si>
    <t>箱根町</t>
    <phoneticPr fontId="2"/>
  </si>
  <si>
    <t>真鶴町</t>
    <phoneticPr fontId="2"/>
  </si>
  <si>
    <t>県西地域</t>
    <rPh sb="0" eb="1">
      <t>ケン</t>
    </rPh>
    <rPh sb="2" eb="4">
      <t>チイキ</t>
    </rPh>
    <phoneticPr fontId="2"/>
  </si>
  <si>
    <t>茅ヶ崎市</t>
    <phoneticPr fontId="2"/>
  </si>
  <si>
    <t>人口増減（Ａ-Ｂ+Ｃ-Ｄ）</t>
    <phoneticPr fontId="2"/>
  </si>
  <si>
    <t>死　亡　（Ｂ）</t>
    <phoneticPr fontId="2"/>
  </si>
  <si>
    <t>死　亡　（Ｂ）</t>
    <phoneticPr fontId="2"/>
  </si>
  <si>
    <t>転　入　（Ｃ）</t>
    <phoneticPr fontId="2"/>
  </si>
  <si>
    <t>転　入　（Ｃ）</t>
    <phoneticPr fontId="2"/>
  </si>
  <si>
    <t>転　入　（Ｃ）</t>
    <phoneticPr fontId="2"/>
  </si>
  <si>
    <t>転　出　（Ｄ）</t>
    <phoneticPr fontId="2"/>
  </si>
  <si>
    <t>転　出　（Ｄ）</t>
    <phoneticPr fontId="2"/>
  </si>
  <si>
    <t>転　出　（Ｄ）</t>
    <phoneticPr fontId="2"/>
  </si>
  <si>
    <t>転　出　（Ｄ）</t>
    <phoneticPr fontId="2"/>
  </si>
  <si>
    <t>出　生　（Ａ）</t>
    <rPh sb="0" eb="1">
      <t>デシボウ</t>
    </rPh>
    <rPh sb="2" eb="3">
      <t>ショウ</t>
    </rPh>
    <phoneticPr fontId="2"/>
  </si>
  <si>
    <t>死　亡　（Ｂ）</t>
    <rPh sb="0" eb="3">
      <t>シボウ</t>
    </rPh>
    <phoneticPr fontId="2"/>
  </si>
  <si>
    <t>転　入　（Ｃ）</t>
    <rPh sb="0" eb="1">
      <t>テンシボウ</t>
    </rPh>
    <rPh sb="2" eb="3">
      <t>ニュウ</t>
    </rPh>
    <phoneticPr fontId="2"/>
  </si>
  <si>
    <t>転　出　（Ｄ）</t>
    <phoneticPr fontId="2"/>
  </si>
  <si>
    <t>総　数</t>
    <phoneticPr fontId="2"/>
  </si>
  <si>
    <t>　（単位：人）令和４年中</t>
    <rPh sb="2" eb="4">
      <t>タンイ</t>
    </rPh>
    <rPh sb="5" eb="6">
      <t>ニン</t>
    </rPh>
    <rPh sb="7" eb="9">
      <t>レイワ</t>
    </rPh>
    <rPh sb="10" eb="12">
      <t>ネンチュウ</t>
    </rPh>
    <phoneticPr fontId="2"/>
  </si>
  <si>
    <t>　（単位：人）令和４年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>
    <font>
      <sz val="11"/>
      <name val="明朝"/>
      <family val="1"/>
      <charset val="128"/>
    </font>
    <font>
      <sz val="11"/>
      <name val="明朝"/>
      <family val="1"/>
      <charset val="128"/>
    </font>
    <font>
      <sz val="6"/>
      <name val="ＭＳ Ｐ明朝"/>
      <family val="1"/>
      <charset val="128"/>
    </font>
    <font>
      <sz val="18"/>
      <name val="ＭＳ Ｐ明朝"/>
      <family val="1"/>
      <charset val="128"/>
    </font>
    <font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2"/>
      <name val="ＭＳ Ｐ明朝"/>
      <family val="1"/>
      <charset val="128"/>
    </font>
    <font>
      <b/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97">
    <xf numFmtId="0" fontId="0" fillId="0" borderId="0" xfId="0"/>
    <xf numFmtId="0" fontId="3" fillId="0" borderId="0" xfId="0" applyFont="1" applyFill="1" applyAlignment="1">
      <alignment horizontal="centerContinuous"/>
    </xf>
    <xf numFmtId="0" fontId="4" fillId="0" borderId="0" xfId="0" applyFont="1" applyFill="1" applyAlignment="1">
      <alignment horizontal="centerContinuous"/>
    </xf>
    <xf numFmtId="0" fontId="4" fillId="0" borderId="0" xfId="0" applyFont="1" applyFill="1"/>
    <xf numFmtId="0" fontId="5" fillId="0" borderId="1" xfId="0" applyFont="1" applyFill="1" applyBorder="1"/>
    <xf numFmtId="0" fontId="4" fillId="0" borderId="1" xfId="0" applyFont="1" applyFill="1" applyBorder="1"/>
    <xf numFmtId="0" fontId="6" fillId="0" borderId="1" xfId="0" applyFont="1" applyFill="1" applyBorder="1"/>
    <xf numFmtId="0" fontId="4" fillId="0" borderId="2" xfId="0" quotePrefix="1" applyFont="1" applyFill="1" applyBorder="1" applyAlignment="1">
      <alignment horizontal="center"/>
    </xf>
    <xf numFmtId="0" fontId="4" fillId="0" borderId="5" xfId="0" applyFont="1" applyFill="1" applyBorder="1" applyAlignment="1">
      <alignment horizontal="right"/>
    </xf>
    <xf numFmtId="0" fontId="4" fillId="0" borderId="6" xfId="0" applyFont="1" applyFill="1" applyBorder="1" applyAlignment="1">
      <alignment horizontal="center"/>
    </xf>
    <xf numFmtId="0" fontId="4" fillId="0" borderId="7" xfId="0" applyFont="1" applyFill="1" applyBorder="1" applyAlignment="1">
      <alignment horizontal="center"/>
    </xf>
    <xf numFmtId="0" fontId="4" fillId="0" borderId="5" xfId="0" applyFont="1" applyFill="1" applyBorder="1" applyAlignment="1">
      <alignment horizontal="center"/>
    </xf>
    <xf numFmtId="0" fontId="4" fillId="0" borderId="0" xfId="0" applyFont="1" applyFill="1" applyBorder="1"/>
    <xf numFmtId="0" fontId="4" fillId="0" borderId="13" xfId="0" applyFont="1" applyFill="1" applyBorder="1"/>
    <xf numFmtId="0" fontId="4" fillId="0" borderId="12" xfId="0" applyFont="1" applyFill="1" applyBorder="1"/>
    <xf numFmtId="0" fontId="4" fillId="0" borderId="2" xfId="0" quotePrefix="1" applyFont="1" applyFill="1" applyBorder="1" applyAlignment="1">
      <alignment horizontal="right"/>
    </xf>
    <xf numFmtId="37" fontId="4" fillId="0" borderId="12" xfId="0" applyNumberFormat="1" applyFont="1" applyFill="1" applyBorder="1"/>
    <xf numFmtId="37" fontId="4" fillId="0" borderId="0" xfId="0" applyNumberFormat="1" applyFont="1" applyFill="1" applyBorder="1"/>
    <xf numFmtId="37" fontId="4" fillId="0" borderId="13" xfId="0" applyNumberFormat="1" applyFont="1" applyFill="1" applyBorder="1"/>
    <xf numFmtId="0" fontId="4" fillId="0" borderId="5" xfId="0" quotePrefix="1" applyFont="1" applyFill="1" applyBorder="1" applyAlignment="1">
      <alignment horizontal="right"/>
    </xf>
    <xf numFmtId="37" fontId="4" fillId="0" borderId="1" xfId="0" quotePrefix="1" applyNumberFormat="1" applyFont="1" applyFill="1" applyBorder="1" applyAlignment="1">
      <alignment horizontal="centerContinuous"/>
    </xf>
    <xf numFmtId="37" fontId="4" fillId="0" borderId="0" xfId="0" applyNumberFormat="1" applyFont="1" applyFill="1" applyBorder="1" applyAlignment="1">
      <alignment horizontal="centerContinuous"/>
    </xf>
    <xf numFmtId="0" fontId="4" fillId="0" borderId="8" xfId="0" quotePrefix="1" applyFont="1" applyFill="1" applyBorder="1" applyAlignment="1">
      <alignment horizontal="center"/>
    </xf>
    <xf numFmtId="37" fontId="4" fillId="0" borderId="12" xfId="0" applyNumberFormat="1" applyFont="1" applyFill="1" applyBorder="1" applyAlignment="1">
      <alignment horizontal="centerContinuous"/>
    </xf>
    <xf numFmtId="0" fontId="4" fillId="0" borderId="9" xfId="0" applyFont="1" applyFill="1" applyBorder="1"/>
    <xf numFmtId="0" fontId="4" fillId="0" borderId="10" xfId="0" applyFont="1" applyFill="1" applyBorder="1"/>
    <xf numFmtId="0" fontId="4" fillId="0" borderId="11" xfId="0" applyFont="1" applyFill="1" applyBorder="1"/>
    <xf numFmtId="0" fontId="4" fillId="0" borderId="12" xfId="0" quotePrefix="1" applyFont="1" applyFill="1" applyBorder="1" applyAlignment="1">
      <alignment horizontal="right"/>
    </xf>
    <xf numFmtId="0" fontId="5" fillId="0" borderId="1" xfId="0" quotePrefix="1" applyFont="1" applyFill="1" applyBorder="1" applyAlignment="1">
      <alignment horizontal="left"/>
    </xf>
    <xf numFmtId="0" fontId="4" fillId="0" borderId="8" xfId="0" applyFont="1" applyFill="1" applyBorder="1"/>
    <xf numFmtId="0" fontId="5" fillId="0" borderId="1" xfId="0" applyFont="1" applyFill="1" applyBorder="1" applyAlignment="1">
      <alignment horizontal="left"/>
    </xf>
    <xf numFmtId="37" fontId="4" fillId="0" borderId="10" xfId="0" applyNumberFormat="1" applyFont="1" applyFill="1" applyBorder="1"/>
    <xf numFmtId="3" fontId="4" fillId="0" borderId="0" xfId="0" applyNumberFormat="1" applyFont="1" applyFill="1" applyBorder="1"/>
    <xf numFmtId="0" fontId="4" fillId="0" borderId="0" xfId="0" applyFont="1" applyFill="1" applyAlignment="1"/>
    <xf numFmtId="0" fontId="6" fillId="0" borderId="1" xfId="0" applyFont="1" applyFill="1" applyBorder="1" applyAlignment="1">
      <alignment horizontal="left" indent="3"/>
    </xf>
    <xf numFmtId="0" fontId="7" fillId="0" borderId="8" xfId="0" quotePrefix="1" applyFont="1" applyFill="1" applyBorder="1" applyAlignment="1">
      <alignment horizontal="center"/>
    </xf>
    <xf numFmtId="0" fontId="7" fillId="0" borderId="2" xfId="0" quotePrefix="1" applyFont="1" applyFill="1" applyBorder="1" applyAlignment="1">
      <alignment horizontal="right"/>
    </xf>
    <xf numFmtId="0" fontId="7" fillId="0" borderId="6" xfId="0" quotePrefix="1" applyFont="1" applyFill="1" applyBorder="1" applyAlignment="1">
      <alignment horizontal="center"/>
    </xf>
    <xf numFmtId="0" fontId="7" fillId="0" borderId="12" xfId="0" quotePrefix="1" applyFont="1" applyFill="1" applyBorder="1" applyAlignment="1">
      <alignment horizontal="right"/>
    </xf>
    <xf numFmtId="0" fontId="7" fillId="0" borderId="6" xfId="0" quotePrefix="1" applyFont="1" applyFill="1" applyBorder="1" applyAlignment="1">
      <alignment horizontal="right"/>
    </xf>
    <xf numFmtId="37" fontId="7" fillId="0" borderId="1" xfId="0" applyNumberFormat="1" applyFont="1" applyFill="1" applyBorder="1" applyAlignment="1">
      <alignment horizontal="right"/>
    </xf>
    <xf numFmtId="37" fontId="7" fillId="0" borderId="14" xfId="0" applyNumberFormat="1" applyFont="1" applyFill="1" applyBorder="1" applyAlignment="1">
      <alignment horizontal="right"/>
    </xf>
    <xf numFmtId="37" fontId="7" fillId="0" borderId="6" xfId="0" applyNumberFormat="1" applyFont="1" applyFill="1" applyBorder="1" applyAlignment="1">
      <alignment horizontal="right"/>
    </xf>
    <xf numFmtId="37" fontId="7" fillId="0" borderId="3" xfId="0" applyNumberFormat="1" applyFont="1" applyFill="1" applyBorder="1" applyAlignment="1">
      <alignment horizontal="right"/>
    </xf>
    <xf numFmtId="38" fontId="7" fillId="0" borderId="1" xfId="1" applyFont="1" applyFill="1" applyBorder="1"/>
    <xf numFmtId="0" fontId="7" fillId="0" borderId="7" xfId="0" quotePrefix="1" applyFont="1" applyFill="1" applyBorder="1" applyAlignment="1">
      <alignment horizontal="center"/>
    </xf>
    <xf numFmtId="0" fontId="7" fillId="0" borderId="5" xfId="0" quotePrefix="1" applyFont="1" applyFill="1" applyBorder="1" applyAlignment="1">
      <alignment horizontal="right"/>
    </xf>
    <xf numFmtId="0" fontId="7" fillId="0" borderId="8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37" fontId="7" fillId="0" borderId="1" xfId="0" applyNumberFormat="1" applyFont="1" applyFill="1" applyBorder="1"/>
    <xf numFmtId="37" fontId="7" fillId="0" borderId="14" xfId="0" applyNumberFormat="1" applyFont="1" applyFill="1" applyBorder="1"/>
    <xf numFmtId="0" fontId="4" fillId="0" borderId="4" xfId="0" applyFont="1" applyFill="1" applyBorder="1" applyAlignment="1">
      <alignment horizontal="center"/>
    </xf>
    <xf numFmtId="0" fontId="4" fillId="0" borderId="14" xfId="0" applyFont="1" applyFill="1" applyBorder="1" applyAlignment="1">
      <alignment horizontal="center"/>
    </xf>
    <xf numFmtId="0" fontId="4" fillId="0" borderId="4" xfId="0" applyFont="1" applyFill="1" applyBorder="1" applyAlignment="1">
      <alignment horizontal="center"/>
    </xf>
    <xf numFmtId="0" fontId="4" fillId="0" borderId="14" xfId="0" applyFont="1" applyFill="1" applyBorder="1" applyAlignment="1">
      <alignment horizontal="center"/>
    </xf>
    <xf numFmtId="0" fontId="4" fillId="0" borderId="15" xfId="0" applyFont="1" applyFill="1" applyBorder="1" applyAlignment="1">
      <alignment horizontal="center"/>
    </xf>
    <xf numFmtId="0" fontId="3" fillId="0" borderId="0" xfId="0" applyFont="1" applyFill="1" applyAlignment="1">
      <alignment horizontal="center"/>
    </xf>
    <xf numFmtId="0" fontId="4" fillId="0" borderId="9" xfId="0" applyFont="1" applyFill="1" applyBorder="1" applyAlignment="1">
      <alignment horizontal="center"/>
    </xf>
    <xf numFmtId="0" fontId="4" fillId="0" borderId="10" xfId="0" applyFont="1" applyFill="1" applyBorder="1" applyAlignment="1">
      <alignment horizontal="center"/>
    </xf>
    <xf numFmtId="0" fontId="4" fillId="0" borderId="11" xfId="0" applyFont="1" applyFill="1" applyBorder="1" applyAlignment="1">
      <alignment horizontal="center"/>
    </xf>
    <xf numFmtId="0" fontId="3" fillId="0" borderId="0" xfId="0" applyFont="1" applyFill="1" applyBorder="1" applyAlignment="1">
      <alignment horizontal="center"/>
    </xf>
    <xf numFmtId="37" fontId="7" fillId="0" borderId="9" xfId="0" applyNumberFormat="1" applyFont="1" applyFill="1" applyBorder="1" applyAlignment="1">
      <alignment horizontal="right"/>
    </xf>
    <xf numFmtId="37" fontId="7" fillId="0" borderId="10" xfId="0" applyNumberFormat="1" applyFont="1" applyFill="1" applyBorder="1" applyAlignment="1">
      <alignment horizontal="right"/>
    </xf>
    <xf numFmtId="37" fontId="7" fillId="0" borderId="11" xfId="0" applyNumberFormat="1" applyFont="1" applyFill="1" applyBorder="1" applyAlignment="1">
      <alignment horizontal="right"/>
    </xf>
    <xf numFmtId="37" fontId="7" fillId="0" borderId="12" xfId="0" applyNumberFormat="1" applyFont="1" applyFill="1" applyBorder="1" applyAlignment="1">
      <alignment horizontal="right"/>
    </xf>
    <xf numFmtId="37" fontId="7" fillId="0" borderId="0" xfId="0" applyNumberFormat="1" applyFont="1" applyFill="1" applyBorder="1" applyAlignment="1">
      <alignment horizontal="right"/>
    </xf>
    <xf numFmtId="37" fontId="7" fillId="0" borderId="13" xfId="0" applyNumberFormat="1" applyFont="1" applyFill="1" applyBorder="1" applyAlignment="1">
      <alignment horizontal="right"/>
    </xf>
    <xf numFmtId="37" fontId="4" fillId="0" borderId="12" xfId="0" applyNumberFormat="1" applyFont="1" applyFill="1" applyBorder="1" applyAlignment="1">
      <alignment horizontal="right"/>
    </xf>
    <xf numFmtId="37" fontId="4" fillId="0" borderId="0" xfId="0" applyNumberFormat="1" applyFont="1" applyFill="1" applyBorder="1" applyAlignment="1">
      <alignment horizontal="right"/>
    </xf>
    <xf numFmtId="37" fontId="4" fillId="0" borderId="13" xfId="0" applyNumberFormat="1" applyFont="1" applyFill="1" applyBorder="1" applyAlignment="1">
      <alignment horizontal="right"/>
    </xf>
    <xf numFmtId="37" fontId="4" fillId="0" borderId="6" xfId="0" applyNumberFormat="1" applyFont="1" applyFill="1" applyBorder="1" applyAlignment="1">
      <alignment horizontal="right"/>
    </xf>
    <xf numFmtId="37" fontId="4" fillId="0" borderId="1" xfId="0" applyNumberFormat="1" applyFont="1" applyFill="1" applyBorder="1" applyAlignment="1">
      <alignment horizontal="right"/>
    </xf>
    <xf numFmtId="37" fontId="4" fillId="0" borderId="3" xfId="0" applyNumberFormat="1" applyFont="1" applyFill="1" applyBorder="1" applyAlignment="1">
      <alignment horizontal="right"/>
    </xf>
    <xf numFmtId="37" fontId="7" fillId="0" borderId="4" xfId="0" applyNumberFormat="1" applyFont="1" applyFill="1" applyBorder="1" applyAlignment="1">
      <alignment horizontal="right"/>
    </xf>
    <xf numFmtId="37" fontId="7" fillId="0" borderId="15" xfId="0" applyNumberFormat="1" applyFont="1" applyFill="1" applyBorder="1" applyAlignment="1">
      <alignment horizontal="right"/>
    </xf>
    <xf numFmtId="38" fontId="7" fillId="0" borderId="10" xfId="1" applyFont="1" applyFill="1" applyBorder="1" applyAlignment="1"/>
    <xf numFmtId="38" fontId="7" fillId="0" borderId="11" xfId="1" applyFont="1" applyFill="1" applyBorder="1" applyAlignment="1"/>
    <xf numFmtId="38" fontId="7" fillId="0" borderId="0" xfId="1" applyFont="1" applyFill="1" applyBorder="1"/>
    <xf numFmtId="38" fontId="7" fillId="0" borderId="13" xfId="1" applyFont="1" applyFill="1" applyBorder="1"/>
    <xf numFmtId="38" fontId="4" fillId="0" borderId="0" xfId="1" applyFont="1" applyFill="1" applyBorder="1"/>
    <xf numFmtId="38" fontId="4" fillId="0" borderId="13" xfId="1" applyFont="1" applyFill="1" applyBorder="1"/>
    <xf numFmtId="38" fontId="4" fillId="0" borderId="1" xfId="1" applyFont="1" applyFill="1" applyBorder="1"/>
    <xf numFmtId="38" fontId="4" fillId="0" borderId="3" xfId="1" applyFont="1" applyFill="1" applyBorder="1"/>
    <xf numFmtId="37" fontId="7" fillId="0" borderId="4" xfId="0" applyNumberFormat="1" applyFont="1" applyFill="1" applyBorder="1"/>
    <xf numFmtId="37" fontId="7" fillId="0" borderId="15" xfId="0" applyNumberFormat="1" applyFont="1" applyFill="1" applyBorder="1"/>
    <xf numFmtId="38" fontId="7" fillId="0" borderId="3" xfId="1" applyFont="1" applyFill="1" applyBorder="1"/>
    <xf numFmtId="38" fontId="7" fillId="0" borderId="0" xfId="1" applyFont="1" applyFill="1" applyBorder="1" applyAlignment="1">
      <alignment horizontal="right"/>
    </xf>
    <xf numFmtId="38" fontId="7" fillId="0" borderId="13" xfId="1" applyFont="1" applyFill="1" applyBorder="1" applyAlignment="1">
      <alignment horizontal="right"/>
    </xf>
    <xf numFmtId="37" fontId="4" fillId="0" borderId="6" xfId="0" applyNumberFormat="1" applyFont="1" applyFill="1" applyBorder="1"/>
    <xf numFmtId="37" fontId="4" fillId="0" borderId="1" xfId="0" applyNumberFormat="1" applyFont="1" applyFill="1" applyBorder="1"/>
    <xf numFmtId="37" fontId="4" fillId="0" borderId="3" xfId="0" applyNumberFormat="1" applyFont="1" applyFill="1" applyBorder="1"/>
    <xf numFmtId="37" fontId="7" fillId="0" borderId="6" xfId="0" applyNumberFormat="1" applyFont="1" applyFill="1" applyBorder="1"/>
    <xf numFmtId="37" fontId="7" fillId="0" borderId="3" xfId="0" applyNumberFormat="1" applyFont="1" applyFill="1" applyBorder="1"/>
    <xf numFmtId="0" fontId="7" fillId="0" borderId="10" xfId="0" quotePrefix="1" applyFont="1" applyFill="1" applyBorder="1" applyAlignment="1">
      <alignment horizontal="right"/>
    </xf>
    <xf numFmtId="37" fontId="7" fillId="0" borderId="0" xfId="0" applyNumberFormat="1" applyFont="1" applyFill="1" applyBorder="1"/>
    <xf numFmtId="37" fontId="7" fillId="0" borderId="10" xfId="0" applyNumberFormat="1" applyFont="1" applyFill="1" applyBorder="1"/>
    <xf numFmtId="38" fontId="7" fillId="0" borderId="10" xfId="1" applyFont="1" applyFill="1" applyBorder="1"/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137"/>
  <sheetViews>
    <sheetView tabSelected="1"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30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219</v>
      </c>
      <c r="C3" s="54"/>
      <c r="D3" s="55"/>
      <c r="E3" s="53" t="s">
        <v>220</v>
      </c>
      <c r="F3" s="54"/>
      <c r="G3" s="55"/>
      <c r="H3" s="53" t="s">
        <v>223</v>
      </c>
      <c r="I3" s="54"/>
      <c r="J3" s="55"/>
      <c r="K3" s="53" t="s">
        <v>226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2</v>
      </c>
      <c r="D4" s="9" t="s">
        <v>134</v>
      </c>
      <c r="E4" s="9" t="s">
        <v>136</v>
      </c>
      <c r="F4" s="9" t="s">
        <v>132</v>
      </c>
      <c r="G4" s="9" t="s">
        <v>134</v>
      </c>
      <c r="H4" s="9" t="s">
        <v>131</v>
      </c>
      <c r="I4" s="9" t="s">
        <v>132</v>
      </c>
      <c r="J4" s="9" t="s">
        <v>134</v>
      </c>
      <c r="K4" s="9" t="s">
        <v>131</v>
      </c>
      <c r="L4" s="9" t="s">
        <v>132</v>
      </c>
      <c r="M4" s="11" t="s">
        <v>134</v>
      </c>
    </row>
    <row r="5" spans="1:13" s="33" customFormat="1" ht="22.5" customHeight="1">
      <c r="A5" s="35" t="s">
        <v>233</v>
      </c>
      <c r="B5" s="61">
        <v>-3276</v>
      </c>
      <c r="C5" s="62">
        <v>-5085</v>
      </c>
      <c r="D5" s="63">
        <v>1809</v>
      </c>
      <c r="E5" s="61">
        <v>99088</v>
      </c>
      <c r="F5" s="62">
        <v>52731</v>
      </c>
      <c r="G5" s="63">
        <v>46357</v>
      </c>
      <c r="H5" s="61">
        <v>505665</v>
      </c>
      <c r="I5" s="62">
        <v>269359</v>
      </c>
      <c r="J5" s="63">
        <v>236306</v>
      </c>
      <c r="K5" s="61">
        <v>467971</v>
      </c>
      <c r="L5" s="62">
        <v>251246</v>
      </c>
      <c r="M5" s="63">
        <v>216725</v>
      </c>
    </row>
    <row r="6" spans="1:13" ht="23.25" customHeight="1">
      <c r="A6" s="36" t="s">
        <v>2</v>
      </c>
      <c r="B6" s="64">
        <v>58647</v>
      </c>
      <c r="C6" s="65">
        <v>29835</v>
      </c>
      <c r="D6" s="66">
        <v>28812</v>
      </c>
      <c r="E6" s="64">
        <v>146</v>
      </c>
      <c r="F6" s="65">
        <v>76</v>
      </c>
      <c r="G6" s="66">
        <v>70</v>
      </c>
      <c r="H6" s="64">
        <v>24531</v>
      </c>
      <c r="I6" s="65">
        <v>12742</v>
      </c>
      <c r="J6" s="66">
        <v>11789</v>
      </c>
      <c r="K6" s="64">
        <v>23856</v>
      </c>
      <c r="L6" s="65">
        <v>12364</v>
      </c>
      <c r="M6" s="66">
        <v>11492</v>
      </c>
    </row>
    <row r="7" spans="1:13">
      <c r="A7" s="15" t="s">
        <v>4</v>
      </c>
      <c r="B7" s="67">
        <v>58580</v>
      </c>
      <c r="C7" s="68">
        <v>29775</v>
      </c>
      <c r="D7" s="69">
        <v>28805</v>
      </c>
      <c r="E7" s="67">
        <v>96</v>
      </c>
      <c r="F7" s="68">
        <v>50</v>
      </c>
      <c r="G7" s="69">
        <v>46</v>
      </c>
      <c r="H7" s="67">
        <v>4286</v>
      </c>
      <c r="I7" s="68">
        <v>2213</v>
      </c>
      <c r="J7" s="69">
        <v>2073</v>
      </c>
      <c r="K7" s="67">
        <v>3728</v>
      </c>
      <c r="L7" s="68">
        <v>1921</v>
      </c>
      <c r="M7" s="69">
        <v>1807</v>
      </c>
    </row>
    <row r="8" spans="1:13">
      <c r="A8" s="15" t="s">
        <v>6</v>
      </c>
      <c r="B8" s="67">
        <v>199</v>
      </c>
      <c r="C8" s="68">
        <v>112</v>
      </c>
      <c r="D8" s="69">
        <v>87</v>
      </c>
      <c r="E8" s="67">
        <v>25</v>
      </c>
      <c r="F8" s="68">
        <v>13</v>
      </c>
      <c r="G8" s="69">
        <v>12</v>
      </c>
      <c r="H8" s="67">
        <v>6560</v>
      </c>
      <c r="I8" s="68">
        <v>3467</v>
      </c>
      <c r="J8" s="69">
        <v>3093</v>
      </c>
      <c r="K8" s="67">
        <v>6336</v>
      </c>
      <c r="L8" s="68">
        <v>3342</v>
      </c>
      <c r="M8" s="69">
        <v>2994</v>
      </c>
    </row>
    <row r="9" spans="1:13">
      <c r="A9" s="15" t="s">
        <v>8</v>
      </c>
      <c r="B9" s="67">
        <v>-84</v>
      </c>
      <c r="C9" s="68">
        <v>-70</v>
      </c>
      <c r="D9" s="69">
        <v>-14</v>
      </c>
      <c r="E9" s="67">
        <v>11</v>
      </c>
      <c r="F9" s="68">
        <v>5</v>
      </c>
      <c r="G9" s="69">
        <v>6</v>
      </c>
      <c r="H9" s="67">
        <v>5369</v>
      </c>
      <c r="I9" s="68">
        <v>2764</v>
      </c>
      <c r="J9" s="69">
        <v>2605</v>
      </c>
      <c r="K9" s="67">
        <v>5442</v>
      </c>
      <c r="L9" s="68">
        <v>2829</v>
      </c>
      <c r="M9" s="69">
        <v>2613</v>
      </c>
    </row>
    <row r="10" spans="1:13">
      <c r="A10" s="15" t="s">
        <v>10</v>
      </c>
      <c r="B10" s="67">
        <v>-78</v>
      </c>
      <c r="C10" s="68">
        <v>41</v>
      </c>
      <c r="D10" s="69">
        <v>-119</v>
      </c>
      <c r="E10" s="67">
        <v>8</v>
      </c>
      <c r="F10" s="68">
        <v>6</v>
      </c>
      <c r="G10" s="69">
        <v>2</v>
      </c>
      <c r="H10" s="67">
        <v>4581</v>
      </c>
      <c r="I10" s="68">
        <v>2373</v>
      </c>
      <c r="J10" s="69">
        <v>2208</v>
      </c>
      <c r="K10" s="67">
        <v>4651</v>
      </c>
      <c r="L10" s="68">
        <v>2326</v>
      </c>
      <c r="M10" s="69">
        <v>2325</v>
      </c>
    </row>
    <row r="11" spans="1:13">
      <c r="A11" s="15" t="s">
        <v>12</v>
      </c>
      <c r="B11" s="67">
        <v>30</v>
      </c>
      <c r="C11" s="68">
        <v>-23</v>
      </c>
      <c r="D11" s="69">
        <v>53</v>
      </c>
      <c r="E11" s="67">
        <v>6</v>
      </c>
      <c r="F11" s="68">
        <v>2</v>
      </c>
      <c r="G11" s="69">
        <v>4</v>
      </c>
      <c r="H11" s="67">
        <v>3735</v>
      </c>
      <c r="I11" s="68">
        <v>1925</v>
      </c>
      <c r="J11" s="69">
        <v>1810</v>
      </c>
      <c r="K11" s="67">
        <v>3699</v>
      </c>
      <c r="L11" s="68">
        <v>1946</v>
      </c>
      <c r="M11" s="69">
        <v>1753</v>
      </c>
    </row>
    <row r="12" spans="1:13" ht="21" customHeight="1">
      <c r="A12" s="36" t="s">
        <v>14</v>
      </c>
      <c r="B12" s="64">
        <v>103</v>
      </c>
      <c r="C12" s="65">
        <v>-14</v>
      </c>
      <c r="D12" s="66">
        <v>117</v>
      </c>
      <c r="E12" s="64">
        <v>29</v>
      </c>
      <c r="F12" s="65">
        <v>14</v>
      </c>
      <c r="G12" s="66">
        <v>15</v>
      </c>
      <c r="H12" s="64">
        <v>12950</v>
      </c>
      <c r="I12" s="65">
        <v>6576</v>
      </c>
      <c r="J12" s="66">
        <v>6374</v>
      </c>
      <c r="K12" s="64">
        <v>12818</v>
      </c>
      <c r="L12" s="65">
        <v>6576</v>
      </c>
      <c r="M12" s="66">
        <v>6242</v>
      </c>
    </row>
    <row r="13" spans="1:13">
      <c r="A13" s="15" t="s">
        <v>16</v>
      </c>
      <c r="B13" s="67">
        <v>-31</v>
      </c>
      <c r="C13" s="68">
        <v>-39</v>
      </c>
      <c r="D13" s="69">
        <v>8</v>
      </c>
      <c r="E13" s="67">
        <v>8</v>
      </c>
      <c r="F13" s="68">
        <v>4</v>
      </c>
      <c r="G13" s="69">
        <v>4</v>
      </c>
      <c r="H13" s="67">
        <v>3199</v>
      </c>
      <c r="I13" s="68">
        <v>1609</v>
      </c>
      <c r="J13" s="69">
        <v>1590</v>
      </c>
      <c r="K13" s="67">
        <v>3222</v>
      </c>
      <c r="L13" s="68">
        <v>1644</v>
      </c>
      <c r="M13" s="69">
        <v>1578</v>
      </c>
    </row>
    <row r="14" spans="1:13">
      <c r="A14" s="15" t="s">
        <v>18</v>
      </c>
      <c r="B14" s="67">
        <v>52</v>
      </c>
      <c r="C14" s="68">
        <v>4</v>
      </c>
      <c r="D14" s="69">
        <v>48</v>
      </c>
      <c r="E14" s="67">
        <v>4</v>
      </c>
      <c r="F14" s="68">
        <v>0</v>
      </c>
      <c r="G14" s="69">
        <v>4</v>
      </c>
      <c r="H14" s="67">
        <v>3201</v>
      </c>
      <c r="I14" s="68">
        <v>1637</v>
      </c>
      <c r="J14" s="69">
        <v>1564</v>
      </c>
      <c r="K14" s="67">
        <v>3145</v>
      </c>
      <c r="L14" s="68">
        <v>1633</v>
      </c>
      <c r="M14" s="69">
        <v>1512</v>
      </c>
    </row>
    <row r="15" spans="1:13">
      <c r="A15" s="15" t="s">
        <v>20</v>
      </c>
      <c r="B15" s="67">
        <v>-106</v>
      </c>
      <c r="C15" s="68">
        <v>-39</v>
      </c>
      <c r="D15" s="69">
        <v>-67</v>
      </c>
      <c r="E15" s="67">
        <v>6</v>
      </c>
      <c r="F15" s="68">
        <v>5</v>
      </c>
      <c r="G15" s="69">
        <v>1</v>
      </c>
      <c r="H15" s="67">
        <v>2867</v>
      </c>
      <c r="I15" s="68">
        <v>1474</v>
      </c>
      <c r="J15" s="69">
        <v>1393</v>
      </c>
      <c r="K15" s="67">
        <v>2967</v>
      </c>
      <c r="L15" s="68">
        <v>1508</v>
      </c>
      <c r="M15" s="69">
        <v>1459</v>
      </c>
    </row>
    <row r="16" spans="1:13">
      <c r="A16" s="15" t="s">
        <v>22</v>
      </c>
      <c r="B16" s="67">
        <v>76</v>
      </c>
      <c r="C16" s="68">
        <v>31</v>
      </c>
      <c r="D16" s="69">
        <v>45</v>
      </c>
      <c r="E16" s="67">
        <v>7</v>
      </c>
      <c r="F16" s="68">
        <v>2</v>
      </c>
      <c r="G16" s="69">
        <v>5</v>
      </c>
      <c r="H16" s="67">
        <v>1924</v>
      </c>
      <c r="I16" s="68">
        <v>977</v>
      </c>
      <c r="J16" s="69">
        <v>947</v>
      </c>
      <c r="K16" s="67">
        <v>1841</v>
      </c>
      <c r="L16" s="68">
        <v>944</v>
      </c>
      <c r="M16" s="69">
        <v>897</v>
      </c>
    </row>
    <row r="17" spans="1:13">
      <c r="A17" s="15" t="s">
        <v>24</v>
      </c>
      <c r="B17" s="67">
        <v>112</v>
      </c>
      <c r="C17" s="68">
        <v>29</v>
      </c>
      <c r="D17" s="69">
        <v>83</v>
      </c>
      <c r="E17" s="67">
        <v>4</v>
      </c>
      <c r="F17" s="68">
        <v>3</v>
      </c>
      <c r="G17" s="69">
        <v>1</v>
      </c>
      <c r="H17" s="67">
        <v>1759</v>
      </c>
      <c r="I17" s="68">
        <v>879</v>
      </c>
      <c r="J17" s="69">
        <v>880</v>
      </c>
      <c r="K17" s="67">
        <v>1643</v>
      </c>
      <c r="L17" s="68">
        <v>847</v>
      </c>
      <c r="M17" s="69">
        <v>796</v>
      </c>
    </row>
    <row r="18" spans="1:13" ht="21" customHeight="1">
      <c r="A18" s="36" t="s">
        <v>26</v>
      </c>
      <c r="B18" s="64">
        <v>603</v>
      </c>
      <c r="C18" s="65">
        <v>324</v>
      </c>
      <c r="D18" s="66">
        <v>279</v>
      </c>
      <c r="E18" s="64">
        <v>22</v>
      </c>
      <c r="F18" s="65">
        <v>12</v>
      </c>
      <c r="G18" s="66">
        <v>10</v>
      </c>
      <c r="H18" s="64">
        <v>7323</v>
      </c>
      <c r="I18" s="65">
        <v>3690</v>
      </c>
      <c r="J18" s="66">
        <v>3633</v>
      </c>
      <c r="K18" s="64">
        <v>6698</v>
      </c>
      <c r="L18" s="65">
        <v>3354</v>
      </c>
      <c r="M18" s="66">
        <v>3344</v>
      </c>
    </row>
    <row r="19" spans="1:13">
      <c r="A19" s="15" t="s">
        <v>28</v>
      </c>
      <c r="B19" s="67">
        <v>66</v>
      </c>
      <c r="C19" s="68">
        <v>43</v>
      </c>
      <c r="D19" s="69">
        <v>23</v>
      </c>
      <c r="E19" s="67">
        <v>3</v>
      </c>
      <c r="F19" s="68">
        <v>1</v>
      </c>
      <c r="G19" s="69">
        <v>2</v>
      </c>
      <c r="H19" s="67">
        <v>1659</v>
      </c>
      <c r="I19" s="68">
        <v>839</v>
      </c>
      <c r="J19" s="69">
        <v>820</v>
      </c>
      <c r="K19" s="67">
        <v>1590</v>
      </c>
      <c r="L19" s="68">
        <v>795</v>
      </c>
      <c r="M19" s="69">
        <v>795</v>
      </c>
    </row>
    <row r="20" spans="1:13">
      <c r="A20" s="15" t="s">
        <v>30</v>
      </c>
      <c r="B20" s="67">
        <v>120</v>
      </c>
      <c r="C20" s="68">
        <v>86</v>
      </c>
      <c r="D20" s="69">
        <v>34</v>
      </c>
      <c r="E20" s="67">
        <v>5</v>
      </c>
      <c r="F20" s="68">
        <v>4</v>
      </c>
      <c r="G20" s="69">
        <v>1</v>
      </c>
      <c r="H20" s="67">
        <v>1380</v>
      </c>
      <c r="I20" s="68">
        <v>720</v>
      </c>
      <c r="J20" s="69">
        <v>660</v>
      </c>
      <c r="K20" s="67">
        <v>1255</v>
      </c>
      <c r="L20" s="68">
        <v>630</v>
      </c>
      <c r="M20" s="69">
        <v>625</v>
      </c>
    </row>
    <row r="21" spans="1:13">
      <c r="A21" s="15" t="s">
        <v>32</v>
      </c>
      <c r="B21" s="67">
        <v>208</v>
      </c>
      <c r="C21" s="68">
        <v>106</v>
      </c>
      <c r="D21" s="69">
        <v>102</v>
      </c>
      <c r="E21" s="67">
        <v>4</v>
      </c>
      <c r="F21" s="68">
        <v>2</v>
      </c>
      <c r="G21" s="69">
        <v>2</v>
      </c>
      <c r="H21" s="67">
        <v>1486</v>
      </c>
      <c r="I21" s="68">
        <v>745</v>
      </c>
      <c r="J21" s="69">
        <v>741</v>
      </c>
      <c r="K21" s="67">
        <v>1274</v>
      </c>
      <c r="L21" s="68">
        <v>637</v>
      </c>
      <c r="M21" s="69">
        <v>637</v>
      </c>
    </row>
    <row r="22" spans="1:13">
      <c r="A22" s="15" t="s">
        <v>34</v>
      </c>
      <c r="B22" s="67">
        <v>96</v>
      </c>
      <c r="C22" s="68">
        <v>23</v>
      </c>
      <c r="D22" s="69">
        <v>73</v>
      </c>
      <c r="E22" s="67">
        <v>4</v>
      </c>
      <c r="F22" s="68">
        <v>1</v>
      </c>
      <c r="G22" s="69">
        <v>3</v>
      </c>
      <c r="H22" s="67">
        <v>1683</v>
      </c>
      <c r="I22" s="68">
        <v>807</v>
      </c>
      <c r="J22" s="69">
        <v>876</v>
      </c>
      <c r="K22" s="67">
        <v>1583</v>
      </c>
      <c r="L22" s="68">
        <v>783</v>
      </c>
      <c r="M22" s="69">
        <v>800</v>
      </c>
    </row>
    <row r="23" spans="1:13">
      <c r="A23" s="15" t="s">
        <v>36</v>
      </c>
      <c r="B23" s="67">
        <v>113</v>
      </c>
      <c r="C23" s="68">
        <v>66</v>
      </c>
      <c r="D23" s="69">
        <v>47</v>
      </c>
      <c r="E23" s="67">
        <v>6</v>
      </c>
      <c r="F23" s="68">
        <v>4</v>
      </c>
      <c r="G23" s="69">
        <v>2</v>
      </c>
      <c r="H23" s="67">
        <v>1115</v>
      </c>
      <c r="I23" s="68">
        <v>579</v>
      </c>
      <c r="J23" s="69">
        <v>536</v>
      </c>
      <c r="K23" s="67">
        <v>996</v>
      </c>
      <c r="L23" s="68">
        <v>509</v>
      </c>
      <c r="M23" s="69">
        <v>487</v>
      </c>
    </row>
    <row r="24" spans="1:13" ht="21" customHeight="1">
      <c r="A24" s="36" t="s">
        <v>38</v>
      </c>
      <c r="B24" s="64">
        <v>6095</v>
      </c>
      <c r="C24" s="65">
        <v>3247</v>
      </c>
      <c r="D24" s="66">
        <v>2848</v>
      </c>
      <c r="E24" s="64">
        <v>75</v>
      </c>
      <c r="F24" s="65">
        <v>45</v>
      </c>
      <c r="G24" s="66">
        <v>30</v>
      </c>
      <c r="H24" s="64">
        <v>18521</v>
      </c>
      <c r="I24" s="65">
        <v>10412</v>
      </c>
      <c r="J24" s="66">
        <v>8109</v>
      </c>
      <c r="K24" s="64">
        <v>12351</v>
      </c>
      <c r="L24" s="65">
        <v>7120</v>
      </c>
      <c r="M24" s="66">
        <v>5231</v>
      </c>
    </row>
    <row r="25" spans="1:13">
      <c r="A25" s="15" t="s">
        <v>40</v>
      </c>
      <c r="B25" s="67">
        <v>353</v>
      </c>
      <c r="C25" s="68">
        <v>290</v>
      </c>
      <c r="D25" s="69">
        <v>63</v>
      </c>
      <c r="E25" s="67">
        <v>10</v>
      </c>
      <c r="F25" s="68">
        <v>6</v>
      </c>
      <c r="G25" s="69">
        <v>4</v>
      </c>
      <c r="H25" s="67">
        <v>1672</v>
      </c>
      <c r="I25" s="68">
        <v>962</v>
      </c>
      <c r="J25" s="69">
        <v>710</v>
      </c>
      <c r="K25" s="67">
        <v>1309</v>
      </c>
      <c r="L25" s="68">
        <v>666</v>
      </c>
      <c r="M25" s="69">
        <v>643</v>
      </c>
    </row>
    <row r="26" spans="1:13">
      <c r="A26" s="15" t="s">
        <v>42</v>
      </c>
      <c r="B26" s="67">
        <v>165</v>
      </c>
      <c r="C26" s="68">
        <v>55</v>
      </c>
      <c r="D26" s="69">
        <v>110</v>
      </c>
      <c r="E26" s="67">
        <v>11</v>
      </c>
      <c r="F26" s="68">
        <v>3</v>
      </c>
      <c r="G26" s="69">
        <v>8</v>
      </c>
      <c r="H26" s="67">
        <v>1818</v>
      </c>
      <c r="I26" s="68">
        <v>900</v>
      </c>
      <c r="J26" s="69">
        <v>918</v>
      </c>
      <c r="K26" s="67">
        <v>1642</v>
      </c>
      <c r="L26" s="68">
        <v>842</v>
      </c>
      <c r="M26" s="69">
        <v>800</v>
      </c>
    </row>
    <row r="27" spans="1:13">
      <c r="A27" s="15" t="s">
        <v>44</v>
      </c>
      <c r="B27" s="67">
        <v>133</v>
      </c>
      <c r="C27" s="68">
        <v>71</v>
      </c>
      <c r="D27" s="69">
        <v>62</v>
      </c>
      <c r="E27" s="67">
        <v>22</v>
      </c>
      <c r="F27" s="68">
        <v>14</v>
      </c>
      <c r="G27" s="69">
        <v>8</v>
      </c>
      <c r="H27" s="67">
        <v>1253</v>
      </c>
      <c r="I27" s="68">
        <v>641</v>
      </c>
      <c r="J27" s="69">
        <v>612</v>
      </c>
      <c r="K27" s="67">
        <v>1098</v>
      </c>
      <c r="L27" s="68">
        <v>556</v>
      </c>
      <c r="M27" s="69">
        <v>542</v>
      </c>
    </row>
    <row r="28" spans="1:13">
      <c r="A28" s="15" t="s">
        <v>46</v>
      </c>
      <c r="B28" s="67">
        <v>1807</v>
      </c>
      <c r="C28" s="68">
        <v>978</v>
      </c>
      <c r="D28" s="69">
        <v>829</v>
      </c>
      <c r="E28" s="67">
        <v>15</v>
      </c>
      <c r="F28" s="68">
        <v>11</v>
      </c>
      <c r="G28" s="69">
        <v>4</v>
      </c>
      <c r="H28" s="67">
        <v>5116</v>
      </c>
      <c r="I28" s="68">
        <v>3072</v>
      </c>
      <c r="J28" s="69">
        <v>2044</v>
      </c>
      <c r="K28" s="67">
        <v>3294</v>
      </c>
      <c r="L28" s="68">
        <v>2083</v>
      </c>
      <c r="M28" s="69">
        <v>1211</v>
      </c>
    </row>
    <row r="29" spans="1:13">
      <c r="A29" s="15" t="s">
        <v>48</v>
      </c>
      <c r="B29" s="67">
        <v>3637</v>
      </c>
      <c r="C29" s="68">
        <v>1853</v>
      </c>
      <c r="D29" s="69">
        <v>1784</v>
      </c>
      <c r="E29" s="67">
        <v>17</v>
      </c>
      <c r="F29" s="68">
        <v>11</v>
      </c>
      <c r="G29" s="69">
        <v>6</v>
      </c>
      <c r="H29" s="67">
        <v>8662</v>
      </c>
      <c r="I29" s="68">
        <v>4837</v>
      </c>
      <c r="J29" s="69">
        <v>3825</v>
      </c>
      <c r="K29" s="67">
        <v>5008</v>
      </c>
      <c r="L29" s="68">
        <v>2973</v>
      </c>
      <c r="M29" s="69">
        <v>2035</v>
      </c>
    </row>
    <row r="30" spans="1:13" ht="21" customHeight="1">
      <c r="A30" s="36" t="s">
        <v>50</v>
      </c>
      <c r="B30" s="64">
        <v>15852</v>
      </c>
      <c r="C30" s="65">
        <v>7787</v>
      </c>
      <c r="D30" s="66">
        <v>8065</v>
      </c>
      <c r="E30" s="64">
        <v>181</v>
      </c>
      <c r="F30" s="65">
        <v>111</v>
      </c>
      <c r="G30" s="66">
        <v>70</v>
      </c>
      <c r="H30" s="64">
        <v>85223</v>
      </c>
      <c r="I30" s="65">
        <v>44370</v>
      </c>
      <c r="J30" s="66">
        <v>40853</v>
      </c>
      <c r="K30" s="64">
        <v>69190</v>
      </c>
      <c r="L30" s="65">
        <v>36472</v>
      </c>
      <c r="M30" s="66">
        <v>32718</v>
      </c>
    </row>
    <row r="31" spans="1:13">
      <c r="A31" s="15" t="s">
        <v>52</v>
      </c>
      <c r="B31" s="67">
        <v>2465</v>
      </c>
      <c r="C31" s="68">
        <v>1429</v>
      </c>
      <c r="D31" s="69">
        <v>1036</v>
      </c>
      <c r="E31" s="67">
        <v>39</v>
      </c>
      <c r="F31" s="68">
        <v>26</v>
      </c>
      <c r="G31" s="69">
        <v>13</v>
      </c>
      <c r="H31" s="67">
        <v>8410</v>
      </c>
      <c r="I31" s="68">
        <v>4537</v>
      </c>
      <c r="J31" s="69">
        <v>3873</v>
      </c>
      <c r="K31" s="67">
        <v>5906</v>
      </c>
      <c r="L31" s="68">
        <v>3082</v>
      </c>
      <c r="M31" s="69">
        <v>2824</v>
      </c>
    </row>
    <row r="32" spans="1:13">
      <c r="A32" s="15" t="s">
        <v>54</v>
      </c>
      <c r="B32" s="67">
        <v>3600</v>
      </c>
      <c r="C32" s="68">
        <v>1741</v>
      </c>
      <c r="D32" s="69">
        <v>1859</v>
      </c>
      <c r="E32" s="67">
        <v>28</v>
      </c>
      <c r="F32" s="68">
        <v>18</v>
      </c>
      <c r="G32" s="69">
        <v>10</v>
      </c>
      <c r="H32" s="67">
        <v>11825</v>
      </c>
      <c r="I32" s="68">
        <v>5808</v>
      </c>
      <c r="J32" s="69">
        <v>6017</v>
      </c>
      <c r="K32" s="67">
        <v>8197</v>
      </c>
      <c r="L32" s="68">
        <v>4049</v>
      </c>
      <c r="M32" s="69">
        <v>4148</v>
      </c>
    </row>
    <row r="33" spans="1:13">
      <c r="A33" s="15" t="s">
        <v>56</v>
      </c>
      <c r="B33" s="67">
        <v>2740</v>
      </c>
      <c r="C33" s="68">
        <v>1119</v>
      </c>
      <c r="D33" s="69">
        <v>1621</v>
      </c>
      <c r="E33" s="67">
        <v>36</v>
      </c>
      <c r="F33" s="68">
        <v>19</v>
      </c>
      <c r="G33" s="69">
        <v>17</v>
      </c>
      <c r="H33" s="67">
        <v>16839</v>
      </c>
      <c r="I33" s="68">
        <v>8561</v>
      </c>
      <c r="J33" s="69">
        <v>8278</v>
      </c>
      <c r="K33" s="67">
        <v>14063</v>
      </c>
      <c r="L33" s="68">
        <v>7423</v>
      </c>
      <c r="M33" s="69">
        <v>6640</v>
      </c>
    </row>
    <row r="34" spans="1:13">
      <c r="A34" s="15" t="s">
        <v>58</v>
      </c>
      <c r="B34" s="67">
        <v>4794</v>
      </c>
      <c r="C34" s="68">
        <v>2199</v>
      </c>
      <c r="D34" s="69">
        <v>2595</v>
      </c>
      <c r="E34" s="67">
        <v>38</v>
      </c>
      <c r="F34" s="68">
        <v>26</v>
      </c>
      <c r="G34" s="69">
        <v>12</v>
      </c>
      <c r="H34" s="67">
        <v>25450</v>
      </c>
      <c r="I34" s="68">
        <v>13270</v>
      </c>
      <c r="J34" s="69">
        <v>12180</v>
      </c>
      <c r="K34" s="67">
        <v>20618</v>
      </c>
      <c r="L34" s="68">
        <v>11045</v>
      </c>
      <c r="M34" s="69">
        <v>9573</v>
      </c>
    </row>
    <row r="35" spans="1:13">
      <c r="A35" s="15" t="s">
        <v>60</v>
      </c>
      <c r="B35" s="67">
        <v>2253</v>
      </c>
      <c r="C35" s="68">
        <v>1299</v>
      </c>
      <c r="D35" s="69">
        <v>954</v>
      </c>
      <c r="E35" s="67">
        <v>40</v>
      </c>
      <c r="F35" s="68">
        <v>22</v>
      </c>
      <c r="G35" s="69">
        <v>18</v>
      </c>
      <c r="H35" s="67">
        <v>22699</v>
      </c>
      <c r="I35" s="68">
        <v>12194</v>
      </c>
      <c r="J35" s="69">
        <v>10505</v>
      </c>
      <c r="K35" s="67">
        <v>20406</v>
      </c>
      <c r="L35" s="68">
        <v>10873</v>
      </c>
      <c r="M35" s="69">
        <v>9533</v>
      </c>
    </row>
    <row r="36" spans="1:13" ht="21" customHeight="1">
      <c r="A36" s="36" t="s">
        <v>62</v>
      </c>
      <c r="B36" s="64">
        <v>6631</v>
      </c>
      <c r="C36" s="65">
        <v>4206</v>
      </c>
      <c r="D36" s="66">
        <v>2425</v>
      </c>
      <c r="E36" s="64">
        <v>182</v>
      </c>
      <c r="F36" s="65">
        <v>112</v>
      </c>
      <c r="G36" s="66">
        <v>70</v>
      </c>
      <c r="H36" s="64">
        <v>112010</v>
      </c>
      <c r="I36" s="65">
        <v>59417</v>
      </c>
      <c r="J36" s="66">
        <v>52593</v>
      </c>
      <c r="K36" s="64">
        <v>105197</v>
      </c>
      <c r="L36" s="65">
        <v>55099</v>
      </c>
      <c r="M36" s="66">
        <v>50098</v>
      </c>
    </row>
    <row r="37" spans="1:13">
      <c r="A37" s="15" t="s">
        <v>64</v>
      </c>
      <c r="B37" s="67">
        <v>2550</v>
      </c>
      <c r="C37" s="68">
        <v>1773</v>
      </c>
      <c r="D37" s="69">
        <v>777</v>
      </c>
      <c r="E37" s="67">
        <v>42</v>
      </c>
      <c r="F37" s="68">
        <v>28</v>
      </c>
      <c r="G37" s="69">
        <v>14</v>
      </c>
      <c r="H37" s="67">
        <v>24977</v>
      </c>
      <c r="I37" s="68">
        <v>13612</v>
      </c>
      <c r="J37" s="69">
        <v>11365</v>
      </c>
      <c r="K37" s="67">
        <v>22385</v>
      </c>
      <c r="L37" s="68">
        <v>11811</v>
      </c>
      <c r="M37" s="69">
        <v>10574</v>
      </c>
    </row>
    <row r="38" spans="1:13">
      <c r="A38" s="15" t="s">
        <v>66</v>
      </c>
      <c r="B38" s="67">
        <v>1554</v>
      </c>
      <c r="C38" s="68">
        <v>996</v>
      </c>
      <c r="D38" s="69">
        <v>558</v>
      </c>
      <c r="E38" s="67">
        <v>38</v>
      </c>
      <c r="F38" s="68">
        <v>21</v>
      </c>
      <c r="G38" s="69">
        <v>17</v>
      </c>
      <c r="H38" s="67">
        <v>24129</v>
      </c>
      <c r="I38" s="68">
        <v>12805</v>
      </c>
      <c r="J38" s="69">
        <v>11324</v>
      </c>
      <c r="K38" s="67">
        <v>22537</v>
      </c>
      <c r="L38" s="68">
        <v>11788</v>
      </c>
      <c r="M38" s="69">
        <v>10749</v>
      </c>
    </row>
    <row r="39" spans="1:13">
      <c r="A39" s="15" t="s">
        <v>68</v>
      </c>
      <c r="B39" s="67">
        <v>997</v>
      </c>
      <c r="C39" s="68">
        <v>675</v>
      </c>
      <c r="D39" s="69">
        <v>322</v>
      </c>
      <c r="E39" s="67">
        <v>27</v>
      </c>
      <c r="F39" s="68">
        <v>16</v>
      </c>
      <c r="G39" s="69">
        <v>11</v>
      </c>
      <c r="H39" s="67">
        <v>22403</v>
      </c>
      <c r="I39" s="68">
        <v>11868</v>
      </c>
      <c r="J39" s="69">
        <v>10535</v>
      </c>
      <c r="K39" s="67">
        <v>21379</v>
      </c>
      <c r="L39" s="68">
        <v>11177</v>
      </c>
      <c r="M39" s="69">
        <v>10202</v>
      </c>
    </row>
    <row r="40" spans="1:13">
      <c r="A40" s="15" t="s">
        <v>70</v>
      </c>
      <c r="B40" s="67">
        <v>936</v>
      </c>
      <c r="C40" s="68">
        <v>551</v>
      </c>
      <c r="D40" s="69">
        <v>385</v>
      </c>
      <c r="E40" s="67">
        <v>37</v>
      </c>
      <c r="F40" s="68">
        <v>25</v>
      </c>
      <c r="G40" s="69">
        <v>12</v>
      </c>
      <c r="H40" s="67">
        <v>21362</v>
      </c>
      <c r="I40" s="68">
        <v>11110</v>
      </c>
      <c r="J40" s="69">
        <v>10252</v>
      </c>
      <c r="K40" s="67">
        <v>20389</v>
      </c>
      <c r="L40" s="68">
        <v>10534</v>
      </c>
      <c r="M40" s="69">
        <v>9855</v>
      </c>
    </row>
    <row r="41" spans="1:13">
      <c r="A41" s="15" t="s">
        <v>72</v>
      </c>
      <c r="B41" s="67">
        <v>594</v>
      </c>
      <c r="C41" s="68">
        <v>211</v>
      </c>
      <c r="D41" s="69">
        <v>383</v>
      </c>
      <c r="E41" s="67">
        <v>38</v>
      </c>
      <c r="F41" s="68">
        <v>22</v>
      </c>
      <c r="G41" s="69">
        <v>16</v>
      </c>
      <c r="H41" s="67">
        <v>19139</v>
      </c>
      <c r="I41" s="68">
        <v>10022</v>
      </c>
      <c r="J41" s="69">
        <v>9117</v>
      </c>
      <c r="K41" s="67">
        <v>18507</v>
      </c>
      <c r="L41" s="68">
        <v>9789</v>
      </c>
      <c r="M41" s="69">
        <v>8718</v>
      </c>
    </row>
    <row r="42" spans="1:13" ht="21" customHeight="1">
      <c r="A42" s="36" t="s">
        <v>74</v>
      </c>
      <c r="B42" s="64">
        <v>2888</v>
      </c>
      <c r="C42" s="65">
        <v>1447</v>
      </c>
      <c r="D42" s="66">
        <v>1441</v>
      </c>
      <c r="E42" s="64">
        <v>170</v>
      </c>
      <c r="F42" s="65">
        <v>116</v>
      </c>
      <c r="G42" s="66">
        <v>54</v>
      </c>
      <c r="H42" s="64">
        <v>72190</v>
      </c>
      <c r="I42" s="65">
        <v>38950</v>
      </c>
      <c r="J42" s="66">
        <v>33240</v>
      </c>
      <c r="K42" s="64">
        <v>69132</v>
      </c>
      <c r="L42" s="65">
        <v>37387</v>
      </c>
      <c r="M42" s="66">
        <v>31745</v>
      </c>
    </row>
    <row r="43" spans="1:13">
      <c r="A43" s="15" t="s">
        <v>76</v>
      </c>
      <c r="B43" s="67">
        <v>858</v>
      </c>
      <c r="C43" s="68">
        <v>428</v>
      </c>
      <c r="D43" s="69">
        <v>430</v>
      </c>
      <c r="E43" s="67">
        <v>32</v>
      </c>
      <c r="F43" s="68">
        <v>18</v>
      </c>
      <c r="G43" s="69">
        <v>14</v>
      </c>
      <c r="H43" s="67">
        <v>17960</v>
      </c>
      <c r="I43" s="68">
        <v>9464</v>
      </c>
      <c r="J43" s="69">
        <v>8496</v>
      </c>
      <c r="K43" s="67">
        <v>17070</v>
      </c>
      <c r="L43" s="68">
        <v>9018</v>
      </c>
      <c r="M43" s="69">
        <v>8052</v>
      </c>
    </row>
    <row r="44" spans="1:13">
      <c r="A44" s="15" t="s">
        <v>78</v>
      </c>
      <c r="B44" s="67">
        <v>825</v>
      </c>
      <c r="C44" s="68">
        <v>344</v>
      </c>
      <c r="D44" s="69">
        <v>481</v>
      </c>
      <c r="E44" s="67">
        <v>27</v>
      </c>
      <c r="F44" s="68">
        <v>19</v>
      </c>
      <c r="G44" s="69">
        <v>8</v>
      </c>
      <c r="H44" s="67">
        <v>15881</v>
      </c>
      <c r="I44" s="68">
        <v>8442</v>
      </c>
      <c r="J44" s="69">
        <v>7439</v>
      </c>
      <c r="K44" s="67">
        <v>15029</v>
      </c>
      <c r="L44" s="68">
        <v>8079</v>
      </c>
      <c r="M44" s="69">
        <v>6950</v>
      </c>
    </row>
    <row r="45" spans="1:13">
      <c r="A45" s="15" t="s">
        <v>80</v>
      </c>
      <c r="B45" s="67">
        <v>221</v>
      </c>
      <c r="C45" s="68">
        <v>155</v>
      </c>
      <c r="D45" s="69">
        <v>66</v>
      </c>
      <c r="E45" s="67">
        <v>37</v>
      </c>
      <c r="F45" s="68">
        <v>26</v>
      </c>
      <c r="G45" s="69">
        <v>11</v>
      </c>
      <c r="H45" s="67">
        <v>13909</v>
      </c>
      <c r="I45" s="68">
        <v>7571</v>
      </c>
      <c r="J45" s="69">
        <v>6338</v>
      </c>
      <c r="K45" s="67">
        <v>13651</v>
      </c>
      <c r="L45" s="68">
        <v>7390</v>
      </c>
      <c r="M45" s="69">
        <v>6261</v>
      </c>
    </row>
    <row r="46" spans="1:13">
      <c r="A46" s="15" t="s">
        <v>82</v>
      </c>
      <c r="B46" s="67">
        <v>426</v>
      </c>
      <c r="C46" s="68">
        <v>189</v>
      </c>
      <c r="D46" s="69">
        <v>237</v>
      </c>
      <c r="E46" s="67">
        <v>34</v>
      </c>
      <c r="F46" s="68">
        <v>27</v>
      </c>
      <c r="G46" s="69">
        <v>7</v>
      </c>
      <c r="H46" s="67">
        <v>12639</v>
      </c>
      <c r="I46" s="68">
        <v>6952</v>
      </c>
      <c r="J46" s="69">
        <v>5687</v>
      </c>
      <c r="K46" s="67">
        <v>12179</v>
      </c>
      <c r="L46" s="68">
        <v>6736</v>
      </c>
      <c r="M46" s="69">
        <v>5443</v>
      </c>
    </row>
    <row r="47" spans="1:13">
      <c r="A47" s="15" t="s">
        <v>84</v>
      </c>
      <c r="B47" s="67">
        <v>558</v>
      </c>
      <c r="C47" s="68">
        <v>331</v>
      </c>
      <c r="D47" s="69">
        <v>227</v>
      </c>
      <c r="E47" s="67">
        <v>40</v>
      </c>
      <c r="F47" s="68">
        <v>26</v>
      </c>
      <c r="G47" s="69">
        <v>14</v>
      </c>
      <c r="H47" s="67">
        <v>11801</v>
      </c>
      <c r="I47" s="68">
        <v>6521</v>
      </c>
      <c r="J47" s="69">
        <v>5280</v>
      </c>
      <c r="K47" s="67">
        <v>11203</v>
      </c>
      <c r="L47" s="68">
        <v>6164</v>
      </c>
      <c r="M47" s="69">
        <v>5039</v>
      </c>
    </row>
    <row r="48" spans="1:13" ht="21" customHeight="1">
      <c r="A48" s="36" t="s">
        <v>86</v>
      </c>
      <c r="B48" s="64">
        <v>1361</v>
      </c>
      <c r="C48" s="65">
        <v>576</v>
      </c>
      <c r="D48" s="66">
        <v>785</v>
      </c>
      <c r="E48" s="64">
        <v>288</v>
      </c>
      <c r="F48" s="65">
        <v>183</v>
      </c>
      <c r="G48" s="66">
        <v>105</v>
      </c>
      <c r="H48" s="64">
        <v>44588</v>
      </c>
      <c r="I48" s="65">
        <v>24895</v>
      </c>
      <c r="J48" s="66">
        <v>19693</v>
      </c>
      <c r="K48" s="64">
        <v>42939</v>
      </c>
      <c r="L48" s="65">
        <v>24136</v>
      </c>
      <c r="M48" s="66">
        <v>18803</v>
      </c>
    </row>
    <row r="49" spans="1:13">
      <c r="A49" s="15" t="s">
        <v>88</v>
      </c>
      <c r="B49" s="67">
        <v>397</v>
      </c>
      <c r="C49" s="68">
        <v>129</v>
      </c>
      <c r="D49" s="69">
        <v>268</v>
      </c>
      <c r="E49" s="67">
        <v>53</v>
      </c>
      <c r="F49" s="68">
        <v>34</v>
      </c>
      <c r="G49" s="69">
        <v>19</v>
      </c>
      <c r="H49" s="67">
        <v>10516</v>
      </c>
      <c r="I49" s="68">
        <v>5796</v>
      </c>
      <c r="J49" s="69">
        <v>4720</v>
      </c>
      <c r="K49" s="67">
        <v>10066</v>
      </c>
      <c r="L49" s="68">
        <v>5633</v>
      </c>
      <c r="M49" s="69">
        <v>4433</v>
      </c>
    </row>
    <row r="50" spans="1:13">
      <c r="A50" s="15" t="s">
        <v>90</v>
      </c>
      <c r="B50" s="67">
        <v>273</v>
      </c>
      <c r="C50" s="68">
        <v>149</v>
      </c>
      <c r="D50" s="69">
        <v>124</v>
      </c>
      <c r="E50" s="67">
        <v>47</v>
      </c>
      <c r="F50" s="68">
        <v>27</v>
      </c>
      <c r="G50" s="69">
        <v>20</v>
      </c>
      <c r="H50" s="67">
        <v>9598</v>
      </c>
      <c r="I50" s="68">
        <v>5317</v>
      </c>
      <c r="J50" s="69">
        <v>4281</v>
      </c>
      <c r="K50" s="67">
        <v>9278</v>
      </c>
      <c r="L50" s="68">
        <v>5141</v>
      </c>
      <c r="M50" s="69">
        <v>4137</v>
      </c>
    </row>
    <row r="51" spans="1:13">
      <c r="A51" s="15" t="s">
        <v>92</v>
      </c>
      <c r="B51" s="67">
        <v>441</v>
      </c>
      <c r="C51" s="68">
        <v>141</v>
      </c>
      <c r="D51" s="69">
        <v>300</v>
      </c>
      <c r="E51" s="67">
        <v>41</v>
      </c>
      <c r="F51" s="68">
        <v>33</v>
      </c>
      <c r="G51" s="69">
        <v>8</v>
      </c>
      <c r="H51" s="67">
        <v>8877</v>
      </c>
      <c r="I51" s="68">
        <v>4938</v>
      </c>
      <c r="J51" s="69">
        <v>3939</v>
      </c>
      <c r="K51" s="67">
        <v>8395</v>
      </c>
      <c r="L51" s="68">
        <v>4764</v>
      </c>
      <c r="M51" s="69">
        <v>3631</v>
      </c>
    </row>
    <row r="52" spans="1:13">
      <c r="A52" s="15" t="s">
        <v>94</v>
      </c>
      <c r="B52" s="67">
        <v>115</v>
      </c>
      <c r="C52" s="68">
        <v>80</v>
      </c>
      <c r="D52" s="69">
        <v>35</v>
      </c>
      <c r="E52" s="67">
        <v>83</v>
      </c>
      <c r="F52" s="68">
        <v>56</v>
      </c>
      <c r="G52" s="69">
        <v>27</v>
      </c>
      <c r="H52" s="67">
        <v>8153</v>
      </c>
      <c r="I52" s="68">
        <v>4591</v>
      </c>
      <c r="J52" s="69">
        <v>3562</v>
      </c>
      <c r="K52" s="67">
        <v>7955</v>
      </c>
      <c r="L52" s="68">
        <v>4455</v>
      </c>
      <c r="M52" s="69">
        <v>3500</v>
      </c>
    </row>
    <row r="53" spans="1:13">
      <c r="A53" s="15" t="s">
        <v>96</v>
      </c>
      <c r="B53" s="67">
        <v>135</v>
      </c>
      <c r="C53" s="68">
        <v>77</v>
      </c>
      <c r="D53" s="69">
        <v>58</v>
      </c>
      <c r="E53" s="67">
        <v>64</v>
      </c>
      <c r="F53" s="68">
        <v>33</v>
      </c>
      <c r="G53" s="69">
        <v>31</v>
      </c>
      <c r="H53" s="67">
        <v>7444</v>
      </c>
      <c r="I53" s="68">
        <v>4253</v>
      </c>
      <c r="J53" s="69">
        <v>3191</v>
      </c>
      <c r="K53" s="67">
        <v>7245</v>
      </c>
      <c r="L53" s="68">
        <v>4143</v>
      </c>
      <c r="M53" s="69">
        <v>3102</v>
      </c>
    </row>
    <row r="54" spans="1:13" ht="21" customHeight="1">
      <c r="A54" s="36" t="s">
        <v>98</v>
      </c>
      <c r="B54" s="64">
        <v>582</v>
      </c>
      <c r="C54" s="65">
        <v>174</v>
      </c>
      <c r="D54" s="66">
        <v>408</v>
      </c>
      <c r="E54" s="64">
        <v>491</v>
      </c>
      <c r="F54" s="65">
        <v>299</v>
      </c>
      <c r="G54" s="66">
        <v>192</v>
      </c>
      <c r="H54" s="64">
        <v>29022</v>
      </c>
      <c r="I54" s="65">
        <v>16640</v>
      </c>
      <c r="J54" s="66">
        <v>12382</v>
      </c>
      <c r="K54" s="64">
        <v>27949</v>
      </c>
      <c r="L54" s="65">
        <v>16167</v>
      </c>
      <c r="M54" s="66">
        <v>11782</v>
      </c>
    </row>
    <row r="55" spans="1:13">
      <c r="A55" s="15" t="s">
        <v>100</v>
      </c>
      <c r="B55" s="67">
        <v>282</v>
      </c>
      <c r="C55" s="68">
        <v>130</v>
      </c>
      <c r="D55" s="69">
        <v>152</v>
      </c>
      <c r="E55" s="67">
        <v>78</v>
      </c>
      <c r="F55" s="68">
        <v>47</v>
      </c>
      <c r="G55" s="69">
        <v>31</v>
      </c>
      <c r="H55" s="67">
        <v>6808</v>
      </c>
      <c r="I55" s="68">
        <v>3859</v>
      </c>
      <c r="J55" s="69">
        <v>2949</v>
      </c>
      <c r="K55" s="67">
        <v>6448</v>
      </c>
      <c r="L55" s="68">
        <v>3682</v>
      </c>
      <c r="M55" s="69">
        <v>2766</v>
      </c>
    </row>
    <row r="56" spans="1:13">
      <c r="A56" s="15" t="s">
        <v>102</v>
      </c>
      <c r="B56" s="67">
        <v>19</v>
      </c>
      <c r="C56" s="68">
        <v>5</v>
      </c>
      <c r="D56" s="69">
        <v>14</v>
      </c>
      <c r="E56" s="67">
        <v>71</v>
      </c>
      <c r="F56" s="68">
        <v>43</v>
      </c>
      <c r="G56" s="69">
        <v>28</v>
      </c>
      <c r="H56" s="67">
        <v>6061</v>
      </c>
      <c r="I56" s="68">
        <v>3488</v>
      </c>
      <c r="J56" s="69">
        <v>2573</v>
      </c>
      <c r="K56" s="67">
        <v>5971</v>
      </c>
      <c r="L56" s="68">
        <v>3440</v>
      </c>
      <c r="M56" s="69">
        <v>2531</v>
      </c>
    </row>
    <row r="57" spans="1:13">
      <c r="A57" s="15" t="s">
        <v>104</v>
      </c>
      <c r="B57" s="67">
        <v>118</v>
      </c>
      <c r="C57" s="68">
        <v>12</v>
      </c>
      <c r="D57" s="69">
        <v>106</v>
      </c>
      <c r="E57" s="67">
        <v>109</v>
      </c>
      <c r="F57" s="68">
        <v>64</v>
      </c>
      <c r="G57" s="69">
        <v>45</v>
      </c>
      <c r="H57" s="67">
        <v>5638</v>
      </c>
      <c r="I57" s="68">
        <v>3218</v>
      </c>
      <c r="J57" s="69">
        <v>2420</v>
      </c>
      <c r="K57" s="67">
        <v>5411</v>
      </c>
      <c r="L57" s="68">
        <v>3142</v>
      </c>
      <c r="M57" s="69">
        <v>2269</v>
      </c>
    </row>
    <row r="58" spans="1:13">
      <c r="A58" s="15" t="s">
        <v>106</v>
      </c>
      <c r="B58" s="67">
        <v>158</v>
      </c>
      <c r="C58" s="68">
        <v>81</v>
      </c>
      <c r="D58" s="69">
        <v>77</v>
      </c>
      <c r="E58" s="67">
        <v>106</v>
      </c>
      <c r="F58" s="68">
        <v>61</v>
      </c>
      <c r="G58" s="69">
        <v>45</v>
      </c>
      <c r="H58" s="67">
        <v>5284</v>
      </c>
      <c r="I58" s="68">
        <v>3057</v>
      </c>
      <c r="J58" s="69">
        <v>2227</v>
      </c>
      <c r="K58" s="67">
        <v>5020</v>
      </c>
      <c r="L58" s="68">
        <v>2915</v>
      </c>
      <c r="M58" s="69">
        <v>2105</v>
      </c>
    </row>
    <row r="59" spans="1:13">
      <c r="A59" s="15" t="s">
        <v>108</v>
      </c>
      <c r="B59" s="67">
        <v>5</v>
      </c>
      <c r="C59" s="68">
        <v>-54</v>
      </c>
      <c r="D59" s="69">
        <v>59</v>
      </c>
      <c r="E59" s="67">
        <v>127</v>
      </c>
      <c r="F59" s="68">
        <v>84</v>
      </c>
      <c r="G59" s="69">
        <v>43</v>
      </c>
      <c r="H59" s="67">
        <v>5231</v>
      </c>
      <c r="I59" s="68">
        <v>3018</v>
      </c>
      <c r="J59" s="69">
        <v>2213</v>
      </c>
      <c r="K59" s="67">
        <v>5099</v>
      </c>
      <c r="L59" s="68">
        <v>2988</v>
      </c>
      <c r="M59" s="69">
        <v>2111</v>
      </c>
    </row>
    <row r="60" spans="1:13" ht="21" customHeight="1">
      <c r="A60" s="36" t="s">
        <v>110</v>
      </c>
      <c r="B60" s="64">
        <v>-357</v>
      </c>
      <c r="C60" s="65">
        <v>-545</v>
      </c>
      <c r="D60" s="66">
        <v>188</v>
      </c>
      <c r="E60" s="64">
        <v>1008</v>
      </c>
      <c r="F60" s="65">
        <v>639</v>
      </c>
      <c r="G60" s="66">
        <v>369</v>
      </c>
      <c r="H60" s="64">
        <v>23064</v>
      </c>
      <c r="I60" s="65">
        <v>13062</v>
      </c>
      <c r="J60" s="66">
        <v>10002</v>
      </c>
      <c r="K60" s="64">
        <v>22413</v>
      </c>
      <c r="L60" s="65">
        <v>12968</v>
      </c>
      <c r="M60" s="66">
        <v>9445</v>
      </c>
    </row>
    <row r="61" spans="1:13">
      <c r="A61" s="15" t="s">
        <v>112</v>
      </c>
      <c r="B61" s="67">
        <v>100</v>
      </c>
      <c r="C61" s="68">
        <v>5</v>
      </c>
      <c r="D61" s="69">
        <v>95</v>
      </c>
      <c r="E61" s="67">
        <v>128</v>
      </c>
      <c r="F61" s="68">
        <v>76</v>
      </c>
      <c r="G61" s="69">
        <v>52</v>
      </c>
      <c r="H61" s="67">
        <v>4903</v>
      </c>
      <c r="I61" s="68">
        <v>2818</v>
      </c>
      <c r="J61" s="69">
        <v>2085</v>
      </c>
      <c r="K61" s="67">
        <v>4675</v>
      </c>
      <c r="L61" s="68">
        <v>2737</v>
      </c>
      <c r="M61" s="69">
        <v>1938</v>
      </c>
    </row>
    <row r="62" spans="1:13">
      <c r="A62" s="15" t="s">
        <v>114</v>
      </c>
      <c r="B62" s="67">
        <v>-3</v>
      </c>
      <c r="C62" s="68">
        <v>-5</v>
      </c>
      <c r="D62" s="69">
        <v>2</v>
      </c>
      <c r="E62" s="67">
        <v>161</v>
      </c>
      <c r="F62" s="68">
        <v>92</v>
      </c>
      <c r="G62" s="69">
        <v>69</v>
      </c>
      <c r="H62" s="67">
        <v>4643</v>
      </c>
      <c r="I62" s="68">
        <v>2659</v>
      </c>
      <c r="J62" s="69">
        <v>1984</v>
      </c>
      <c r="K62" s="67">
        <v>4485</v>
      </c>
      <c r="L62" s="68">
        <v>2572</v>
      </c>
      <c r="M62" s="69">
        <v>1913</v>
      </c>
    </row>
    <row r="63" spans="1:13">
      <c r="A63" s="15" t="s">
        <v>116</v>
      </c>
      <c r="B63" s="67">
        <v>-255</v>
      </c>
      <c r="C63" s="68">
        <v>-300</v>
      </c>
      <c r="D63" s="69">
        <v>45</v>
      </c>
      <c r="E63" s="67">
        <v>215</v>
      </c>
      <c r="F63" s="68">
        <v>149</v>
      </c>
      <c r="G63" s="69">
        <v>66</v>
      </c>
      <c r="H63" s="67">
        <v>4443</v>
      </c>
      <c r="I63" s="68">
        <v>2511</v>
      </c>
      <c r="J63" s="69">
        <v>1932</v>
      </c>
      <c r="K63" s="67">
        <v>4483</v>
      </c>
      <c r="L63" s="68">
        <v>2662</v>
      </c>
      <c r="M63" s="69">
        <v>1821</v>
      </c>
    </row>
    <row r="64" spans="1:13">
      <c r="A64" s="15" t="s">
        <v>118</v>
      </c>
      <c r="B64" s="67">
        <v>-2</v>
      </c>
      <c r="C64" s="68">
        <v>-52</v>
      </c>
      <c r="D64" s="69">
        <v>50</v>
      </c>
      <c r="E64" s="67">
        <v>225</v>
      </c>
      <c r="F64" s="68">
        <v>145</v>
      </c>
      <c r="G64" s="69">
        <v>80</v>
      </c>
      <c r="H64" s="67">
        <v>4598</v>
      </c>
      <c r="I64" s="68">
        <v>2602</v>
      </c>
      <c r="J64" s="69">
        <v>1996</v>
      </c>
      <c r="K64" s="67">
        <v>4375</v>
      </c>
      <c r="L64" s="68">
        <v>2509</v>
      </c>
      <c r="M64" s="69">
        <v>1866</v>
      </c>
    </row>
    <row r="65" spans="1:13">
      <c r="A65" s="19" t="s">
        <v>120</v>
      </c>
      <c r="B65" s="70">
        <v>-197</v>
      </c>
      <c r="C65" s="71">
        <v>-193</v>
      </c>
      <c r="D65" s="72">
        <v>-4</v>
      </c>
      <c r="E65" s="70">
        <v>279</v>
      </c>
      <c r="F65" s="71">
        <v>177</v>
      </c>
      <c r="G65" s="72">
        <v>102</v>
      </c>
      <c r="H65" s="70">
        <v>4477</v>
      </c>
      <c r="I65" s="71">
        <v>2472</v>
      </c>
      <c r="J65" s="72">
        <v>2005</v>
      </c>
      <c r="K65" s="70">
        <v>4395</v>
      </c>
      <c r="L65" s="71">
        <v>2488</v>
      </c>
      <c r="M65" s="72">
        <v>1907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2</v>
      </c>
      <c r="D68" s="10" t="s">
        <v>134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73">
        <v>58118</v>
      </c>
      <c r="C69" s="41">
        <v>29533</v>
      </c>
      <c r="D69" s="74">
        <v>2858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8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30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219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2</v>
      </c>
      <c r="D73" s="9" t="s">
        <v>134</v>
      </c>
      <c r="E73" s="9" t="s">
        <v>136</v>
      </c>
      <c r="F73" s="9" t="s">
        <v>132</v>
      </c>
      <c r="G73" s="9" t="s">
        <v>134</v>
      </c>
      <c r="H73" s="9" t="s">
        <v>131</v>
      </c>
      <c r="I73" s="9" t="s">
        <v>132</v>
      </c>
      <c r="J73" s="9" t="s">
        <v>134</v>
      </c>
      <c r="K73" s="9" t="s">
        <v>131</v>
      </c>
      <c r="L73" s="9" t="s">
        <v>132</v>
      </c>
      <c r="M73" s="11" t="s">
        <v>134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-1379</v>
      </c>
      <c r="C75" s="65">
        <v>-1137</v>
      </c>
      <c r="D75" s="66">
        <v>-242</v>
      </c>
      <c r="E75" s="64">
        <v>1616</v>
      </c>
      <c r="F75" s="65">
        <v>1016</v>
      </c>
      <c r="G75" s="66">
        <v>600</v>
      </c>
      <c r="H75" s="64">
        <v>19784</v>
      </c>
      <c r="I75" s="65">
        <v>10953</v>
      </c>
      <c r="J75" s="66">
        <v>8831</v>
      </c>
      <c r="K75" s="64">
        <v>19547</v>
      </c>
      <c r="L75" s="65">
        <v>11074</v>
      </c>
      <c r="M75" s="66">
        <v>8473</v>
      </c>
    </row>
    <row r="76" spans="1:13">
      <c r="A76" s="27" t="s">
        <v>5</v>
      </c>
      <c r="B76" s="67">
        <v>-67</v>
      </c>
      <c r="C76" s="68">
        <v>-162</v>
      </c>
      <c r="D76" s="69">
        <v>95</v>
      </c>
      <c r="E76" s="67">
        <v>270</v>
      </c>
      <c r="F76" s="68">
        <v>168</v>
      </c>
      <c r="G76" s="69">
        <v>102</v>
      </c>
      <c r="H76" s="67">
        <v>4460</v>
      </c>
      <c r="I76" s="68">
        <v>2443</v>
      </c>
      <c r="J76" s="69">
        <v>2017</v>
      </c>
      <c r="K76" s="67">
        <v>4257</v>
      </c>
      <c r="L76" s="68">
        <v>2437</v>
      </c>
      <c r="M76" s="69">
        <v>1820</v>
      </c>
    </row>
    <row r="77" spans="1:13">
      <c r="A77" s="27" t="s">
        <v>7</v>
      </c>
      <c r="B77" s="67">
        <v>-227</v>
      </c>
      <c r="C77" s="68">
        <v>-152</v>
      </c>
      <c r="D77" s="69">
        <v>-75</v>
      </c>
      <c r="E77" s="67">
        <v>308</v>
      </c>
      <c r="F77" s="68">
        <v>182</v>
      </c>
      <c r="G77" s="69">
        <v>126</v>
      </c>
      <c r="H77" s="67">
        <v>4183</v>
      </c>
      <c r="I77" s="68">
        <v>2316</v>
      </c>
      <c r="J77" s="69">
        <v>1867</v>
      </c>
      <c r="K77" s="67">
        <v>4102</v>
      </c>
      <c r="L77" s="68">
        <v>2286</v>
      </c>
      <c r="M77" s="69">
        <v>1816</v>
      </c>
    </row>
    <row r="78" spans="1:13">
      <c r="A78" s="27" t="s">
        <v>9</v>
      </c>
      <c r="B78" s="67">
        <v>-297</v>
      </c>
      <c r="C78" s="68">
        <v>-236</v>
      </c>
      <c r="D78" s="69">
        <v>-61</v>
      </c>
      <c r="E78" s="67">
        <v>298</v>
      </c>
      <c r="F78" s="68">
        <v>179</v>
      </c>
      <c r="G78" s="69">
        <v>119</v>
      </c>
      <c r="H78" s="67">
        <v>3915</v>
      </c>
      <c r="I78" s="68">
        <v>2156</v>
      </c>
      <c r="J78" s="69">
        <v>1759</v>
      </c>
      <c r="K78" s="67">
        <v>3914</v>
      </c>
      <c r="L78" s="68">
        <v>2213</v>
      </c>
      <c r="M78" s="69">
        <v>1701</v>
      </c>
    </row>
    <row r="79" spans="1:13">
      <c r="A79" s="27" t="s">
        <v>11</v>
      </c>
      <c r="B79" s="67">
        <v>-312</v>
      </c>
      <c r="C79" s="68">
        <v>-278</v>
      </c>
      <c r="D79" s="69">
        <v>-34</v>
      </c>
      <c r="E79" s="67">
        <v>346</v>
      </c>
      <c r="F79" s="68">
        <v>234</v>
      </c>
      <c r="G79" s="69">
        <v>112</v>
      </c>
      <c r="H79" s="67">
        <v>3695</v>
      </c>
      <c r="I79" s="68">
        <v>2051</v>
      </c>
      <c r="J79" s="69">
        <v>1644</v>
      </c>
      <c r="K79" s="67">
        <v>3661</v>
      </c>
      <c r="L79" s="68">
        <v>2095</v>
      </c>
      <c r="M79" s="69">
        <v>1566</v>
      </c>
    </row>
    <row r="80" spans="1:13">
      <c r="A80" s="27" t="s">
        <v>13</v>
      </c>
      <c r="B80" s="67">
        <v>-476</v>
      </c>
      <c r="C80" s="68">
        <v>-309</v>
      </c>
      <c r="D80" s="69">
        <v>-167</v>
      </c>
      <c r="E80" s="67">
        <v>394</v>
      </c>
      <c r="F80" s="68">
        <v>253</v>
      </c>
      <c r="G80" s="69">
        <v>141</v>
      </c>
      <c r="H80" s="67">
        <v>3531</v>
      </c>
      <c r="I80" s="68">
        <v>1987</v>
      </c>
      <c r="J80" s="69">
        <v>1544</v>
      </c>
      <c r="K80" s="67">
        <v>3613</v>
      </c>
      <c r="L80" s="68">
        <v>2043</v>
      </c>
      <c r="M80" s="69">
        <v>1570</v>
      </c>
    </row>
    <row r="81" spans="1:13" ht="21" customHeight="1">
      <c r="A81" s="38" t="s">
        <v>15</v>
      </c>
      <c r="B81" s="64">
        <v>-2591</v>
      </c>
      <c r="C81" s="65">
        <v>-1848</v>
      </c>
      <c r="D81" s="66">
        <v>-743</v>
      </c>
      <c r="E81" s="64">
        <v>2283</v>
      </c>
      <c r="F81" s="65">
        <v>1545</v>
      </c>
      <c r="G81" s="66">
        <v>738</v>
      </c>
      <c r="H81" s="64">
        <v>14576</v>
      </c>
      <c r="I81" s="65">
        <v>8213</v>
      </c>
      <c r="J81" s="66">
        <v>6363</v>
      </c>
      <c r="K81" s="64">
        <v>14884</v>
      </c>
      <c r="L81" s="65">
        <v>8516</v>
      </c>
      <c r="M81" s="66">
        <v>6368</v>
      </c>
    </row>
    <row r="82" spans="1:13">
      <c r="A82" s="27" t="s">
        <v>17</v>
      </c>
      <c r="B82" s="67">
        <v>-398</v>
      </c>
      <c r="C82" s="68">
        <v>-295</v>
      </c>
      <c r="D82" s="69">
        <v>-103</v>
      </c>
      <c r="E82" s="67">
        <v>469</v>
      </c>
      <c r="F82" s="68">
        <v>303</v>
      </c>
      <c r="G82" s="69">
        <v>166</v>
      </c>
      <c r="H82" s="67">
        <v>3649</v>
      </c>
      <c r="I82" s="68">
        <v>2079</v>
      </c>
      <c r="J82" s="69">
        <v>1570</v>
      </c>
      <c r="K82" s="67">
        <v>3578</v>
      </c>
      <c r="L82" s="68">
        <v>2071</v>
      </c>
      <c r="M82" s="69">
        <v>1507</v>
      </c>
    </row>
    <row r="83" spans="1:13">
      <c r="A83" s="27" t="s">
        <v>19</v>
      </c>
      <c r="B83" s="67">
        <v>-358</v>
      </c>
      <c r="C83" s="68">
        <v>-282</v>
      </c>
      <c r="D83" s="69">
        <v>-76</v>
      </c>
      <c r="E83" s="67">
        <v>345</v>
      </c>
      <c r="F83" s="68">
        <v>246</v>
      </c>
      <c r="G83" s="69">
        <v>99</v>
      </c>
      <c r="H83" s="67">
        <v>2693</v>
      </c>
      <c r="I83" s="68">
        <v>1504</v>
      </c>
      <c r="J83" s="69">
        <v>1189</v>
      </c>
      <c r="K83" s="67">
        <v>2706</v>
      </c>
      <c r="L83" s="68">
        <v>1540</v>
      </c>
      <c r="M83" s="69">
        <v>1166</v>
      </c>
    </row>
    <row r="84" spans="1:13">
      <c r="A84" s="27" t="s">
        <v>21</v>
      </c>
      <c r="B84" s="67">
        <v>-615</v>
      </c>
      <c r="C84" s="68">
        <v>-426</v>
      </c>
      <c r="D84" s="69">
        <v>-189</v>
      </c>
      <c r="E84" s="67">
        <v>454</v>
      </c>
      <c r="F84" s="68">
        <v>316</v>
      </c>
      <c r="G84" s="69">
        <v>138</v>
      </c>
      <c r="H84" s="67">
        <v>3024</v>
      </c>
      <c r="I84" s="68">
        <v>1736</v>
      </c>
      <c r="J84" s="69">
        <v>1288</v>
      </c>
      <c r="K84" s="67">
        <v>3185</v>
      </c>
      <c r="L84" s="68">
        <v>1846</v>
      </c>
      <c r="M84" s="69">
        <v>1339</v>
      </c>
    </row>
    <row r="85" spans="1:13">
      <c r="A85" s="27" t="s">
        <v>23</v>
      </c>
      <c r="B85" s="67">
        <v>-661</v>
      </c>
      <c r="C85" s="68">
        <v>-456</v>
      </c>
      <c r="D85" s="69">
        <v>-205</v>
      </c>
      <c r="E85" s="67">
        <v>505</v>
      </c>
      <c r="F85" s="68">
        <v>339</v>
      </c>
      <c r="G85" s="69">
        <v>166</v>
      </c>
      <c r="H85" s="67">
        <v>2659</v>
      </c>
      <c r="I85" s="68">
        <v>1462</v>
      </c>
      <c r="J85" s="69">
        <v>1197</v>
      </c>
      <c r="K85" s="67">
        <v>2815</v>
      </c>
      <c r="L85" s="68">
        <v>1579</v>
      </c>
      <c r="M85" s="69">
        <v>1236</v>
      </c>
    </row>
    <row r="86" spans="1:13">
      <c r="A86" s="27" t="s">
        <v>25</v>
      </c>
      <c r="B86" s="67">
        <v>-559</v>
      </c>
      <c r="C86" s="68">
        <v>-389</v>
      </c>
      <c r="D86" s="69">
        <v>-170</v>
      </c>
      <c r="E86" s="67">
        <v>510</v>
      </c>
      <c r="F86" s="68">
        <v>341</v>
      </c>
      <c r="G86" s="69">
        <v>169</v>
      </c>
      <c r="H86" s="67">
        <v>2551</v>
      </c>
      <c r="I86" s="68">
        <v>1432</v>
      </c>
      <c r="J86" s="69">
        <v>1119</v>
      </c>
      <c r="K86" s="67">
        <v>2600</v>
      </c>
      <c r="L86" s="68">
        <v>1480</v>
      </c>
      <c r="M86" s="69">
        <v>1120</v>
      </c>
    </row>
    <row r="87" spans="1:13" ht="21" customHeight="1">
      <c r="A87" s="38" t="s">
        <v>27</v>
      </c>
      <c r="B87" s="64">
        <v>-3472</v>
      </c>
      <c r="C87" s="65">
        <v>-2448</v>
      </c>
      <c r="D87" s="66">
        <v>-1024</v>
      </c>
      <c r="E87" s="64">
        <v>2895</v>
      </c>
      <c r="F87" s="65">
        <v>1976</v>
      </c>
      <c r="G87" s="66">
        <v>919</v>
      </c>
      <c r="H87" s="64">
        <v>9870</v>
      </c>
      <c r="I87" s="65">
        <v>5639</v>
      </c>
      <c r="J87" s="66">
        <v>4231</v>
      </c>
      <c r="K87" s="64">
        <v>10447</v>
      </c>
      <c r="L87" s="65">
        <v>6111</v>
      </c>
      <c r="M87" s="66">
        <v>4336</v>
      </c>
    </row>
    <row r="88" spans="1:13">
      <c r="A88" s="27" t="s">
        <v>29</v>
      </c>
      <c r="B88" s="67">
        <v>-720</v>
      </c>
      <c r="C88" s="68">
        <v>-488</v>
      </c>
      <c r="D88" s="69">
        <v>-232</v>
      </c>
      <c r="E88" s="67">
        <v>546</v>
      </c>
      <c r="F88" s="68">
        <v>369</v>
      </c>
      <c r="G88" s="69">
        <v>177</v>
      </c>
      <c r="H88" s="67">
        <v>2514</v>
      </c>
      <c r="I88" s="68">
        <v>1509</v>
      </c>
      <c r="J88" s="69">
        <v>1005</v>
      </c>
      <c r="K88" s="67">
        <v>2688</v>
      </c>
      <c r="L88" s="68">
        <v>1628</v>
      </c>
      <c r="M88" s="69">
        <v>1060</v>
      </c>
    </row>
    <row r="89" spans="1:13">
      <c r="A89" s="27" t="s">
        <v>31</v>
      </c>
      <c r="B89" s="67">
        <v>-692</v>
      </c>
      <c r="C89" s="68">
        <v>-504</v>
      </c>
      <c r="D89" s="69">
        <v>-188</v>
      </c>
      <c r="E89" s="67">
        <v>581</v>
      </c>
      <c r="F89" s="68">
        <v>387</v>
      </c>
      <c r="G89" s="69">
        <v>194</v>
      </c>
      <c r="H89" s="67">
        <v>2156</v>
      </c>
      <c r="I89" s="68">
        <v>1237</v>
      </c>
      <c r="J89" s="69">
        <v>919</v>
      </c>
      <c r="K89" s="67">
        <v>2267</v>
      </c>
      <c r="L89" s="68">
        <v>1354</v>
      </c>
      <c r="M89" s="69">
        <v>913</v>
      </c>
    </row>
    <row r="90" spans="1:13">
      <c r="A90" s="27" t="s">
        <v>33</v>
      </c>
      <c r="B90" s="67">
        <v>-644</v>
      </c>
      <c r="C90" s="68">
        <v>-449</v>
      </c>
      <c r="D90" s="69">
        <v>-195</v>
      </c>
      <c r="E90" s="67">
        <v>550</v>
      </c>
      <c r="F90" s="68">
        <v>371</v>
      </c>
      <c r="G90" s="69">
        <v>179</v>
      </c>
      <c r="H90" s="67">
        <v>1853</v>
      </c>
      <c r="I90" s="68">
        <v>1049</v>
      </c>
      <c r="J90" s="69">
        <v>804</v>
      </c>
      <c r="K90" s="67">
        <v>1947</v>
      </c>
      <c r="L90" s="68">
        <v>1127</v>
      </c>
      <c r="M90" s="69">
        <v>820</v>
      </c>
    </row>
    <row r="91" spans="1:13">
      <c r="A91" s="27" t="s">
        <v>35</v>
      </c>
      <c r="B91" s="67">
        <v>-676</v>
      </c>
      <c r="C91" s="68">
        <v>-490</v>
      </c>
      <c r="D91" s="69">
        <v>-186</v>
      </c>
      <c r="E91" s="67">
        <v>584</v>
      </c>
      <c r="F91" s="68">
        <v>407</v>
      </c>
      <c r="G91" s="69">
        <v>177</v>
      </c>
      <c r="H91" s="67">
        <v>1685</v>
      </c>
      <c r="I91" s="68">
        <v>929</v>
      </c>
      <c r="J91" s="69">
        <v>756</v>
      </c>
      <c r="K91" s="67">
        <v>1777</v>
      </c>
      <c r="L91" s="68">
        <v>1012</v>
      </c>
      <c r="M91" s="69">
        <v>765</v>
      </c>
    </row>
    <row r="92" spans="1:13">
      <c r="A92" s="27" t="s">
        <v>37</v>
      </c>
      <c r="B92" s="67">
        <v>-740</v>
      </c>
      <c r="C92" s="68">
        <v>-517</v>
      </c>
      <c r="D92" s="69">
        <v>-223</v>
      </c>
      <c r="E92" s="67">
        <v>634</v>
      </c>
      <c r="F92" s="68">
        <v>442</v>
      </c>
      <c r="G92" s="69">
        <v>192</v>
      </c>
      <c r="H92" s="67">
        <v>1662</v>
      </c>
      <c r="I92" s="68">
        <v>915</v>
      </c>
      <c r="J92" s="69">
        <v>747</v>
      </c>
      <c r="K92" s="67">
        <v>1768</v>
      </c>
      <c r="L92" s="68">
        <v>990</v>
      </c>
      <c r="M92" s="69">
        <v>778</v>
      </c>
    </row>
    <row r="93" spans="1:13" ht="21" customHeight="1">
      <c r="A93" s="38" t="s">
        <v>39</v>
      </c>
      <c r="B93" s="64">
        <v>-4646</v>
      </c>
      <c r="C93" s="65">
        <v>-3295</v>
      </c>
      <c r="D93" s="66">
        <v>-1351</v>
      </c>
      <c r="E93" s="64">
        <v>4051</v>
      </c>
      <c r="F93" s="65">
        <v>2823</v>
      </c>
      <c r="G93" s="66">
        <v>1228</v>
      </c>
      <c r="H93" s="64">
        <v>6904</v>
      </c>
      <c r="I93" s="65">
        <v>3830</v>
      </c>
      <c r="J93" s="66">
        <v>3074</v>
      </c>
      <c r="K93" s="64">
        <v>7499</v>
      </c>
      <c r="L93" s="65">
        <v>4302</v>
      </c>
      <c r="M93" s="66">
        <v>3197</v>
      </c>
    </row>
    <row r="94" spans="1:13">
      <c r="A94" s="27" t="s">
        <v>41</v>
      </c>
      <c r="B94" s="67">
        <v>-858</v>
      </c>
      <c r="C94" s="68">
        <v>-610</v>
      </c>
      <c r="D94" s="69">
        <v>-248</v>
      </c>
      <c r="E94" s="67">
        <v>639</v>
      </c>
      <c r="F94" s="68">
        <v>452</v>
      </c>
      <c r="G94" s="69">
        <v>187</v>
      </c>
      <c r="H94" s="67">
        <v>1607</v>
      </c>
      <c r="I94" s="68">
        <v>938</v>
      </c>
      <c r="J94" s="69">
        <v>669</v>
      </c>
      <c r="K94" s="67">
        <v>1826</v>
      </c>
      <c r="L94" s="68">
        <v>1096</v>
      </c>
      <c r="M94" s="69">
        <v>730</v>
      </c>
    </row>
    <row r="95" spans="1:13">
      <c r="A95" s="27" t="s">
        <v>43</v>
      </c>
      <c r="B95" s="67">
        <v>-928</v>
      </c>
      <c r="C95" s="68">
        <v>-665</v>
      </c>
      <c r="D95" s="69">
        <v>-263</v>
      </c>
      <c r="E95" s="67">
        <v>760</v>
      </c>
      <c r="F95" s="68">
        <v>552</v>
      </c>
      <c r="G95" s="69">
        <v>208</v>
      </c>
      <c r="H95" s="67">
        <v>1434</v>
      </c>
      <c r="I95" s="68">
        <v>822</v>
      </c>
      <c r="J95" s="69">
        <v>612</v>
      </c>
      <c r="K95" s="67">
        <v>1602</v>
      </c>
      <c r="L95" s="68">
        <v>935</v>
      </c>
      <c r="M95" s="69">
        <v>667</v>
      </c>
    </row>
    <row r="96" spans="1:13">
      <c r="A96" s="27" t="s">
        <v>45</v>
      </c>
      <c r="B96" s="67">
        <v>-947</v>
      </c>
      <c r="C96" s="68">
        <v>-667</v>
      </c>
      <c r="D96" s="69">
        <v>-280</v>
      </c>
      <c r="E96" s="67">
        <v>800</v>
      </c>
      <c r="F96" s="68">
        <v>555</v>
      </c>
      <c r="G96" s="69">
        <v>245</v>
      </c>
      <c r="H96" s="67">
        <v>1293</v>
      </c>
      <c r="I96" s="68">
        <v>688</v>
      </c>
      <c r="J96" s="69">
        <v>605</v>
      </c>
      <c r="K96" s="67">
        <v>1440</v>
      </c>
      <c r="L96" s="68">
        <v>800</v>
      </c>
      <c r="M96" s="69">
        <v>640</v>
      </c>
    </row>
    <row r="97" spans="1:13">
      <c r="A97" s="27" t="s">
        <v>47</v>
      </c>
      <c r="B97" s="67">
        <v>-889</v>
      </c>
      <c r="C97" s="68">
        <v>-626</v>
      </c>
      <c r="D97" s="69">
        <v>-263</v>
      </c>
      <c r="E97" s="67">
        <v>861</v>
      </c>
      <c r="F97" s="68">
        <v>575</v>
      </c>
      <c r="G97" s="69">
        <v>286</v>
      </c>
      <c r="H97" s="67">
        <v>1319</v>
      </c>
      <c r="I97" s="68">
        <v>713</v>
      </c>
      <c r="J97" s="69">
        <v>606</v>
      </c>
      <c r="K97" s="67">
        <v>1347</v>
      </c>
      <c r="L97" s="68">
        <v>764</v>
      </c>
      <c r="M97" s="69">
        <v>583</v>
      </c>
    </row>
    <row r="98" spans="1:13">
      <c r="A98" s="27" t="s">
        <v>49</v>
      </c>
      <c r="B98" s="67">
        <v>-1024</v>
      </c>
      <c r="C98" s="68">
        <v>-727</v>
      </c>
      <c r="D98" s="69">
        <v>-297</v>
      </c>
      <c r="E98" s="67">
        <v>991</v>
      </c>
      <c r="F98" s="68">
        <v>689</v>
      </c>
      <c r="G98" s="69">
        <v>302</v>
      </c>
      <c r="H98" s="67">
        <v>1251</v>
      </c>
      <c r="I98" s="68">
        <v>669</v>
      </c>
      <c r="J98" s="69">
        <v>582</v>
      </c>
      <c r="K98" s="67">
        <v>1284</v>
      </c>
      <c r="L98" s="68">
        <v>707</v>
      </c>
      <c r="M98" s="69">
        <v>577</v>
      </c>
    </row>
    <row r="99" spans="1:13" ht="21" customHeight="1">
      <c r="A99" s="38" t="s">
        <v>51</v>
      </c>
      <c r="B99" s="64">
        <v>-8697</v>
      </c>
      <c r="C99" s="65">
        <v>-6091</v>
      </c>
      <c r="D99" s="66">
        <v>-2606</v>
      </c>
      <c r="E99" s="64">
        <v>8635</v>
      </c>
      <c r="F99" s="65">
        <v>5947</v>
      </c>
      <c r="G99" s="66">
        <v>2688</v>
      </c>
      <c r="H99" s="64">
        <v>6753</v>
      </c>
      <c r="I99" s="65">
        <v>3445</v>
      </c>
      <c r="J99" s="66">
        <v>3308</v>
      </c>
      <c r="K99" s="64">
        <v>6815</v>
      </c>
      <c r="L99" s="65">
        <v>3589</v>
      </c>
      <c r="M99" s="66">
        <v>3226</v>
      </c>
    </row>
    <row r="100" spans="1:13">
      <c r="A100" s="27" t="s">
        <v>53</v>
      </c>
      <c r="B100" s="67">
        <v>-1366</v>
      </c>
      <c r="C100" s="68">
        <v>-953</v>
      </c>
      <c r="D100" s="69">
        <v>-413</v>
      </c>
      <c r="E100" s="67">
        <v>1291</v>
      </c>
      <c r="F100" s="68">
        <v>898</v>
      </c>
      <c r="G100" s="69">
        <v>393</v>
      </c>
      <c r="H100" s="67">
        <v>1244</v>
      </c>
      <c r="I100" s="68">
        <v>648</v>
      </c>
      <c r="J100" s="69">
        <v>596</v>
      </c>
      <c r="K100" s="67">
        <v>1319</v>
      </c>
      <c r="L100" s="68">
        <v>703</v>
      </c>
      <c r="M100" s="69">
        <v>616</v>
      </c>
    </row>
    <row r="101" spans="1:13">
      <c r="A101" s="27" t="s">
        <v>55</v>
      </c>
      <c r="B101" s="67">
        <v>-1421</v>
      </c>
      <c r="C101" s="68">
        <v>-997</v>
      </c>
      <c r="D101" s="69">
        <v>-424</v>
      </c>
      <c r="E101" s="67">
        <v>1409</v>
      </c>
      <c r="F101" s="68">
        <v>973</v>
      </c>
      <c r="G101" s="69">
        <v>436</v>
      </c>
      <c r="H101" s="67">
        <v>1318</v>
      </c>
      <c r="I101" s="68">
        <v>705</v>
      </c>
      <c r="J101" s="69">
        <v>613</v>
      </c>
      <c r="K101" s="67">
        <v>1330</v>
      </c>
      <c r="L101" s="68">
        <v>729</v>
      </c>
      <c r="M101" s="69">
        <v>601</v>
      </c>
    </row>
    <row r="102" spans="1:13">
      <c r="A102" s="27" t="s">
        <v>57</v>
      </c>
      <c r="B102" s="67">
        <v>-1668</v>
      </c>
      <c r="C102" s="68">
        <v>-1199</v>
      </c>
      <c r="D102" s="69">
        <v>-469</v>
      </c>
      <c r="E102" s="67">
        <v>1653</v>
      </c>
      <c r="F102" s="68">
        <v>1163</v>
      </c>
      <c r="G102" s="69">
        <v>490</v>
      </c>
      <c r="H102" s="67">
        <v>1341</v>
      </c>
      <c r="I102" s="68">
        <v>671</v>
      </c>
      <c r="J102" s="69">
        <v>670</v>
      </c>
      <c r="K102" s="67">
        <v>1356</v>
      </c>
      <c r="L102" s="68">
        <v>707</v>
      </c>
      <c r="M102" s="69">
        <v>649</v>
      </c>
    </row>
    <row r="103" spans="1:13">
      <c r="A103" s="27" t="s">
        <v>59</v>
      </c>
      <c r="B103" s="67">
        <v>-2030</v>
      </c>
      <c r="C103" s="68">
        <v>-1411</v>
      </c>
      <c r="D103" s="69">
        <v>-619</v>
      </c>
      <c r="E103" s="67">
        <v>2016</v>
      </c>
      <c r="F103" s="68">
        <v>1359</v>
      </c>
      <c r="G103" s="69">
        <v>657</v>
      </c>
      <c r="H103" s="67">
        <v>1441</v>
      </c>
      <c r="I103" s="68">
        <v>729</v>
      </c>
      <c r="J103" s="69">
        <v>712</v>
      </c>
      <c r="K103" s="67">
        <v>1455</v>
      </c>
      <c r="L103" s="68">
        <v>781</v>
      </c>
      <c r="M103" s="69">
        <v>674</v>
      </c>
    </row>
    <row r="104" spans="1:13">
      <c r="A104" s="27" t="s">
        <v>61</v>
      </c>
      <c r="B104" s="67">
        <v>-2212</v>
      </c>
      <c r="C104" s="68">
        <v>-1531</v>
      </c>
      <c r="D104" s="69">
        <v>-681</v>
      </c>
      <c r="E104" s="67">
        <v>2266</v>
      </c>
      <c r="F104" s="68">
        <v>1554</v>
      </c>
      <c r="G104" s="69">
        <v>712</v>
      </c>
      <c r="H104" s="67">
        <v>1409</v>
      </c>
      <c r="I104" s="68">
        <v>692</v>
      </c>
      <c r="J104" s="69">
        <v>717</v>
      </c>
      <c r="K104" s="67">
        <v>1355</v>
      </c>
      <c r="L104" s="68">
        <v>669</v>
      </c>
      <c r="M104" s="69">
        <v>686</v>
      </c>
    </row>
    <row r="105" spans="1:13" ht="21" customHeight="1">
      <c r="A105" s="38" t="s">
        <v>63</v>
      </c>
      <c r="B105" s="64">
        <v>-11108</v>
      </c>
      <c r="C105" s="65">
        <v>-7384</v>
      </c>
      <c r="D105" s="66">
        <v>-3724</v>
      </c>
      <c r="E105" s="64">
        <v>11353</v>
      </c>
      <c r="F105" s="65">
        <v>7419</v>
      </c>
      <c r="G105" s="66">
        <v>3934</v>
      </c>
      <c r="H105" s="64">
        <v>5385</v>
      </c>
      <c r="I105" s="65">
        <v>2430</v>
      </c>
      <c r="J105" s="66">
        <v>2955</v>
      </c>
      <c r="K105" s="64">
        <v>5140</v>
      </c>
      <c r="L105" s="65">
        <v>2395</v>
      </c>
      <c r="M105" s="66">
        <v>2745</v>
      </c>
    </row>
    <row r="106" spans="1:13">
      <c r="A106" s="27" t="s">
        <v>65</v>
      </c>
      <c r="B106" s="67">
        <v>-2277</v>
      </c>
      <c r="C106" s="68">
        <v>-1600</v>
      </c>
      <c r="D106" s="69">
        <v>-677</v>
      </c>
      <c r="E106" s="67">
        <v>2339</v>
      </c>
      <c r="F106" s="68">
        <v>1593</v>
      </c>
      <c r="G106" s="69">
        <v>746</v>
      </c>
      <c r="H106" s="67">
        <v>1429</v>
      </c>
      <c r="I106" s="68">
        <v>689</v>
      </c>
      <c r="J106" s="69">
        <v>740</v>
      </c>
      <c r="K106" s="67">
        <v>1367</v>
      </c>
      <c r="L106" s="68">
        <v>696</v>
      </c>
      <c r="M106" s="69">
        <v>671</v>
      </c>
    </row>
    <row r="107" spans="1:13">
      <c r="A107" s="27" t="s">
        <v>67</v>
      </c>
      <c r="B107" s="67">
        <v>-1802</v>
      </c>
      <c r="C107" s="68">
        <v>-1238</v>
      </c>
      <c r="D107" s="69">
        <v>-564</v>
      </c>
      <c r="E107" s="67">
        <v>1811</v>
      </c>
      <c r="F107" s="68">
        <v>1223</v>
      </c>
      <c r="G107" s="69">
        <v>588</v>
      </c>
      <c r="H107" s="67">
        <v>933</v>
      </c>
      <c r="I107" s="68">
        <v>439</v>
      </c>
      <c r="J107" s="69">
        <v>494</v>
      </c>
      <c r="K107" s="67">
        <v>924</v>
      </c>
      <c r="L107" s="68">
        <v>454</v>
      </c>
      <c r="M107" s="69">
        <v>470</v>
      </c>
    </row>
    <row r="108" spans="1:13">
      <c r="A108" s="27" t="s">
        <v>69</v>
      </c>
      <c r="B108" s="67">
        <v>-1803</v>
      </c>
      <c r="C108" s="68">
        <v>-1161</v>
      </c>
      <c r="D108" s="69">
        <v>-642</v>
      </c>
      <c r="E108" s="67">
        <v>1841</v>
      </c>
      <c r="F108" s="68">
        <v>1179</v>
      </c>
      <c r="G108" s="69">
        <v>662</v>
      </c>
      <c r="H108" s="67">
        <v>876</v>
      </c>
      <c r="I108" s="68">
        <v>408</v>
      </c>
      <c r="J108" s="69">
        <v>468</v>
      </c>
      <c r="K108" s="67">
        <v>838</v>
      </c>
      <c r="L108" s="68">
        <v>390</v>
      </c>
      <c r="M108" s="69">
        <v>448</v>
      </c>
    </row>
    <row r="109" spans="1:13">
      <c r="A109" s="27" t="s">
        <v>71</v>
      </c>
      <c r="B109" s="67">
        <v>-2449</v>
      </c>
      <c r="C109" s="68">
        <v>-1588</v>
      </c>
      <c r="D109" s="69">
        <v>-861</v>
      </c>
      <c r="E109" s="67">
        <v>2497</v>
      </c>
      <c r="F109" s="68">
        <v>1583</v>
      </c>
      <c r="G109" s="69">
        <v>914</v>
      </c>
      <c r="H109" s="67">
        <v>1033</v>
      </c>
      <c r="I109" s="68">
        <v>418</v>
      </c>
      <c r="J109" s="69">
        <v>615</v>
      </c>
      <c r="K109" s="67">
        <v>985</v>
      </c>
      <c r="L109" s="68">
        <v>423</v>
      </c>
      <c r="M109" s="69">
        <v>562</v>
      </c>
    </row>
    <row r="110" spans="1:13">
      <c r="A110" s="27" t="s">
        <v>73</v>
      </c>
      <c r="B110" s="67">
        <v>-2777</v>
      </c>
      <c r="C110" s="68">
        <v>-1797</v>
      </c>
      <c r="D110" s="69">
        <v>-980</v>
      </c>
      <c r="E110" s="67">
        <v>2865</v>
      </c>
      <c r="F110" s="68">
        <v>1841</v>
      </c>
      <c r="G110" s="69">
        <v>1024</v>
      </c>
      <c r="H110" s="67">
        <v>1114</v>
      </c>
      <c r="I110" s="68">
        <v>476</v>
      </c>
      <c r="J110" s="69">
        <v>638</v>
      </c>
      <c r="K110" s="67">
        <v>1026</v>
      </c>
      <c r="L110" s="68">
        <v>432</v>
      </c>
      <c r="M110" s="69">
        <v>594</v>
      </c>
    </row>
    <row r="111" spans="1:13" ht="21" customHeight="1">
      <c r="A111" s="38" t="s">
        <v>75</v>
      </c>
      <c r="B111" s="64">
        <v>-15835</v>
      </c>
      <c r="C111" s="65">
        <v>-9593</v>
      </c>
      <c r="D111" s="66">
        <v>-6242</v>
      </c>
      <c r="E111" s="64">
        <v>16453</v>
      </c>
      <c r="F111" s="65">
        <v>9754</v>
      </c>
      <c r="G111" s="66">
        <v>6699</v>
      </c>
      <c r="H111" s="64">
        <v>5079</v>
      </c>
      <c r="I111" s="65">
        <v>1871</v>
      </c>
      <c r="J111" s="66">
        <v>3208</v>
      </c>
      <c r="K111" s="64">
        <v>4461</v>
      </c>
      <c r="L111" s="65">
        <v>1710</v>
      </c>
      <c r="M111" s="66">
        <v>2751</v>
      </c>
    </row>
    <row r="112" spans="1:13">
      <c r="A112" s="27" t="s">
        <v>77</v>
      </c>
      <c r="B112" s="67">
        <v>-2999</v>
      </c>
      <c r="C112" s="68">
        <v>-1891</v>
      </c>
      <c r="D112" s="69">
        <v>-1108</v>
      </c>
      <c r="E112" s="67">
        <v>3155</v>
      </c>
      <c r="F112" s="68">
        <v>1923</v>
      </c>
      <c r="G112" s="69">
        <v>1232</v>
      </c>
      <c r="H112" s="67">
        <v>1152</v>
      </c>
      <c r="I112" s="68">
        <v>452</v>
      </c>
      <c r="J112" s="69">
        <v>700</v>
      </c>
      <c r="K112" s="67">
        <v>996</v>
      </c>
      <c r="L112" s="68">
        <v>420</v>
      </c>
      <c r="M112" s="69">
        <v>576</v>
      </c>
    </row>
    <row r="113" spans="1:13">
      <c r="A113" s="27" t="s">
        <v>79</v>
      </c>
      <c r="B113" s="67">
        <v>-3195</v>
      </c>
      <c r="C113" s="68">
        <v>-1931</v>
      </c>
      <c r="D113" s="69">
        <v>-1264</v>
      </c>
      <c r="E113" s="67">
        <v>3298</v>
      </c>
      <c r="F113" s="68">
        <v>1986</v>
      </c>
      <c r="G113" s="69">
        <v>1312</v>
      </c>
      <c r="H113" s="67">
        <v>1107</v>
      </c>
      <c r="I113" s="68">
        <v>457</v>
      </c>
      <c r="J113" s="69">
        <v>650</v>
      </c>
      <c r="K113" s="67">
        <v>1004</v>
      </c>
      <c r="L113" s="68">
        <v>402</v>
      </c>
      <c r="M113" s="69">
        <v>602</v>
      </c>
    </row>
    <row r="114" spans="1:13">
      <c r="A114" s="27" t="s">
        <v>81</v>
      </c>
      <c r="B114" s="67">
        <v>-3258</v>
      </c>
      <c r="C114" s="68">
        <v>-1985</v>
      </c>
      <c r="D114" s="69">
        <v>-1273</v>
      </c>
      <c r="E114" s="67">
        <v>3371</v>
      </c>
      <c r="F114" s="68">
        <v>2023</v>
      </c>
      <c r="G114" s="69">
        <v>1348</v>
      </c>
      <c r="H114" s="67">
        <v>1007</v>
      </c>
      <c r="I114" s="68">
        <v>356</v>
      </c>
      <c r="J114" s="69">
        <v>651</v>
      </c>
      <c r="K114" s="67">
        <v>894</v>
      </c>
      <c r="L114" s="68">
        <v>318</v>
      </c>
      <c r="M114" s="69">
        <v>576</v>
      </c>
    </row>
    <row r="115" spans="1:13">
      <c r="A115" s="27" t="s">
        <v>83</v>
      </c>
      <c r="B115" s="67">
        <v>-3089</v>
      </c>
      <c r="C115" s="68">
        <v>-1845</v>
      </c>
      <c r="D115" s="69">
        <v>-1244</v>
      </c>
      <c r="E115" s="67">
        <v>3229</v>
      </c>
      <c r="F115" s="68">
        <v>1879</v>
      </c>
      <c r="G115" s="69">
        <v>1350</v>
      </c>
      <c r="H115" s="67">
        <v>921</v>
      </c>
      <c r="I115" s="68">
        <v>317</v>
      </c>
      <c r="J115" s="69">
        <v>604</v>
      </c>
      <c r="K115" s="67">
        <v>781</v>
      </c>
      <c r="L115" s="68">
        <v>283</v>
      </c>
      <c r="M115" s="69">
        <v>498</v>
      </c>
    </row>
    <row r="116" spans="1:13">
      <c r="A116" s="27" t="s">
        <v>85</v>
      </c>
      <c r="B116" s="67">
        <v>-3294</v>
      </c>
      <c r="C116" s="68">
        <v>-1941</v>
      </c>
      <c r="D116" s="69">
        <v>-1353</v>
      </c>
      <c r="E116" s="67">
        <v>3400</v>
      </c>
      <c r="F116" s="68">
        <v>1943</v>
      </c>
      <c r="G116" s="69">
        <v>1457</v>
      </c>
      <c r="H116" s="67">
        <v>892</v>
      </c>
      <c r="I116" s="68">
        <v>289</v>
      </c>
      <c r="J116" s="69">
        <v>603</v>
      </c>
      <c r="K116" s="67">
        <v>786</v>
      </c>
      <c r="L116" s="68">
        <v>287</v>
      </c>
      <c r="M116" s="69">
        <v>499</v>
      </c>
    </row>
    <row r="117" spans="1:13" ht="21" customHeight="1">
      <c r="A117" s="38" t="s">
        <v>87</v>
      </c>
      <c r="B117" s="64">
        <v>-19368</v>
      </c>
      <c r="C117" s="65">
        <v>-10341</v>
      </c>
      <c r="D117" s="66">
        <v>-9027</v>
      </c>
      <c r="E117" s="64">
        <v>20133</v>
      </c>
      <c r="F117" s="65">
        <v>10542</v>
      </c>
      <c r="G117" s="66">
        <v>9591</v>
      </c>
      <c r="H117" s="64">
        <v>4631</v>
      </c>
      <c r="I117" s="65">
        <v>1367</v>
      </c>
      <c r="J117" s="66">
        <v>3264</v>
      </c>
      <c r="K117" s="64">
        <v>3866</v>
      </c>
      <c r="L117" s="65">
        <v>1166</v>
      </c>
      <c r="M117" s="66">
        <v>2700</v>
      </c>
    </row>
    <row r="118" spans="1:13">
      <c r="A118" s="27" t="s">
        <v>89</v>
      </c>
      <c r="B118" s="67">
        <v>-3715</v>
      </c>
      <c r="C118" s="68">
        <v>-2177</v>
      </c>
      <c r="D118" s="69">
        <v>-1538</v>
      </c>
      <c r="E118" s="67">
        <v>3859</v>
      </c>
      <c r="F118" s="68">
        <v>2197</v>
      </c>
      <c r="G118" s="69">
        <v>1662</v>
      </c>
      <c r="H118" s="67">
        <v>1005</v>
      </c>
      <c r="I118" s="68">
        <v>294</v>
      </c>
      <c r="J118" s="69">
        <v>711</v>
      </c>
      <c r="K118" s="67">
        <v>861</v>
      </c>
      <c r="L118" s="68">
        <v>274</v>
      </c>
      <c r="M118" s="69">
        <v>587</v>
      </c>
    </row>
    <row r="119" spans="1:13">
      <c r="A119" s="27" t="s">
        <v>91</v>
      </c>
      <c r="B119" s="67">
        <v>-3884</v>
      </c>
      <c r="C119" s="68">
        <v>-2116</v>
      </c>
      <c r="D119" s="69">
        <v>-1768</v>
      </c>
      <c r="E119" s="67">
        <v>4047</v>
      </c>
      <c r="F119" s="68">
        <v>2169</v>
      </c>
      <c r="G119" s="69">
        <v>1878</v>
      </c>
      <c r="H119" s="67">
        <v>1011</v>
      </c>
      <c r="I119" s="68">
        <v>322</v>
      </c>
      <c r="J119" s="69">
        <v>689</v>
      </c>
      <c r="K119" s="67">
        <v>848</v>
      </c>
      <c r="L119" s="68">
        <v>269</v>
      </c>
      <c r="M119" s="69">
        <v>579</v>
      </c>
    </row>
    <row r="120" spans="1:13">
      <c r="A120" s="27" t="s">
        <v>93</v>
      </c>
      <c r="B120" s="67">
        <v>-3999</v>
      </c>
      <c r="C120" s="68">
        <v>-2147</v>
      </c>
      <c r="D120" s="69">
        <v>-1852</v>
      </c>
      <c r="E120" s="67">
        <v>4158</v>
      </c>
      <c r="F120" s="68">
        <v>2175</v>
      </c>
      <c r="G120" s="69">
        <v>1983</v>
      </c>
      <c r="H120" s="67">
        <v>941</v>
      </c>
      <c r="I120" s="68">
        <v>264</v>
      </c>
      <c r="J120" s="69">
        <v>677</v>
      </c>
      <c r="K120" s="67">
        <v>782</v>
      </c>
      <c r="L120" s="68">
        <v>236</v>
      </c>
      <c r="M120" s="69">
        <v>546</v>
      </c>
    </row>
    <row r="121" spans="1:13">
      <c r="A121" s="27" t="s">
        <v>95</v>
      </c>
      <c r="B121" s="67">
        <v>-3875</v>
      </c>
      <c r="C121" s="68">
        <v>-1966</v>
      </c>
      <c r="D121" s="69">
        <v>-1909</v>
      </c>
      <c r="E121" s="67">
        <v>4010</v>
      </c>
      <c r="F121" s="68">
        <v>2014</v>
      </c>
      <c r="G121" s="69">
        <v>1996</v>
      </c>
      <c r="H121" s="67">
        <v>850</v>
      </c>
      <c r="I121" s="68">
        <v>237</v>
      </c>
      <c r="J121" s="69">
        <v>613</v>
      </c>
      <c r="K121" s="67">
        <v>715</v>
      </c>
      <c r="L121" s="68">
        <v>189</v>
      </c>
      <c r="M121" s="69">
        <v>526</v>
      </c>
    </row>
    <row r="122" spans="1:13">
      <c r="A122" s="27" t="s">
        <v>97</v>
      </c>
      <c r="B122" s="67">
        <v>-3895</v>
      </c>
      <c r="C122" s="68">
        <v>-1935</v>
      </c>
      <c r="D122" s="69">
        <v>-1960</v>
      </c>
      <c r="E122" s="67">
        <v>4059</v>
      </c>
      <c r="F122" s="68">
        <v>1987</v>
      </c>
      <c r="G122" s="69">
        <v>2072</v>
      </c>
      <c r="H122" s="67">
        <v>824</v>
      </c>
      <c r="I122" s="68">
        <v>250</v>
      </c>
      <c r="J122" s="69">
        <v>574</v>
      </c>
      <c r="K122" s="67">
        <v>660</v>
      </c>
      <c r="L122" s="68">
        <v>198</v>
      </c>
      <c r="M122" s="69">
        <v>462</v>
      </c>
    </row>
    <row r="123" spans="1:13" ht="21" customHeight="1">
      <c r="A123" s="38" t="s">
        <v>99</v>
      </c>
      <c r="B123" s="64">
        <v>-17216</v>
      </c>
      <c r="C123" s="65">
        <v>-7033</v>
      </c>
      <c r="D123" s="66">
        <v>-10183</v>
      </c>
      <c r="E123" s="64">
        <v>17592</v>
      </c>
      <c r="F123" s="65">
        <v>7134</v>
      </c>
      <c r="G123" s="66">
        <v>10458</v>
      </c>
      <c r="H123" s="64">
        <v>2445</v>
      </c>
      <c r="I123" s="65">
        <v>669</v>
      </c>
      <c r="J123" s="66">
        <v>1776</v>
      </c>
      <c r="K123" s="64">
        <v>2069</v>
      </c>
      <c r="L123" s="65">
        <v>568</v>
      </c>
      <c r="M123" s="66">
        <v>1501</v>
      </c>
    </row>
    <row r="124" spans="1:13">
      <c r="A124" s="27" t="s">
        <v>101</v>
      </c>
      <c r="B124" s="67">
        <v>-3929</v>
      </c>
      <c r="C124" s="68">
        <v>-1792</v>
      </c>
      <c r="D124" s="69">
        <v>-2137</v>
      </c>
      <c r="E124" s="67">
        <v>4043</v>
      </c>
      <c r="F124" s="68">
        <v>1833</v>
      </c>
      <c r="G124" s="69">
        <v>2210</v>
      </c>
      <c r="H124" s="67">
        <v>682</v>
      </c>
      <c r="I124" s="68">
        <v>207</v>
      </c>
      <c r="J124" s="69">
        <v>475</v>
      </c>
      <c r="K124" s="67">
        <v>568</v>
      </c>
      <c r="L124" s="68">
        <v>166</v>
      </c>
      <c r="M124" s="69">
        <v>402</v>
      </c>
    </row>
    <row r="125" spans="1:13">
      <c r="A125" s="27" t="s">
        <v>103</v>
      </c>
      <c r="B125" s="67">
        <v>-3739</v>
      </c>
      <c r="C125" s="68">
        <v>-1587</v>
      </c>
      <c r="D125" s="69">
        <v>-2152</v>
      </c>
      <c r="E125" s="67">
        <v>3804</v>
      </c>
      <c r="F125" s="68">
        <v>1605</v>
      </c>
      <c r="G125" s="69">
        <v>2199</v>
      </c>
      <c r="H125" s="67">
        <v>578</v>
      </c>
      <c r="I125" s="68">
        <v>148</v>
      </c>
      <c r="J125" s="69">
        <v>430</v>
      </c>
      <c r="K125" s="67">
        <v>513</v>
      </c>
      <c r="L125" s="68">
        <v>130</v>
      </c>
      <c r="M125" s="69">
        <v>383</v>
      </c>
    </row>
    <row r="126" spans="1:13">
      <c r="A126" s="27" t="s">
        <v>105</v>
      </c>
      <c r="B126" s="67">
        <v>-3513</v>
      </c>
      <c r="C126" s="68">
        <v>-1428</v>
      </c>
      <c r="D126" s="69">
        <v>-2085</v>
      </c>
      <c r="E126" s="67">
        <v>3596</v>
      </c>
      <c r="F126" s="68">
        <v>1461</v>
      </c>
      <c r="G126" s="69">
        <v>2135</v>
      </c>
      <c r="H126" s="67">
        <v>521</v>
      </c>
      <c r="I126" s="68">
        <v>143</v>
      </c>
      <c r="J126" s="69">
        <v>378</v>
      </c>
      <c r="K126" s="67">
        <v>438</v>
      </c>
      <c r="L126" s="68">
        <v>110</v>
      </c>
      <c r="M126" s="69">
        <v>328</v>
      </c>
    </row>
    <row r="127" spans="1:13">
      <c r="A127" s="27" t="s">
        <v>107</v>
      </c>
      <c r="B127" s="67">
        <v>-3191</v>
      </c>
      <c r="C127" s="68">
        <v>-1229</v>
      </c>
      <c r="D127" s="69">
        <v>-1962</v>
      </c>
      <c r="E127" s="67">
        <v>3243</v>
      </c>
      <c r="F127" s="68">
        <v>1235</v>
      </c>
      <c r="G127" s="69">
        <v>2008</v>
      </c>
      <c r="H127" s="67">
        <v>360</v>
      </c>
      <c r="I127" s="68">
        <v>99</v>
      </c>
      <c r="J127" s="69">
        <v>261</v>
      </c>
      <c r="K127" s="67">
        <v>308</v>
      </c>
      <c r="L127" s="68">
        <v>93</v>
      </c>
      <c r="M127" s="69">
        <v>215</v>
      </c>
    </row>
    <row r="128" spans="1:13">
      <c r="A128" s="27" t="s">
        <v>109</v>
      </c>
      <c r="B128" s="67">
        <v>-2844</v>
      </c>
      <c r="C128" s="68">
        <v>-997</v>
      </c>
      <c r="D128" s="69">
        <v>-1847</v>
      </c>
      <c r="E128" s="67">
        <v>2906</v>
      </c>
      <c r="F128" s="68">
        <v>1000</v>
      </c>
      <c r="G128" s="69">
        <v>1906</v>
      </c>
      <c r="H128" s="67">
        <v>304</v>
      </c>
      <c r="I128" s="68">
        <v>72</v>
      </c>
      <c r="J128" s="69">
        <v>232</v>
      </c>
      <c r="K128" s="67">
        <v>242</v>
      </c>
      <c r="L128" s="68">
        <v>69</v>
      </c>
      <c r="M128" s="69">
        <v>173</v>
      </c>
    </row>
    <row r="129" spans="1:13" ht="21" customHeight="1">
      <c r="A129" s="38" t="s">
        <v>111</v>
      </c>
      <c r="B129" s="64">
        <v>-8980</v>
      </c>
      <c r="C129" s="65">
        <v>-2577</v>
      </c>
      <c r="D129" s="66">
        <v>-6403</v>
      </c>
      <c r="E129" s="64">
        <v>9085</v>
      </c>
      <c r="F129" s="65">
        <v>2590</v>
      </c>
      <c r="G129" s="66">
        <v>6495</v>
      </c>
      <c r="H129" s="64">
        <v>727</v>
      </c>
      <c r="I129" s="65">
        <v>172</v>
      </c>
      <c r="J129" s="66">
        <v>555</v>
      </c>
      <c r="K129" s="64">
        <v>622</v>
      </c>
      <c r="L129" s="65">
        <v>159</v>
      </c>
      <c r="M129" s="66">
        <v>463</v>
      </c>
    </row>
    <row r="130" spans="1:13">
      <c r="A130" s="27" t="s">
        <v>113</v>
      </c>
      <c r="B130" s="67">
        <v>-2517</v>
      </c>
      <c r="C130" s="68">
        <v>-851</v>
      </c>
      <c r="D130" s="69">
        <v>-1666</v>
      </c>
      <c r="E130" s="67">
        <v>2570</v>
      </c>
      <c r="F130" s="68">
        <v>867</v>
      </c>
      <c r="G130" s="69">
        <v>1703</v>
      </c>
      <c r="H130" s="67">
        <v>269</v>
      </c>
      <c r="I130" s="68">
        <v>68</v>
      </c>
      <c r="J130" s="69">
        <v>201</v>
      </c>
      <c r="K130" s="67">
        <v>216</v>
      </c>
      <c r="L130" s="68">
        <v>52</v>
      </c>
      <c r="M130" s="69">
        <v>164</v>
      </c>
    </row>
    <row r="131" spans="1:13">
      <c r="A131" s="27" t="s">
        <v>115</v>
      </c>
      <c r="B131" s="67">
        <v>-2205</v>
      </c>
      <c r="C131" s="68">
        <v>-682</v>
      </c>
      <c r="D131" s="69">
        <v>-1523</v>
      </c>
      <c r="E131" s="67">
        <v>2214</v>
      </c>
      <c r="F131" s="68">
        <v>673</v>
      </c>
      <c r="G131" s="69">
        <v>1541</v>
      </c>
      <c r="H131" s="67">
        <v>175</v>
      </c>
      <c r="I131" s="68">
        <v>39</v>
      </c>
      <c r="J131" s="69">
        <v>136</v>
      </c>
      <c r="K131" s="67">
        <v>166</v>
      </c>
      <c r="L131" s="68">
        <v>48</v>
      </c>
      <c r="M131" s="69">
        <v>118</v>
      </c>
    </row>
    <row r="132" spans="1:13">
      <c r="A132" s="27" t="s">
        <v>117</v>
      </c>
      <c r="B132" s="67">
        <v>-1837</v>
      </c>
      <c r="C132" s="68">
        <v>-475</v>
      </c>
      <c r="D132" s="69">
        <v>-1362</v>
      </c>
      <c r="E132" s="67">
        <v>1872</v>
      </c>
      <c r="F132" s="68">
        <v>481</v>
      </c>
      <c r="G132" s="69">
        <v>1391</v>
      </c>
      <c r="H132" s="67">
        <v>145</v>
      </c>
      <c r="I132" s="68">
        <v>35</v>
      </c>
      <c r="J132" s="69">
        <v>110</v>
      </c>
      <c r="K132" s="67">
        <v>110</v>
      </c>
      <c r="L132" s="68">
        <v>29</v>
      </c>
      <c r="M132" s="69">
        <v>81</v>
      </c>
    </row>
    <row r="133" spans="1:13">
      <c r="A133" s="27" t="s">
        <v>119</v>
      </c>
      <c r="B133" s="67">
        <v>-1395</v>
      </c>
      <c r="C133" s="68">
        <v>-356</v>
      </c>
      <c r="D133" s="69">
        <v>-1039</v>
      </c>
      <c r="E133" s="67">
        <v>1393</v>
      </c>
      <c r="F133" s="68">
        <v>357</v>
      </c>
      <c r="G133" s="69">
        <v>1036</v>
      </c>
      <c r="H133" s="67">
        <v>76</v>
      </c>
      <c r="I133" s="68">
        <v>18</v>
      </c>
      <c r="J133" s="69">
        <v>58</v>
      </c>
      <c r="K133" s="67">
        <v>78</v>
      </c>
      <c r="L133" s="68">
        <v>17</v>
      </c>
      <c r="M133" s="69">
        <v>61</v>
      </c>
    </row>
    <row r="134" spans="1:13">
      <c r="A134" s="27" t="s">
        <v>121</v>
      </c>
      <c r="B134" s="67">
        <v>-1026</v>
      </c>
      <c r="C134" s="68">
        <v>-213</v>
      </c>
      <c r="D134" s="69">
        <v>-813</v>
      </c>
      <c r="E134" s="67">
        <v>1036</v>
      </c>
      <c r="F134" s="68">
        <v>212</v>
      </c>
      <c r="G134" s="69">
        <v>824</v>
      </c>
      <c r="H134" s="67">
        <v>62</v>
      </c>
      <c r="I134" s="68">
        <v>12</v>
      </c>
      <c r="J134" s="69">
        <v>50</v>
      </c>
      <c r="K134" s="67">
        <v>52</v>
      </c>
      <c r="L134" s="68">
        <v>13</v>
      </c>
      <c r="M134" s="69">
        <v>39</v>
      </c>
    </row>
    <row r="135" spans="1:13" ht="21" customHeight="1">
      <c r="A135" s="39" t="s">
        <v>122</v>
      </c>
      <c r="B135" s="42">
        <v>-2385</v>
      </c>
      <c r="C135" s="40">
        <v>-372</v>
      </c>
      <c r="D135" s="43">
        <v>-2013</v>
      </c>
      <c r="E135" s="42">
        <v>2397</v>
      </c>
      <c r="F135" s="40">
        <v>376</v>
      </c>
      <c r="G135" s="43">
        <v>2021</v>
      </c>
      <c r="H135" s="42">
        <v>89</v>
      </c>
      <c r="I135" s="40">
        <v>16</v>
      </c>
      <c r="J135" s="43">
        <v>73</v>
      </c>
      <c r="K135" s="42">
        <v>77</v>
      </c>
      <c r="L135" s="40">
        <v>12</v>
      </c>
      <c r="M135" s="43">
        <v>65</v>
      </c>
    </row>
    <row r="136" spans="1:13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65"/>
      <c r="M136" s="62"/>
    </row>
    <row r="137" spans="1:13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 r:id="rId1"/>
  <headerFooter scaleWithDoc="0" alignWithMargins="0"/>
  <rowBreaks count="1" manualBreakCount="1">
    <brk id="69" max="16383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56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1754</v>
      </c>
      <c r="C5" s="62">
        <v>-948</v>
      </c>
      <c r="D5" s="62">
        <v>-806</v>
      </c>
      <c r="E5" s="61">
        <v>2327</v>
      </c>
      <c r="F5" s="62">
        <v>1180</v>
      </c>
      <c r="G5" s="63">
        <v>1147</v>
      </c>
      <c r="H5" s="62">
        <v>8636</v>
      </c>
      <c r="I5" s="62">
        <v>4504</v>
      </c>
      <c r="J5" s="62">
        <v>4132</v>
      </c>
      <c r="K5" s="61">
        <v>9011</v>
      </c>
      <c r="L5" s="75">
        <v>4773</v>
      </c>
      <c r="M5" s="76">
        <v>4238</v>
      </c>
    </row>
    <row r="6" spans="1:13" ht="23.25" customHeight="1">
      <c r="A6" s="36" t="s">
        <v>2</v>
      </c>
      <c r="B6" s="64">
        <v>988</v>
      </c>
      <c r="C6" s="65">
        <v>517</v>
      </c>
      <c r="D6" s="65">
        <v>471</v>
      </c>
      <c r="E6" s="64">
        <v>3</v>
      </c>
      <c r="F6" s="65">
        <v>0</v>
      </c>
      <c r="G6" s="66">
        <v>3</v>
      </c>
      <c r="H6" s="65">
        <v>411</v>
      </c>
      <c r="I6" s="65">
        <v>215</v>
      </c>
      <c r="J6" s="65">
        <v>196</v>
      </c>
      <c r="K6" s="64">
        <v>368</v>
      </c>
      <c r="L6" s="77">
        <v>199</v>
      </c>
      <c r="M6" s="78">
        <v>169</v>
      </c>
    </row>
    <row r="7" spans="1:13">
      <c r="A7" s="15" t="s">
        <v>4</v>
      </c>
      <c r="B7" s="67">
        <v>964</v>
      </c>
      <c r="C7" s="68">
        <v>508</v>
      </c>
      <c r="D7" s="68">
        <v>456</v>
      </c>
      <c r="E7" s="67">
        <v>2</v>
      </c>
      <c r="F7" s="68">
        <v>0</v>
      </c>
      <c r="G7" s="69">
        <v>2</v>
      </c>
      <c r="H7" s="68">
        <v>54</v>
      </c>
      <c r="I7" s="68">
        <v>29</v>
      </c>
      <c r="J7" s="68">
        <v>25</v>
      </c>
      <c r="K7" s="67">
        <v>36</v>
      </c>
      <c r="L7" s="79">
        <v>22</v>
      </c>
      <c r="M7" s="80">
        <v>14</v>
      </c>
    </row>
    <row r="8" spans="1:13">
      <c r="A8" s="15" t="s">
        <v>6</v>
      </c>
      <c r="B8" s="67">
        <v>16</v>
      </c>
      <c r="C8" s="68">
        <v>5</v>
      </c>
      <c r="D8" s="68">
        <v>11</v>
      </c>
      <c r="E8" s="67">
        <v>1</v>
      </c>
      <c r="F8" s="68">
        <v>0</v>
      </c>
      <c r="G8" s="69">
        <v>1</v>
      </c>
      <c r="H8" s="68">
        <v>112</v>
      </c>
      <c r="I8" s="68">
        <v>61</v>
      </c>
      <c r="J8" s="68">
        <v>51</v>
      </c>
      <c r="K8" s="67">
        <v>95</v>
      </c>
      <c r="L8" s="79">
        <v>56</v>
      </c>
      <c r="M8" s="80">
        <v>39</v>
      </c>
    </row>
    <row r="9" spans="1:13">
      <c r="A9" s="15" t="s">
        <v>8</v>
      </c>
      <c r="B9" s="67">
        <v>7</v>
      </c>
      <c r="C9" s="68">
        <v>-3</v>
      </c>
      <c r="D9" s="68">
        <v>10</v>
      </c>
      <c r="E9" s="67">
        <v>0</v>
      </c>
      <c r="F9" s="68">
        <v>0</v>
      </c>
      <c r="G9" s="69">
        <v>0</v>
      </c>
      <c r="H9" s="68">
        <v>101</v>
      </c>
      <c r="I9" s="68">
        <v>52</v>
      </c>
      <c r="J9" s="68">
        <v>49</v>
      </c>
      <c r="K9" s="67">
        <v>94</v>
      </c>
      <c r="L9" s="79">
        <v>55</v>
      </c>
      <c r="M9" s="80">
        <v>39</v>
      </c>
    </row>
    <row r="10" spans="1:13">
      <c r="A10" s="15" t="s">
        <v>10</v>
      </c>
      <c r="B10" s="67">
        <v>-12</v>
      </c>
      <c r="C10" s="68">
        <v>-7</v>
      </c>
      <c r="D10" s="68">
        <v>-5</v>
      </c>
      <c r="E10" s="67">
        <v>0</v>
      </c>
      <c r="F10" s="68">
        <v>0</v>
      </c>
      <c r="G10" s="69">
        <v>0</v>
      </c>
      <c r="H10" s="68">
        <v>66</v>
      </c>
      <c r="I10" s="68">
        <v>34</v>
      </c>
      <c r="J10" s="68">
        <v>32</v>
      </c>
      <c r="K10" s="67">
        <v>78</v>
      </c>
      <c r="L10" s="79">
        <v>41</v>
      </c>
      <c r="M10" s="80">
        <v>37</v>
      </c>
    </row>
    <row r="11" spans="1:13">
      <c r="A11" s="15" t="s">
        <v>12</v>
      </c>
      <c r="B11" s="67">
        <v>13</v>
      </c>
      <c r="C11" s="68">
        <v>14</v>
      </c>
      <c r="D11" s="68">
        <v>-1</v>
      </c>
      <c r="E11" s="67">
        <v>0</v>
      </c>
      <c r="F11" s="68">
        <v>0</v>
      </c>
      <c r="G11" s="69">
        <v>0</v>
      </c>
      <c r="H11" s="68">
        <v>78</v>
      </c>
      <c r="I11" s="68">
        <v>39</v>
      </c>
      <c r="J11" s="68">
        <v>39</v>
      </c>
      <c r="K11" s="67">
        <v>65</v>
      </c>
      <c r="L11" s="79">
        <v>25</v>
      </c>
      <c r="M11" s="80">
        <v>40</v>
      </c>
    </row>
    <row r="12" spans="1:13" ht="21" customHeight="1">
      <c r="A12" s="36" t="s">
        <v>14</v>
      </c>
      <c r="B12" s="64">
        <v>4</v>
      </c>
      <c r="C12" s="65">
        <v>-1</v>
      </c>
      <c r="D12" s="65">
        <v>5</v>
      </c>
      <c r="E12" s="64">
        <v>2</v>
      </c>
      <c r="F12" s="65">
        <v>1</v>
      </c>
      <c r="G12" s="66">
        <v>1</v>
      </c>
      <c r="H12" s="65">
        <v>254</v>
      </c>
      <c r="I12" s="65">
        <v>125</v>
      </c>
      <c r="J12" s="65">
        <v>129</v>
      </c>
      <c r="K12" s="64">
        <v>248</v>
      </c>
      <c r="L12" s="77">
        <v>125</v>
      </c>
      <c r="M12" s="78">
        <v>123</v>
      </c>
    </row>
    <row r="13" spans="1:13">
      <c r="A13" s="15" t="s">
        <v>16</v>
      </c>
      <c r="B13" s="67">
        <v>-11</v>
      </c>
      <c r="C13" s="68">
        <v>-11</v>
      </c>
      <c r="D13" s="68">
        <v>0</v>
      </c>
      <c r="E13" s="67">
        <v>2</v>
      </c>
      <c r="F13" s="68">
        <v>1</v>
      </c>
      <c r="G13" s="69">
        <v>1</v>
      </c>
      <c r="H13" s="68">
        <v>51</v>
      </c>
      <c r="I13" s="68">
        <v>26</v>
      </c>
      <c r="J13" s="68">
        <v>25</v>
      </c>
      <c r="K13" s="67">
        <v>60</v>
      </c>
      <c r="L13" s="79">
        <v>36</v>
      </c>
      <c r="M13" s="80">
        <v>24</v>
      </c>
    </row>
    <row r="14" spans="1:13">
      <c r="A14" s="15" t="s">
        <v>18</v>
      </c>
      <c r="B14" s="67">
        <v>-4</v>
      </c>
      <c r="C14" s="68">
        <v>-5</v>
      </c>
      <c r="D14" s="68">
        <v>1</v>
      </c>
      <c r="E14" s="67">
        <v>0</v>
      </c>
      <c r="F14" s="68">
        <v>0</v>
      </c>
      <c r="G14" s="69">
        <v>0</v>
      </c>
      <c r="H14" s="68">
        <v>57</v>
      </c>
      <c r="I14" s="68">
        <v>24</v>
      </c>
      <c r="J14" s="68">
        <v>33</v>
      </c>
      <c r="K14" s="67">
        <v>61</v>
      </c>
      <c r="L14" s="79">
        <v>29</v>
      </c>
      <c r="M14" s="80">
        <v>32</v>
      </c>
    </row>
    <row r="15" spans="1:13">
      <c r="A15" s="15" t="s">
        <v>20</v>
      </c>
      <c r="B15" s="67">
        <v>5</v>
      </c>
      <c r="C15" s="68">
        <v>9</v>
      </c>
      <c r="D15" s="68">
        <v>-4</v>
      </c>
      <c r="E15" s="67">
        <v>0</v>
      </c>
      <c r="F15" s="68">
        <v>0</v>
      </c>
      <c r="G15" s="69">
        <v>0</v>
      </c>
      <c r="H15" s="68">
        <v>61</v>
      </c>
      <c r="I15" s="68">
        <v>36</v>
      </c>
      <c r="J15" s="68">
        <v>25</v>
      </c>
      <c r="K15" s="67">
        <v>56</v>
      </c>
      <c r="L15" s="79">
        <v>27</v>
      </c>
      <c r="M15" s="80">
        <v>29</v>
      </c>
    </row>
    <row r="16" spans="1:13">
      <c r="A16" s="15" t="s">
        <v>22</v>
      </c>
      <c r="B16" s="67">
        <v>1</v>
      </c>
      <c r="C16" s="68">
        <v>1</v>
      </c>
      <c r="D16" s="68">
        <v>0</v>
      </c>
      <c r="E16" s="67">
        <v>0</v>
      </c>
      <c r="F16" s="68">
        <v>0</v>
      </c>
      <c r="G16" s="69">
        <v>0</v>
      </c>
      <c r="H16" s="68">
        <v>40</v>
      </c>
      <c r="I16" s="68">
        <v>20</v>
      </c>
      <c r="J16" s="68">
        <v>20</v>
      </c>
      <c r="K16" s="67">
        <v>39</v>
      </c>
      <c r="L16" s="79">
        <v>19</v>
      </c>
      <c r="M16" s="80">
        <v>20</v>
      </c>
    </row>
    <row r="17" spans="1:13">
      <c r="A17" s="15" t="s">
        <v>24</v>
      </c>
      <c r="B17" s="67">
        <v>13</v>
      </c>
      <c r="C17" s="68">
        <v>5</v>
      </c>
      <c r="D17" s="68">
        <v>8</v>
      </c>
      <c r="E17" s="67">
        <v>0</v>
      </c>
      <c r="F17" s="68">
        <v>0</v>
      </c>
      <c r="G17" s="69">
        <v>0</v>
      </c>
      <c r="H17" s="68">
        <v>45</v>
      </c>
      <c r="I17" s="68">
        <v>19</v>
      </c>
      <c r="J17" s="68">
        <v>26</v>
      </c>
      <c r="K17" s="67">
        <v>32</v>
      </c>
      <c r="L17" s="79">
        <v>14</v>
      </c>
      <c r="M17" s="80">
        <v>18</v>
      </c>
    </row>
    <row r="18" spans="1:13" ht="21" customHeight="1">
      <c r="A18" s="36" t="s">
        <v>26</v>
      </c>
      <c r="B18" s="64">
        <v>17</v>
      </c>
      <c r="C18" s="65">
        <v>12</v>
      </c>
      <c r="D18" s="65">
        <v>5</v>
      </c>
      <c r="E18" s="64">
        <v>0</v>
      </c>
      <c r="F18" s="65">
        <v>0</v>
      </c>
      <c r="G18" s="66">
        <v>0</v>
      </c>
      <c r="H18" s="65">
        <v>145</v>
      </c>
      <c r="I18" s="65">
        <v>79</v>
      </c>
      <c r="J18" s="65">
        <v>66</v>
      </c>
      <c r="K18" s="64">
        <v>128</v>
      </c>
      <c r="L18" s="77">
        <v>67</v>
      </c>
      <c r="M18" s="78">
        <v>61</v>
      </c>
    </row>
    <row r="19" spans="1:13">
      <c r="A19" s="15" t="s">
        <v>28</v>
      </c>
      <c r="B19" s="67">
        <v>3</v>
      </c>
      <c r="C19" s="68">
        <v>1</v>
      </c>
      <c r="D19" s="68">
        <v>2</v>
      </c>
      <c r="E19" s="67">
        <v>0</v>
      </c>
      <c r="F19" s="68">
        <v>0</v>
      </c>
      <c r="G19" s="69">
        <v>0</v>
      </c>
      <c r="H19" s="68">
        <v>33</v>
      </c>
      <c r="I19" s="68">
        <v>16</v>
      </c>
      <c r="J19" s="68">
        <v>17</v>
      </c>
      <c r="K19" s="67">
        <v>30</v>
      </c>
      <c r="L19" s="79">
        <v>15</v>
      </c>
      <c r="M19" s="80">
        <v>15</v>
      </c>
    </row>
    <row r="20" spans="1:13">
      <c r="A20" s="15" t="s">
        <v>30</v>
      </c>
      <c r="B20" s="67">
        <v>11</v>
      </c>
      <c r="C20" s="68">
        <v>7</v>
      </c>
      <c r="D20" s="68">
        <v>4</v>
      </c>
      <c r="E20" s="67">
        <v>0</v>
      </c>
      <c r="F20" s="68">
        <v>0</v>
      </c>
      <c r="G20" s="69">
        <v>0</v>
      </c>
      <c r="H20" s="68">
        <v>30</v>
      </c>
      <c r="I20" s="68">
        <v>16</v>
      </c>
      <c r="J20" s="68">
        <v>14</v>
      </c>
      <c r="K20" s="67">
        <v>19</v>
      </c>
      <c r="L20" s="79">
        <v>9</v>
      </c>
      <c r="M20" s="80">
        <v>10</v>
      </c>
    </row>
    <row r="21" spans="1:13">
      <c r="A21" s="15" t="s">
        <v>32</v>
      </c>
      <c r="B21" s="67">
        <v>-7</v>
      </c>
      <c r="C21" s="68">
        <v>5</v>
      </c>
      <c r="D21" s="68">
        <v>-12</v>
      </c>
      <c r="E21" s="67">
        <v>0</v>
      </c>
      <c r="F21" s="68">
        <v>0</v>
      </c>
      <c r="G21" s="69">
        <v>0</v>
      </c>
      <c r="H21" s="68">
        <v>18</v>
      </c>
      <c r="I21" s="68">
        <v>10</v>
      </c>
      <c r="J21" s="68">
        <v>8</v>
      </c>
      <c r="K21" s="67">
        <v>25</v>
      </c>
      <c r="L21" s="79">
        <v>5</v>
      </c>
      <c r="M21" s="80">
        <v>20</v>
      </c>
    </row>
    <row r="22" spans="1:13">
      <c r="A22" s="15" t="s">
        <v>34</v>
      </c>
      <c r="B22" s="67">
        <v>13</v>
      </c>
      <c r="C22" s="68">
        <v>6</v>
      </c>
      <c r="D22" s="68">
        <v>7</v>
      </c>
      <c r="E22" s="67">
        <v>0</v>
      </c>
      <c r="F22" s="68">
        <v>0</v>
      </c>
      <c r="G22" s="69">
        <v>0</v>
      </c>
      <c r="H22" s="68">
        <v>42</v>
      </c>
      <c r="I22" s="68">
        <v>27</v>
      </c>
      <c r="J22" s="68">
        <v>15</v>
      </c>
      <c r="K22" s="67">
        <v>29</v>
      </c>
      <c r="L22" s="79">
        <v>21</v>
      </c>
      <c r="M22" s="80">
        <v>8</v>
      </c>
    </row>
    <row r="23" spans="1:13">
      <c r="A23" s="15" t="s">
        <v>36</v>
      </c>
      <c r="B23" s="67">
        <v>-3</v>
      </c>
      <c r="C23" s="68">
        <v>-7</v>
      </c>
      <c r="D23" s="68">
        <v>4</v>
      </c>
      <c r="E23" s="67">
        <v>0</v>
      </c>
      <c r="F23" s="68">
        <v>0</v>
      </c>
      <c r="G23" s="69">
        <v>0</v>
      </c>
      <c r="H23" s="68">
        <v>22</v>
      </c>
      <c r="I23" s="68">
        <v>10</v>
      </c>
      <c r="J23" s="68">
        <v>12</v>
      </c>
      <c r="K23" s="67">
        <v>25</v>
      </c>
      <c r="L23" s="79">
        <v>17</v>
      </c>
      <c r="M23" s="80">
        <v>8</v>
      </c>
    </row>
    <row r="24" spans="1:13" ht="21" customHeight="1">
      <c r="A24" s="36" t="s">
        <v>38</v>
      </c>
      <c r="B24" s="64">
        <v>178</v>
      </c>
      <c r="C24" s="65">
        <v>110</v>
      </c>
      <c r="D24" s="65">
        <v>68</v>
      </c>
      <c r="E24" s="64">
        <v>1</v>
      </c>
      <c r="F24" s="65">
        <v>0</v>
      </c>
      <c r="G24" s="66">
        <v>1</v>
      </c>
      <c r="H24" s="65">
        <v>427</v>
      </c>
      <c r="I24" s="65">
        <v>239</v>
      </c>
      <c r="J24" s="65">
        <v>188</v>
      </c>
      <c r="K24" s="64">
        <v>248</v>
      </c>
      <c r="L24" s="77">
        <v>129</v>
      </c>
      <c r="M24" s="78">
        <v>119</v>
      </c>
    </row>
    <row r="25" spans="1:13">
      <c r="A25" s="15" t="s">
        <v>40</v>
      </c>
      <c r="B25" s="67">
        <v>-7</v>
      </c>
      <c r="C25" s="68">
        <v>-4</v>
      </c>
      <c r="D25" s="68">
        <v>-3</v>
      </c>
      <c r="E25" s="67">
        <v>0</v>
      </c>
      <c r="F25" s="68">
        <v>0</v>
      </c>
      <c r="G25" s="69">
        <v>0</v>
      </c>
      <c r="H25" s="68">
        <v>26</v>
      </c>
      <c r="I25" s="68">
        <v>11</v>
      </c>
      <c r="J25" s="68">
        <v>15</v>
      </c>
      <c r="K25" s="67">
        <v>33</v>
      </c>
      <c r="L25" s="79">
        <v>15</v>
      </c>
      <c r="M25" s="80">
        <v>18</v>
      </c>
    </row>
    <row r="26" spans="1:13">
      <c r="A26" s="15" t="s">
        <v>42</v>
      </c>
      <c r="B26" s="67">
        <v>1</v>
      </c>
      <c r="C26" s="68">
        <v>1</v>
      </c>
      <c r="D26" s="68">
        <v>0</v>
      </c>
      <c r="E26" s="67">
        <v>0</v>
      </c>
      <c r="F26" s="68">
        <v>0</v>
      </c>
      <c r="G26" s="69">
        <v>0</v>
      </c>
      <c r="H26" s="68">
        <v>44</v>
      </c>
      <c r="I26" s="68">
        <v>22</v>
      </c>
      <c r="J26" s="68">
        <v>22</v>
      </c>
      <c r="K26" s="67">
        <v>43</v>
      </c>
      <c r="L26" s="79">
        <v>21</v>
      </c>
      <c r="M26" s="80">
        <v>22</v>
      </c>
    </row>
    <row r="27" spans="1:13">
      <c r="A27" s="15" t="s">
        <v>44</v>
      </c>
      <c r="B27" s="67">
        <v>-4</v>
      </c>
      <c r="C27" s="68">
        <v>0</v>
      </c>
      <c r="D27" s="68">
        <v>-4</v>
      </c>
      <c r="E27" s="67">
        <v>1</v>
      </c>
      <c r="F27" s="68">
        <v>0</v>
      </c>
      <c r="G27" s="69">
        <v>1</v>
      </c>
      <c r="H27" s="68">
        <v>19</v>
      </c>
      <c r="I27" s="68">
        <v>8</v>
      </c>
      <c r="J27" s="68">
        <v>11</v>
      </c>
      <c r="K27" s="67">
        <v>22</v>
      </c>
      <c r="L27" s="79">
        <v>8</v>
      </c>
      <c r="M27" s="80">
        <v>14</v>
      </c>
    </row>
    <row r="28" spans="1:13">
      <c r="A28" s="15" t="s">
        <v>46</v>
      </c>
      <c r="B28" s="67">
        <v>57</v>
      </c>
      <c r="C28" s="68">
        <v>40</v>
      </c>
      <c r="D28" s="68">
        <v>17</v>
      </c>
      <c r="E28" s="67">
        <v>0</v>
      </c>
      <c r="F28" s="68">
        <v>0</v>
      </c>
      <c r="G28" s="69">
        <v>0</v>
      </c>
      <c r="H28" s="68">
        <v>95</v>
      </c>
      <c r="I28" s="68">
        <v>58</v>
      </c>
      <c r="J28" s="68">
        <v>37</v>
      </c>
      <c r="K28" s="67">
        <v>38</v>
      </c>
      <c r="L28" s="79">
        <v>18</v>
      </c>
      <c r="M28" s="80">
        <v>20</v>
      </c>
    </row>
    <row r="29" spans="1:13">
      <c r="A29" s="15" t="s">
        <v>48</v>
      </c>
      <c r="B29" s="67">
        <v>131</v>
      </c>
      <c r="C29" s="68">
        <v>73</v>
      </c>
      <c r="D29" s="68">
        <v>58</v>
      </c>
      <c r="E29" s="67">
        <v>0</v>
      </c>
      <c r="F29" s="68">
        <v>0</v>
      </c>
      <c r="G29" s="69">
        <v>0</v>
      </c>
      <c r="H29" s="68">
        <v>243</v>
      </c>
      <c r="I29" s="68">
        <v>140</v>
      </c>
      <c r="J29" s="68">
        <v>103</v>
      </c>
      <c r="K29" s="67">
        <v>112</v>
      </c>
      <c r="L29" s="79">
        <v>67</v>
      </c>
      <c r="M29" s="80">
        <v>45</v>
      </c>
    </row>
    <row r="30" spans="1:13" ht="21" customHeight="1">
      <c r="A30" s="36" t="s">
        <v>50</v>
      </c>
      <c r="B30" s="64">
        <v>-86</v>
      </c>
      <c r="C30" s="65">
        <v>-145</v>
      </c>
      <c r="D30" s="65">
        <v>59</v>
      </c>
      <c r="E30" s="64">
        <v>3</v>
      </c>
      <c r="F30" s="65">
        <v>1</v>
      </c>
      <c r="G30" s="66">
        <v>2</v>
      </c>
      <c r="H30" s="65">
        <v>1442</v>
      </c>
      <c r="I30" s="65">
        <v>712</v>
      </c>
      <c r="J30" s="65">
        <v>730</v>
      </c>
      <c r="K30" s="64">
        <v>1525</v>
      </c>
      <c r="L30" s="77">
        <v>856</v>
      </c>
      <c r="M30" s="78">
        <v>669</v>
      </c>
    </row>
    <row r="31" spans="1:13">
      <c r="A31" s="15" t="s">
        <v>52</v>
      </c>
      <c r="B31" s="67">
        <v>35</v>
      </c>
      <c r="C31" s="68">
        <v>24</v>
      </c>
      <c r="D31" s="68">
        <v>11</v>
      </c>
      <c r="E31" s="67">
        <v>0</v>
      </c>
      <c r="F31" s="68">
        <v>0</v>
      </c>
      <c r="G31" s="69">
        <v>0</v>
      </c>
      <c r="H31" s="68">
        <v>143</v>
      </c>
      <c r="I31" s="68">
        <v>80</v>
      </c>
      <c r="J31" s="68">
        <v>63</v>
      </c>
      <c r="K31" s="67">
        <v>108</v>
      </c>
      <c r="L31" s="79">
        <v>56</v>
      </c>
      <c r="M31" s="80">
        <v>52</v>
      </c>
    </row>
    <row r="32" spans="1:13">
      <c r="A32" s="15" t="s">
        <v>54</v>
      </c>
      <c r="B32" s="67">
        <v>105</v>
      </c>
      <c r="C32" s="68">
        <v>48</v>
      </c>
      <c r="D32" s="68">
        <v>57</v>
      </c>
      <c r="E32" s="67">
        <v>0</v>
      </c>
      <c r="F32" s="68">
        <v>0</v>
      </c>
      <c r="G32" s="69">
        <v>0</v>
      </c>
      <c r="H32" s="68">
        <v>275</v>
      </c>
      <c r="I32" s="68">
        <v>132</v>
      </c>
      <c r="J32" s="68">
        <v>143</v>
      </c>
      <c r="K32" s="67">
        <v>170</v>
      </c>
      <c r="L32" s="79">
        <v>84</v>
      </c>
      <c r="M32" s="80">
        <v>86</v>
      </c>
    </row>
    <row r="33" spans="1:13">
      <c r="A33" s="15" t="s">
        <v>56</v>
      </c>
      <c r="B33" s="67">
        <v>-10</v>
      </c>
      <c r="C33" s="68">
        <v>-45</v>
      </c>
      <c r="D33" s="68">
        <v>35</v>
      </c>
      <c r="E33" s="67">
        <v>1</v>
      </c>
      <c r="F33" s="68">
        <v>0</v>
      </c>
      <c r="G33" s="69">
        <v>1</v>
      </c>
      <c r="H33" s="68">
        <v>287</v>
      </c>
      <c r="I33" s="68">
        <v>126</v>
      </c>
      <c r="J33" s="68">
        <v>161</v>
      </c>
      <c r="K33" s="67">
        <v>296</v>
      </c>
      <c r="L33" s="79">
        <v>171</v>
      </c>
      <c r="M33" s="80">
        <v>125</v>
      </c>
    </row>
    <row r="34" spans="1:13">
      <c r="A34" s="15" t="s">
        <v>58</v>
      </c>
      <c r="B34" s="67">
        <v>-131</v>
      </c>
      <c r="C34" s="68">
        <v>-128</v>
      </c>
      <c r="D34" s="68">
        <v>-3</v>
      </c>
      <c r="E34" s="67">
        <v>0</v>
      </c>
      <c r="F34" s="68">
        <v>0</v>
      </c>
      <c r="G34" s="69">
        <v>0</v>
      </c>
      <c r="H34" s="68">
        <v>396</v>
      </c>
      <c r="I34" s="68">
        <v>192</v>
      </c>
      <c r="J34" s="68">
        <v>204</v>
      </c>
      <c r="K34" s="67">
        <v>527</v>
      </c>
      <c r="L34" s="79">
        <v>320</v>
      </c>
      <c r="M34" s="80">
        <v>207</v>
      </c>
    </row>
    <row r="35" spans="1:13">
      <c r="A35" s="15" t="s">
        <v>60</v>
      </c>
      <c r="B35" s="67">
        <v>-85</v>
      </c>
      <c r="C35" s="68">
        <v>-44</v>
      </c>
      <c r="D35" s="68">
        <v>-41</v>
      </c>
      <c r="E35" s="67">
        <v>2</v>
      </c>
      <c r="F35" s="68">
        <v>1</v>
      </c>
      <c r="G35" s="69">
        <v>1</v>
      </c>
      <c r="H35" s="68">
        <v>341</v>
      </c>
      <c r="I35" s="68">
        <v>182</v>
      </c>
      <c r="J35" s="68">
        <v>159</v>
      </c>
      <c r="K35" s="67">
        <v>424</v>
      </c>
      <c r="L35" s="79">
        <v>225</v>
      </c>
      <c r="M35" s="80">
        <v>199</v>
      </c>
    </row>
    <row r="36" spans="1:13" ht="21" customHeight="1">
      <c r="A36" s="36" t="s">
        <v>62</v>
      </c>
      <c r="B36" s="64">
        <v>-477</v>
      </c>
      <c r="C36" s="65">
        <v>-215</v>
      </c>
      <c r="D36" s="65">
        <v>-262</v>
      </c>
      <c r="E36" s="64">
        <v>2</v>
      </c>
      <c r="F36" s="65">
        <v>2</v>
      </c>
      <c r="G36" s="66">
        <v>0</v>
      </c>
      <c r="H36" s="65">
        <v>1542</v>
      </c>
      <c r="I36" s="65">
        <v>810</v>
      </c>
      <c r="J36" s="65">
        <v>732</v>
      </c>
      <c r="K36" s="64">
        <v>2017</v>
      </c>
      <c r="L36" s="77">
        <v>1023</v>
      </c>
      <c r="M36" s="78">
        <v>994</v>
      </c>
    </row>
    <row r="37" spans="1:13">
      <c r="A37" s="15" t="s">
        <v>64</v>
      </c>
      <c r="B37" s="67">
        <v>-96</v>
      </c>
      <c r="C37" s="68">
        <v>-45</v>
      </c>
      <c r="D37" s="68">
        <v>-51</v>
      </c>
      <c r="E37" s="67">
        <v>0</v>
      </c>
      <c r="F37" s="68">
        <v>0</v>
      </c>
      <c r="G37" s="69">
        <v>0</v>
      </c>
      <c r="H37" s="68">
        <v>339</v>
      </c>
      <c r="I37" s="68">
        <v>183</v>
      </c>
      <c r="J37" s="68">
        <v>156</v>
      </c>
      <c r="K37" s="67">
        <v>435</v>
      </c>
      <c r="L37" s="79">
        <v>228</v>
      </c>
      <c r="M37" s="80">
        <v>207</v>
      </c>
    </row>
    <row r="38" spans="1:13">
      <c r="A38" s="15" t="s">
        <v>66</v>
      </c>
      <c r="B38" s="67">
        <v>-64</v>
      </c>
      <c r="C38" s="68">
        <v>-14</v>
      </c>
      <c r="D38" s="68">
        <v>-50</v>
      </c>
      <c r="E38" s="67">
        <v>0</v>
      </c>
      <c r="F38" s="68">
        <v>0</v>
      </c>
      <c r="G38" s="69">
        <v>0</v>
      </c>
      <c r="H38" s="68">
        <v>335</v>
      </c>
      <c r="I38" s="68">
        <v>188</v>
      </c>
      <c r="J38" s="68">
        <v>147</v>
      </c>
      <c r="K38" s="67">
        <v>399</v>
      </c>
      <c r="L38" s="79">
        <v>202</v>
      </c>
      <c r="M38" s="80">
        <v>197</v>
      </c>
    </row>
    <row r="39" spans="1:13">
      <c r="A39" s="15" t="s">
        <v>68</v>
      </c>
      <c r="B39" s="67">
        <v>-101</v>
      </c>
      <c r="C39" s="68">
        <v>-41</v>
      </c>
      <c r="D39" s="68">
        <v>-60</v>
      </c>
      <c r="E39" s="67">
        <v>2</v>
      </c>
      <c r="F39" s="68">
        <v>2</v>
      </c>
      <c r="G39" s="69">
        <v>0</v>
      </c>
      <c r="H39" s="68">
        <v>330</v>
      </c>
      <c r="I39" s="68">
        <v>179</v>
      </c>
      <c r="J39" s="68">
        <v>151</v>
      </c>
      <c r="K39" s="67">
        <v>429</v>
      </c>
      <c r="L39" s="79">
        <v>218</v>
      </c>
      <c r="M39" s="80">
        <v>211</v>
      </c>
    </row>
    <row r="40" spans="1:13">
      <c r="A40" s="15" t="s">
        <v>70</v>
      </c>
      <c r="B40" s="67">
        <v>-93</v>
      </c>
      <c r="C40" s="68">
        <v>-43</v>
      </c>
      <c r="D40" s="68">
        <v>-50</v>
      </c>
      <c r="E40" s="67">
        <v>0</v>
      </c>
      <c r="F40" s="68">
        <v>0</v>
      </c>
      <c r="G40" s="69">
        <v>0</v>
      </c>
      <c r="H40" s="68">
        <v>290</v>
      </c>
      <c r="I40" s="68">
        <v>146</v>
      </c>
      <c r="J40" s="68">
        <v>144</v>
      </c>
      <c r="K40" s="67">
        <v>383</v>
      </c>
      <c r="L40" s="79">
        <v>189</v>
      </c>
      <c r="M40" s="80">
        <v>194</v>
      </c>
    </row>
    <row r="41" spans="1:13">
      <c r="A41" s="15" t="s">
        <v>72</v>
      </c>
      <c r="B41" s="67">
        <v>-123</v>
      </c>
      <c r="C41" s="68">
        <v>-72</v>
      </c>
      <c r="D41" s="68">
        <v>-51</v>
      </c>
      <c r="E41" s="67">
        <v>0</v>
      </c>
      <c r="F41" s="68">
        <v>0</v>
      </c>
      <c r="G41" s="69">
        <v>0</v>
      </c>
      <c r="H41" s="68">
        <v>248</v>
      </c>
      <c r="I41" s="68">
        <v>114</v>
      </c>
      <c r="J41" s="68">
        <v>134</v>
      </c>
      <c r="K41" s="67">
        <v>371</v>
      </c>
      <c r="L41" s="79">
        <v>186</v>
      </c>
      <c r="M41" s="80">
        <v>185</v>
      </c>
    </row>
    <row r="42" spans="1:13" ht="21" customHeight="1">
      <c r="A42" s="36" t="s">
        <v>74</v>
      </c>
      <c r="B42" s="64">
        <v>-70</v>
      </c>
      <c r="C42" s="65">
        <v>-24</v>
      </c>
      <c r="D42" s="65">
        <v>-46</v>
      </c>
      <c r="E42" s="64">
        <v>2</v>
      </c>
      <c r="F42" s="65">
        <v>2</v>
      </c>
      <c r="G42" s="66">
        <v>0</v>
      </c>
      <c r="H42" s="65">
        <v>1208</v>
      </c>
      <c r="I42" s="65">
        <v>625</v>
      </c>
      <c r="J42" s="65">
        <v>583</v>
      </c>
      <c r="K42" s="64">
        <v>1276</v>
      </c>
      <c r="L42" s="77">
        <v>647</v>
      </c>
      <c r="M42" s="78">
        <v>629</v>
      </c>
    </row>
    <row r="43" spans="1:13">
      <c r="A43" s="15" t="s">
        <v>76</v>
      </c>
      <c r="B43" s="67">
        <v>-54</v>
      </c>
      <c r="C43" s="68">
        <v>-36</v>
      </c>
      <c r="D43" s="68">
        <v>-18</v>
      </c>
      <c r="E43" s="67">
        <v>0</v>
      </c>
      <c r="F43" s="68">
        <v>0</v>
      </c>
      <c r="G43" s="69">
        <v>0</v>
      </c>
      <c r="H43" s="68">
        <v>246</v>
      </c>
      <c r="I43" s="68">
        <v>112</v>
      </c>
      <c r="J43" s="68">
        <v>134</v>
      </c>
      <c r="K43" s="67">
        <v>300</v>
      </c>
      <c r="L43" s="79">
        <v>148</v>
      </c>
      <c r="M43" s="80">
        <v>152</v>
      </c>
    </row>
    <row r="44" spans="1:13">
      <c r="A44" s="15" t="s">
        <v>78</v>
      </c>
      <c r="B44" s="67">
        <v>14</v>
      </c>
      <c r="C44" s="68">
        <v>12</v>
      </c>
      <c r="D44" s="68">
        <v>2</v>
      </c>
      <c r="E44" s="67">
        <v>0</v>
      </c>
      <c r="F44" s="68">
        <v>0</v>
      </c>
      <c r="G44" s="69">
        <v>0</v>
      </c>
      <c r="H44" s="68">
        <v>286</v>
      </c>
      <c r="I44" s="68">
        <v>161</v>
      </c>
      <c r="J44" s="68">
        <v>125</v>
      </c>
      <c r="K44" s="67">
        <v>272</v>
      </c>
      <c r="L44" s="79">
        <v>149</v>
      </c>
      <c r="M44" s="80">
        <v>123</v>
      </c>
    </row>
    <row r="45" spans="1:13">
      <c r="A45" s="15" t="s">
        <v>80</v>
      </c>
      <c r="B45" s="67">
        <v>-19</v>
      </c>
      <c r="C45" s="68">
        <v>-5</v>
      </c>
      <c r="D45" s="68">
        <v>-14</v>
      </c>
      <c r="E45" s="67">
        <v>0</v>
      </c>
      <c r="F45" s="68">
        <v>0</v>
      </c>
      <c r="G45" s="69">
        <v>0</v>
      </c>
      <c r="H45" s="68">
        <v>248</v>
      </c>
      <c r="I45" s="68">
        <v>130</v>
      </c>
      <c r="J45" s="68">
        <v>118</v>
      </c>
      <c r="K45" s="67">
        <v>267</v>
      </c>
      <c r="L45" s="79">
        <v>135</v>
      </c>
      <c r="M45" s="80">
        <v>132</v>
      </c>
    </row>
    <row r="46" spans="1:13">
      <c r="A46" s="15" t="s">
        <v>82</v>
      </c>
      <c r="B46" s="67">
        <v>18</v>
      </c>
      <c r="C46" s="68">
        <v>22</v>
      </c>
      <c r="D46" s="68">
        <v>-4</v>
      </c>
      <c r="E46" s="67">
        <v>1</v>
      </c>
      <c r="F46" s="68">
        <v>1</v>
      </c>
      <c r="G46" s="69">
        <v>0</v>
      </c>
      <c r="H46" s="68">
        <v>228</v>
      </c>
      <c r="I46" s="68">
        <v>114</v>
      </c>
      <c r="J46" s="68">
        <v>114</v>
      </c>
      <c r="K46" s="67">
        <v>209</v>
      </c>
      <c r="L46" s="79">
        <v>91</v>
      </c>
      <c r="M46" s="80">
        <v>118</v>
      </c>
    </row>
    <row r="47" spans="1:13">
      <c r="A47" s="15" t="s">
        <v>84</v>
      </c>
      <c r="B47" s="67">
        <v>-29</v>
      </c>
      <c r="C47" s="68">
        <v>-17</v>
      </c>
      <c r="D47" s="68">
        <v>-12</v>
      </c>
      <c r="E47" s="67">
        <v>1</v>
      </c>
      <c r="F47" s="68">
        <v>1</v>
      </c>
      <c r="G47" s="69">
        <v>0</v>
      </c>
      <c r="H47" s="68">
        <v>200</v>
      </c>
      <c r="I47" s="68">
        <v>108</v>
      </c>
      <c r="J47" s="68">
        <v>92</v>
      </c>
      <c r="K47" s="67">
        <v>228</v>
      </c>
      <c r="L47" s="79">
        <v>124</v>
      </c>
      <c r="M47" s="80">
        <v>104</v>
      </c>
    </row>
    <row r="48" spans="1:13" ht="21" customHeight="1">
      <c r="A48" s="36" t="s">
        <v>86</v>
      </c>
      <c r="B48" s="64">
        <v>15</v>
      </c>
      <c r="C48" s="65">
        <v>8</v>
      </c>
      <c r="D48" s="65">
        <v>7</v>
      </c>
      <c r="E48" s="64">
        <v>6</v>
      </c>
      <c r="F48" s="65">
        <v>3</v>
      </c>
      <c r="G48" s="66">
        <v>3</v>
      </c>
      <c r="H48" s="65">
        <v>782</v>
      </c>
      <c r="I48" s="65">
        <v>430</v>
      </c>
      <c r="J48" s="65">
        <v>352</v>
      </c>
      <c r="K48" s="64">
        <v>761</v>
      </c>
      <c r="L48" s="77">
        <v>419</v>
      </c>
      <c r="M48" s="78">
        <v>342</v>
      </c>
    </row>
    <row r="49" spans="1:13">
      <c r="A49" s="15" t="s">
        <v>88</v>
      </c>
      <c r="B49" s="67">
        <v>-21</v>
      </c>
      <c r="C49" s="68">
        <v>-19</v>
      </c>
      <c r="D49" s="68">
        <v>-2</v>
      </c>
      <c r="E49" s="67">
        <v>2</v>
      </c>
      <c r="F49" s="68">
        <v>1</v>
      </c>
      <c r="G49" s="69">
        <v>1</v>
      </c>
      <c r="H49" s="68">
        <v>184</v>
      </c>
      <c r="I49" s="68">
        <v>104</v>
      </c>
      <c r="J49" s="68">
        <v>80</v>
      </c>
      <c r="K49" s="67">
        <v>203</v>
      </c>
      <c r="L49" s="79">
        <v>122</v>
      </c>
      <c r="M49" s="80">
        <v>81</v>
      </c>
    </row>
    <row r="50" spans="1:13">
      <c r="A50" s="15" t="s">
        <v>90</v>
      </c>
      <c r="B50" s="67">
        <v>13</v>
      </c>
      <c r="C50" s="68">
        <v>8</v>
      </c>
      <c r="D50" s="68">
        <v>5</v>
      </c>
      <c r="E50" s="67">
        <v>1</v>
      </c>
      <c r="F50" s="68">
        <v>0</v>
      </c>
      <c r="G50" s="69">
        <v>1</v>
      </c>
      <c r="H50" s="68">
        <v>173</v>
      </c>
      <c r="I50" s="68">
        <v>93</v>
      </c>
      <c r="J50" s="68">
        <v>80</v>
      </c>
      <c r="K50" s="67">
        <v>159</v>
      </c>
      <c r="L50" s="79">
        <v>85</v>
      </c>
      <c r="M50" s="80">
        <v>74</v>
      </c>
    </row>
    <row r="51" spans="1:13">
      <c r="A51" s="15" t="s">
        <v>92</v>
      </c>
      <c r="B51" s="67">
        <v>28</v>
      </c>
      <c r="C51" s="68">
        <v>6</v>
      </c>
      <c r="D51" s="68">
        <v>22</v>
      </c>
      <c r="E51" s="67">
        <v>0</v>
      </c>
      <c r="F51" s="68">
        <v>0</v>
      </c>
      <c r="G51" s="69">
        <v>0</v>
      </c>
      <c r="H51" s="68">
        <v>168</v>
      </c>
      <c r="I51" s="68">
        <v>86</v>
      </c>
      <c r="J51" s="68">
        <v>82</v>
      </c>
      <c r="K51" s="67">
        <v>140</v>
      </c>
      <c r="L51" s="79">
        <v>80</v>
      </c>
      <c r="M51" s="80">
        <v>60</v>
      </c>
    </row>
    <row r="52" spans="1:13">
      <c r="A52" s="15" t="s">
        <v>94</v>
      </c>
      <c r="B52" s="67">
        <v>1</v>
      </c>
      <c r="C52" s="68">
        <v>13</v>
      </c>
      <c r="D52" s="68">
        <v>-12</v>
      </c>
      <c r="E52" s="67">
        <v>2</v>
      </c>
      <c r="F52" s="68">
        <v>1</v>
      </c>
      <c r="G52" s="69">
        <v>1</v>
      </c>
      <c r="H52" s="68">
        <v>138</v>
      </c>
      <c r="I52" s="68">
        <v>85</v>
      </c>
      <c r="J52" s="68">
        <v>53</v>
      </c>
      <c r="K52" s="67">
        <v>135</v>
      </c>
      <c r="L52" s="79">
        <v>71</v>
      </c>
      <c r="M52" s="80">
        <v>64</v>
      </c>
    </row>
    <row r="53" spans="1:13">
      <c r="A53" s="15" t="s">
        <v>96</v>
      </c>
      <c r="B53" s="67">
        <v>-6</v>
      </c>
      <c r="C53" s="68">
        <v>0</v>
      </c>
      <c r="D53" s="68">
        <v>-6</v>
      </c>
      <c r="E53" s="67">
        <v>1</v>
      </c>
      <c r="F53" s="68">
        <v>1</v>
      </c>
      <c r="G53" s="69">
        <v>0</v>
      </c>
      <c r="H53" s="68">
        <v>119</v>
      </c>
      <c r="I53" s="68">
        <v>62</v>
      </c>
      <c r="J53" s="68">
        <v>57</v>
      </c>
      <c r="K53" s="67">
        <v>124</v>
      </c>
      <c r="L53" s="79">
        <v>61</v>
      </c>
      <c r="M53" s="80">
        <v>63</v>
      </c>
    </row>
    <row r="54" spans="1:13" ht="21" customHeight="1">
      <c r="A54" s="36" t="s">
        <v>98</v>
      </c>
      <c r="B54" s="64">
        <v>-18</v>
      </c>
      <c r="C54" s="65">
        <v>-22</v>
      </c>
      <c r="D54" s="65">
        <v>4</v>
      </c>
      <c r="E54" s="64">
        <v>10</v>
      </c>
      <c r="F54" s="65">
        <v>7</v>
      </c>
      <c r="G54" s="66">
        <v>3</v>
      </c>
      <c r="H54" s="65">
        <v>487</v>
      </c>
      <c r="I54" s="65">
        <v>272</v>
      </c>
      <c r="J54" s="65">
        <v>215</v>
      </c>
      <c r="K54" s="64">
        <v>495</v>
      </c>
      <c r="L54" s="77">
        <v>287</v>
      </c>
      <c r="M54" s="78">
        <v>208</v>
      </c>
    </row>
    <row r="55" spans="1:13">
      <c r="A55" s="15" t="s">
        <v>100</v>
      </c>
      <c r="B55" s="67">
        <v>-9</v>
      </c>
      <c r="C55" s="68">
        <v>-7</v>
      </c>
      <c r="D55" s="68">
        <v>-2</v>
      </c>
      <c r="E55" s="67">
        <v>3</v>
      </c>
      <c r="F55" s="68">
        <v>2</v>
      </c>
      <c r="G55" s="69">
        <v>1</v>
      </c>
      <c r="H55" s="68">
        <v>117</v>
      </c>
      <c r="I55" s="68">
        <v>65</v>
      </c>
      <c r="J55" s="68">
        <v>52</v>
      </c>
      <c r="K55" s="67">
        <v>123</v>
      </c>
      <c r="L55" s="79">
        <v>70</v>
      </c>
      <c r="M55" s="80">
        <v>53</v>
      </c>
    </row>
    <row r="56" spans="1:13">
      <c r="A56" s="15" t="s">
        <v>102</v>
      </c>
      <c r="B56" s="67">
        <v>-12</v>
      </c>
      <c r="C56" s="68">
        <v>-6</v>
      </c>
      <c r="D56" s="68">
        <v>-6</v>
      </c>
      <c r="E56" s="67">
        <v>1</v>
      </c>
      <c r="F56" s="68">
        <v>1</v>
      </c>
      <c r="G56" s="69">
        <v>0</v>
      </c>
      <c r="H56" s="68">
        <v>86</v>
      </c>
      <c r="I56" s="68">
        <v>49</v>
      </c>
      <c r="J56" s="68">
        <v>37</v>
      </c>
      <c r="K56" s="67">
        <v>97</v>
      </c>
      <c r="L56" s="79">
        <v>54</v>
      </c>
      <c r="M56" s="80">
        <v>43</v>
      </c>
    </row>
    <row r="57" spans="1:13">
      <c r="A57" s="15" t="s">
        <v>104</v>
      </c>
      <c r="B57" s="67">
        <v>-8</v>
      </c>
      <c r="C57" s="68">
        <v>-11</v>
      </c>
      <c r="D57" s="68">
        <v>3</v>
      </c>
      <c r="E57" s="67">
        <v>2</v>
      </c>
      <c r="F57" s="68">
        <v>1</v>
      </c>
      <c r="G57" s="69">
        <v>1</v>
      </c>
      <c r="H57" s="68">
        <v>83</v>
      </c>
      <c r="I57" s="68">
        <v>41</v>
      </c>
      <c r="J57" s="68">
        <v>42</v>
      </c>
      <c r="K57" s="67">
        <v>89</v>
      </c>
      <c r="L57" s="79">
        <v>51</v>
      </c>
      <c r="M57" s="80">
        <v>38</v>
      </c>
    </row>
    <row r="58" spans="1:13">
      <c r="A58" s="15" t="s">
        <v>106</v>
      </c>
      <c r="B58" s="67">
        <v>12</v>
      </c>
      <c r="C58" s="68">
        <v>3</v>
      </c>
      <c r="D58" s="68">
        <v>9</v>
      </c>
      <c r="E58" s="67">
        <v>0</v>
      </c>
      <c r="F58" s="68">
        <v>0</v>
      </c>
      <c r="G58" s="69">
        <v>0</v>
      </c>
      <c r="H58" s="68">
        <v>105</v>
      </c>
      <c r="I58" s="68">
        <v>63</v>
      </c>
      <c r="J58" s="68">
        <v>42</v>
      </c>
      <c r="K58" s="67">
        <v>93</v>
      </c>
      <c r="L58" s="79">
        <v>60</v>
      </c>
      <c r="M58" s="80">
        <v>33</v>
      </c>
    </row>
    <row r="59" spans="1:13">
      <c r="A59" s="15" t="s">
        <v>108</v>
      </c>
      <c r="B59" s="67">
        <v>-1</v>
      </c>
      <c r="C59" s="68">
        <v>-1</v>
      </c>
      <c r="D59" s="68">
        <v>0</v>
      </c>
      <c r="E59" s="67">
        <v>4</v>
      </c>
      <c r="F59" s="68">
        <v>3</v>
      </c>
      <c r="G59" s="69">
        <v>1</v>
      </c>
      <c r="H59" s="68">
        <v>96</v>
      </c>
      <c r="I59" s="68">
        <v>54</v>
      </c>
      <c r="J59" s="68">
        <v>42</v>
      </c>
      <c r="K59" s="67">
        <v>93</v>
      </c>
      <c r="L59" s="79">
        <v>52</v>
      </c>
      <c r="M59" s="80">
        <v>41</v>
      </c>
    </row>
    <row r="60" spans="1:13" ht="21" customHeight="1">
      <c r="A60" s="36" t="s">
        <v>110</v>
      </c>
      <c r="B60" s="64">
        <v>-22</v>
      </c>
      <c r="C60" s="65">
        <v>0</v>
      </c>
      <c r="D60" s="65">
        <v>-22</v>
      </c>
      <c r="E60" s="64">
        <v>21</v>
      </c>
      <c r="F60" s="65">
        <v>10</v>
      </c>
      <c r="G60" s="66">
        <v>11</v>
      </c>
      <c r="H60" s="65">
        <v>424</v>
      </c>
      <c r="I60" s="65">
        <v>245</v>
      </c>
      <c r="J60" s="65">
        <v>179</v>
      </c>
      <c r="K60" s="64">
        <v>425</v>
      </c>
      <c r="L60" s="77">
        <v>235</v>
      </c>
      <c r="M60" s="78">
        <v>190</v>
      </c>
    </row>
    <row r="61" spans="1:13">
      <c r="A61" s="15" t="s">
        <v>112</v>
      </c>
      <c r="B61" s="67">
        <v>-2</v>
      </c>
      <c r="C61" s="68">
        <v>6</v>
      </c>
      <c r="D61" s="68">
        <v>-8</v>
      </c>
      <c r="E61" s="67">
        <v>4</v>
      </c>
      <c r="F61" s="68">
        <v>3</v>
      </c>
      <c r="G61" s="69">
        <v>1</v>
      </c>
      <c r="H61" s="68">
        <v>105</v>
      </c>
      <c r="I61" s="68">
        <v>59</v>
      </c>
      <c r="J61" s="68">
        <v>46</v>
      </c>
      <c r="K61" s="67">
        <v>103</v>
      </c>
      <c r="L61" s="79">
        <v>50</v>
      </c>
      <c r="M61" s="80">
        <v>53</v>
      </c>
    </row>
    <row r="62" spans="1:13">
      <c r="A62" s="15" t="s">
        <v>114</v>
      </c>
      <c r="B62" s="67">
        <v>-10</v>
      </c>
      <c r="C62" s="68">
        <v>-10</v>
      </c>
      <c r="D62" s="68">
        <v>0</v>
      </c>
      <c r="E62" s="67">
        <v>6</v>
      </c>
      <c r="F62" s="68">
        <v>2</v>
      </c>
      <c r="G62" s="69">
        <v>4</v>
      </c>
      <c r="H62" s="68">
        <v>67</v>
      </c>
      <c r="I62" s="68">
        <v>37</v>
      </c>
      <c r="J62" s="68">
        <v>30</v>
      </c>
      <c r="K62" s="67">
        <v>71</v>
      </c>
      <c r="L62" s="79">
        <v>45</v>
      </c>
      <c r="M62" s="80">
        <v>26</v>
      </c>
    </row>
    <row r="63" spans="1:13">
      <c r="A63" s="15" t="s">
        <v>116</v>
      </c>
      <c r="B63" s="67">
        <v>-17</v>
      </c>
      <c r="C63" s="68">
        <v>0</v>
      </c>
      <c r="D63" s="68">
        <v>-17</v>
      </c>
      <c r="E63" s="67">
        <v>0</v>
      </c>
      <c r="F63" s="68">
        <v>0</v>
      </c>
      <c r="G63" s="69">
        <v>0</v>
      </c>
      <c r="H63" s="68">
        <v>78</v>
      </c>
      <c r="I63" s="68">
        <v>46</v>
      </c>
      <c r="J63" s="68">
        <v>32</v>
      </c>
      <c r="K63" s="67">
        <v>95</v>
      </c>
      <c r="L63" s="79">
        <v>46</v>
      </c>
      <c r="M63" s="80">
        <v>49</v>
      </c>
    </row>
    <row r="64" spans="1:13">
      <c r="A64" s="15" t="s">
        <v>118</v>
      </c>
      <c r="B64" s="67">
        <v>2</v>
      </c>
      <c r="C64" s="68">
        <v>0</v>
      </c>
      <c r="D64" s="68">
        <v>2</v>
      </c>
      <c r="E64" s="67">
        <v>6</v>
      </c>
      <c r="F64" s="68">
        <v>4</v>
      </c>
      <c r="G64" s="69">
        <v>2</v>
      </c>
      <c r="H64" s="68">
        <v>87</v>
      </c>
      <c r="I64" s="68">
        <v>48</v>
      </c>
      <c r="J64" s="68">
        <v>39</v>
      </c>
      <c r="K64" s="67">
        <v>79</v>
      </c>
      <c r="L64" s="79">
        <v>44</v>
      </c>
      <c r="M64" s="80">
        <v>35</v>
      </c>
    </row>
    <row r="65" spans="1:13">
      <c r="A65" s="19" t="s">
        <v>120</v>
      </c>
      <c r="B65" s="70">
        <v>5</v>
      </c>
      <c r="C65" s="71">
        <v>4</v>
      </c>
      <c r="D65" s="71">
        <v>1</v>
      </c>
      <c r="E65" s="70">
        <v>5</v>
      </c>
      <c r="F65" s="71">
        <v>1</v>
      </c>
      <c r="G65" s="72">
        <v>4</v>
      </c>
      <c r="H65" s="71">
        <v>87</v>
      </c>
      <c r="I65" s="71">
        <v>55</v>
      </c>
      <c r="J65" s="71">
        <v>32</v>
      </c>
      <c r="K65" s="70">
        <v>77</v>
      </c>
      <c r="L65" s="81">
        <v>50</v>
      </c>
      <c r="M65" s="82">
        <v>27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948</v>
      </c>
      <c r="C69" s="50">
        <v>501</v>
      </c>
      <c r="D69" s="84">
        <v>447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56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56</v>
      </c>
      <c r="C75" s="65">
        <v>-44</v>
      </c>
      <c r="D75" s="65">
        <v>-12</v>
      </c>
      <c r="E75" s="64">
        <v>38</v>
      </c>
      <c r="F75" s="65">
        <v>25</v>
      </c>
      <c r="G75" s="66">
        <v>13</v>
      </c>
      <c r="H75" s="65">
        <v>371</v>
      </c>
      <c r="I75" s="65">
        <v>206</v>
      </c>
      <c r="J75" s="65">
        <v>165</v>
      </c>
      <c r="K75" s="64">
        <v>389</v>
      </c>
      <c r="L75" s="77">
        <v>225</v>
      </c>
      <c r="M75" s="78">
        <v>164</v>
      </c>
    </row>
    <row r="76" spans="1:13">
      <c r="A76" s="27" t="s">
        <v>5</v>
      </c>
      <c r="B76" s="67">
        <v>4</v>
      </c>
      <c r="C76" s="68">
        <v>7</v>
      </c>
      <c r="D76" s="68">
        <v>-3</v>
      </c>
      <c r="E76" s="67">
        <v>6</v>
      </c>
      <c r="F76" s="68">
        <v>4</v>
      </c>
      <c r="G76" s="69">
        <v>2</v>
      </c>
      <c r="H76" s="68">
        <v>89</v>
      </c>
      <c r="I76" s="68">
        <v>54</v>
      </c>
      <c r="J76" s="68">
        <v>35</v>
      </c>
      <c r="K76" s="67">
        <v>79</v>
      </c>
      <c r="L76" s="79">
        <v>43</v>
      </c>
      <c r="M76" s="80">
        <v>36</v>
      </c>
    </row>
    <row r="77" spans="1:13">
      <c r="A77" s="27" t="s">
        <v>7</v>
      </c>
      <c r="B77" s="67">
        <v>-12</v>
      </c>
      <c r="C77" s="68">
        <v>-8</v>
      </c>
      <c r="D77" s="68">
        <v>-4</v>
      </c>
      <c r="E77" s="67">
        <v>8</v>
      </c>
      <c r="F77" s="68">
        <v>6</v>
      </c>
      <c r="G77" s="69">
        <v>2</v>
      </c>
      <c r="H77" s="68">
        <v>78</v>
      </c>
      <c r="I77" s="68">
        <v>50</v>
      </c>
      <c r="J77" s="68">
        <v>28</v>
      </c>
      <c r="K77" s="67">
        <v>82</v>
      </c>
      <c r="L77" s="79">
        <v>52</v>
      </c>
      <c r="M77" s="80">
        <v>30</v>
      </c>
    </row>
    <row r="78" spans="1:13">
      <c r="A78" s="27" t="s">
        <v>9</v>
      </c>
      <c r="B78" s="67">
        <v>0</v>
      </c>
      <c r="C78" s="68">
        <v>-5</v>
      </c>
      <c r="D78" s="68">
        <v>5</v>
      </c>
      <c r="E78" s="67">
        <v>6</v>
      </c>
      <c r="F78" s="68">
        <v>5</v>
      </c>
      <c r="G78" s="69">
        <v>1</v>
      </c>
      <c r="H78" s="68">
        <v>85</v>
      </c>
      <c r="I78" s="68">
        <v>43</v>
      </c>
      <c r="J78" s="68">
        <v>42</v>
      </c>
      <c r="K78" s="67">
        <v>79</v>
      </c>
      <c r="L78" s="79">
        <v>43</v>
      </c>
      <c r="M78" s="80">
        <v>36</v>
      </c>
    </row>
    <row r="79" spans="1:13">
      <c r="A79" s="27" t="s">
        <v>11</v>
      </c>
      <c r="B79" s="67">
        <v>-16</v>
      </c>
      <c r="C79" s="68">
        <v>-12</v>
      </c>
      <c r="D79" s="68">
        <v>-4</v>
      </c>
      <c r="E79" s="67">
        <v>6</v>
      </c>
      <c r="F79" s="68">
        <v>4</v>
      </c>
      <c r="G79" s="69">
        <v>2</v>
      </c>
      <c r="H79" s="68">
        <v>67</v>
      </c>
      <c r="I79" s="68">
        <v>37</v>
      </c>
      <c r="J79" s="68">
        <v>30</v>
      </c>
      <c r="K79" s="67">
        <v>77</v>
      </c>
      <c r="L79" s="79">
        <v>45</v>
      </c>
      <c r="M79" s="80">
        <v>32</v>
      </c>
    </row>
    <row r="80" spans="1:13">
      <c r="A80" s="27" t="s">
        <v>13</v>
      </c>
      <c r="B80" s="67">
        <v>-32</v>
      </c>
      <c r="C80" s="68">
        <v>-26</v>
      </c>
      <c r="D80" s="68">
        <v>-6</v>
      </c>
      <c r="E80" s="67">
        <v>12</v>
      </c>
      <c r="F80" s="68">
        <v>6</v>
      </c>
      <c r="G80" s="69">
        <v>6</v>
      </c>
      <c r="H80" s="68">
        <v>52</v>
      </c>
      <c r="I80" s="68">
        <v>22</v>
      </c>
      <c r="J80" s="68">
        <v>30</v>
      </c>
      <c r="K80" s="67">
        <v>72</v>
      </c>
      <c r="L80" s="79">
        <v>42</v>
      </c>
      <c r="M80" s="80">
        <v>30</v>
      </c>
    </row>
    <row r="81" spans="1:13" ht="21" customHeight="1">
      <c r="A81" s="38" t="s">
        <v>15</v>
      </c>
      <c r="B81" s="64">
        <v>-36</v>
      </c>
      <c r="C81" s="65">
        <v>-22</v>
      </c>
      <c r="D81" s="65">
        <v>-14</v>
      </c>
      <c r="E81" s="64">
        <v>47</v>
      </c>
      <c r="F81" s="65">
        <v>31</v>
      </c>
      <c r="G81" s="66">
        <v>16</v>
      </c>
      <c r="H81" s="65">
        <v>282</v>
      </c>
      <c r="I81" s="65">
        <v>170</v>
      </c>
      <c r="J81" s="65">
        <v>112</v>
      </c>
      <c r="K81" s="64">
        <v>271</v>
      </c>
      <c r="L81" s="77">
        <v>161</v>
      </c>
      <c r="M81" s="78">
        <v>110</v>
      </c>
    </row>
    <row r="82" spans="1:13">
      <c r="A82" s="27" t="s">
        <v>17</v>
      </c>
      <c r="B82" s="67">
        <v>-2</v>
      </c>
      <c r="C82" s="68">
        <v>3</v>
      </c>
      <c r="D82" s="68">
        <v>-5</v>
      </c>
      <c r="E82" s="67">
        <v>5</v>
      </c>
      <c r="F82" s="68">
        <v>1</v>
      </c>
      <c r="G82" s="69">
        <v>4</v>
      </c>
      <c r="H82" s="68">
        <v>72</v>
      </c>
      <c r="I82" s="68">
        <v>45</v>
      </c>
      <c r="J82" s="68">
        <v>27</v>
      </c>
      <c r="K82" s="67">
        <v>69</v>
      </c>
      <c r="L82" s="79">
        <v>41</v>
      </c>
      <c r="M82" s="80">
        <v>28</v>
      </c>
    </row>
    <row r="83" spans="1:13">
      <c r="A83" s="27" t="s">
        <v>19</v>
      </c>
      <c r="B83" s="67">
        <v>2</v>
      </c>
      <c r="C83" s="68">
        <v>4</v>
      </c>
      <c r="D83" s="68">
        <v>-2</v>
      </c>
      <c r="E83" s="67">
        <v>6</v>
      </c>
      <c r="F83" s="68">
        <v>6</v>
      </c>
      <c r="G83" s="69">
        <v>0</v>
      </c>
      <c r="H83" s="68">
        <v>49</v>
      </c>
      <c r="I83" s="68">
        <v>34</v>
      </c>
      <c r="J83" s="68">
        <v>15</v>
      </c>
      <c r="K83" s="67">
        <v>41</v>
      </c>
      <c r="L83" s="79">
        <v>24</v>
      </c>
      <c r="M83" s="80">
        <v>17</v>
      </c>
    </row>
    <row r="84" spans="1:13">
      <c r="A84" s="27" t="s">
        <v>21</v>
      </c>
      <c r="B84" s="67">
        <v>-12</v>
      </c>
      <c r="C84" s="68">
        <v>-15</v>
      </c>
      <c r="D84" s="68">
        <v>3</v>
      </c>
      <c r="E84" s="67">
        <v>15</v>
      </c>
      <c r="F84" s="68">
        <v>10</v>
      </c>
      <c r="G84" s="69">
        <v>5</v>
      </c>
      <c r="H84" s="68">
        <v>59</v>
      </c>
      <c r="I84" s="68">
        <v>34</v>
      </c>
      <c r="J84" s="68">
        <v>25</v>
      </c>
      <c r="K84" s="67">
        <v>56</v>
      </c>
      <c r="L84" s="79">
        <v>39</v>
      </c>
      <c r="M84" s="80">
        <v>17</v>
      </c>
    </row>
    <row r="85" spans="1:13">
      <c r="A85" s="27" t="s">
        <v>23</v>
      </c>
      <c r="B85" s="67">
        <v>-22</v>
      </c>
      <c r="C85" s="68">
        <v>-19</v>
      </c>
      <c r="D85" s="68">
        <v>-3</v>
      </c>
      <c r="E85" s="67">
        <v>12</v>
      </c>
      <c r="F85" s="68">
        <v>9</v>
      </c>
      <c r="G85" s="69">
        <v>3</v>
      </c>
      <c r="H85" s="68">
        <v>51</v>
      </c>
      <c r="I85" s="68">
        <v>24</v>
      </c>
      <c r="J85" s="68">
        <v>27</v>
      </c>
      <c r="K85" s="67">
        <v>61</v>
      </c>
      <c r="L85" s="79">
        <v>34</v>
      </c>
      <c r="M85" s="80">
        <v>27</v>
      </c>
    </row>
    <row r="86" spans="1:13">
      <c r="A86" s="27" t="s">
        <v>25</v>
      </c>
      <c r="B86" s="67">
        <v>-2</v>
      </c>
      <c r="C86" s="68">
        <v>5</v>
      </c>
      <c r="D86" s="68">
        <v>-7</v>
      </c>
      <c r="E86" s="67">
        <v>9</v>
      </c>
      <c r="F86" s="68">
        <v>5</v>
      </c>
      <c r="G86" s="69">
        <v>4</v>
      </c>
      <c r="H86" s="68">
        <v>51</v>
      </c>
      <c r="I86" s="68">
        <v>33</v>
      </c>
      <c r="J86" s="68">
        <v>18</v>
      </c>
      <c r="K86" s="67">
        <v>44</v>
      </c>
      <c r="L86" s="79">
        <v>23</v>
      </c>
      <c r="M86" s="80">
        <v>21</v>
      </c>
    </row>
    <row r="87" spans="1:13" ht="21" customHeight="1">
      <c r="A87" s="38" t="s">
        <v>27</v>
      </c>
      <c r="B87" s="64">
        <v>-56</v>
      </c>
      <c r="C87" s="65">
        <v>-33</v>
      </c>
      <c r="D87" s="65">
        <v>-23</v>
      </c>
      <c r="E87" s="64">
        <v>53</v>
      </c>
      <c r="F87" s="65">
        <v>35</v>
      </c>
      <c r="G87" s="66">
        <v>18</v>
      </c>
      <c r="H87" s="65">
        <v>191</v>
      </c>
      <c r="I87" s="65">
        <v>112</v>
      </c>
      <c r="J87" s="65">
        <v>79</v>
      </c>
      <c r="K87" s="64">
        <v>194</v>
      </c>
      <c r="L87" s="77">
        <v>110</v>
      </c>
      <c r="M87" s="78">
        <v>84</v>
      </c>
    </row>
    <row r="88" spans="1:13">
      <c r="A88" s="27" t="s">
        <v>29</v>
      </c>
      <c r="B88" s="67">
        <v>-22</v>
      </c>
      <c r="C88" s="68">
        <v>-6</v>
      </c>
      <c r="D88" s="68">
        <v>-16</v>
      </c>
      <c r="E88" s="67">
        <v>6</v>
      </c>
      <c r="F88" s="68">
        <v>4</v>
      </c>
      <c r="G88" s="69">
        <v>2</v>
      </c>
      <c r="H88" s="68">
        <v>40</v>
      </c>
      <c r="I88" s="68">
        <v>29</v>
      </c>
      <c r="J88" s="68">
        <v>11</v>
      </c>
      <c r="K88" s="67">
        <v>56</v>
      </c>
      <c r="L88" s="79">
        <v>31</v>
      </c>
      <c r="M88" s="80">
        <v>25</v>
      </c>
    </row>
    <row r="89" spans="1:13">
      <c r="A89" s="27" t="s">
        <v>31</v>
      </c>
      <c r="B89" s="67">
        <v>-8</v>
      </c>
      <c r="C89" s="68">
        <v>-6</v>
      </c>
      <c r="D89" s="68">
        <v>-2</v>
      </c>
      <c r="E89" s="67">
        <v>14</v>
      </c>
      <c r="F89" s="68">
        <v>8</v>
      </c>
      <c r="G89" s="69">
        <v>6</v>
      </c>
      <c r="H89" s="68">
        <v>44</v>
      </c>
      <c r="I89" s="68">
        <v>27</v>
      </c>
      <c r="J89" s="68">
        <v>17</v>
      </c>
      <c r="K89" s="67">
        <v>38</v>
      </c>
      <c r="L89" s="79">
        <v>25</v>
      </c>
      <c r="M89" s="80">
        <v>13</v>
      </c>
    </row>
    <row r="90" spans="1:13">
      <c r="A90" s="27" t="s">
        <v>33</v>
      </c>
      <c r="B90" s="67">
        <v>3</v>
      </c>
      <c r="C90" s="68">
        <v>0</v>
      </c>
      <c r="D90" s="68">
        <v>3</v>
      </c>
      <c r="E90" s="67">
        <v>10</v>
      </c>
      <c r="F90" s="68">
        <v>5</v>
      </c>
      <c r="G90" s="69">
        <v>5</v>
      </c>
      <c r="H90" s="68">
        <v>41</v>
      </c>
      <c r="I90" s="68">
        <v>24</v>
      </c>
      <c r="J90" s="68">
        <v>17</v>
      </c>
      <c r="K90" s="67">
        <v>28</v>
      </c>
      <c r="L90" s="79">
        <v>19</v>
      </c>
      <c r="M90" s="80">
        <v>9</v>
      </c>
    </row>
    <row r="91" spans="1:13">
      <c r="A91" s="27" t="s">
        <v>35</v>
      </c>
      <c r="B91" s="67">
        <v>-16</v>
      </c>
      <c r="C91" s="68">
        <v>-11</v>
      </c>
      <c r="D91" s="68">
        <v>-5</v>
      </c>
      <c r="E91" s="67">
        <v>11</v>
      </c>
      <c r="F91" s="68">
        <v>10</v>
      </c>
      <c r="G91" s="69">
        <v>1</v>
      </c>
      <c r="H91" s="68">
        <v>27</v>
      </c>
      <c r="I91" s="68">
        <v>13</v>
      </c>
      <c r="J91" s="68">
        <v>14</v>
      </c>
      <c r="K91" s="67">
        <v>32</v>
      </c>
      <c r="L91" s="79">
        <v>14</v>
      </c>
      <c r="M91" s="80">
        <v>18</v>
      </c>
    </row>
    <row r="92" spans="1:13">
      <c r="A92" s="27" t="s">
        <v>37</v>
      </c>
      <c r="B92" s="67">
        <v>-13</v>
      </c>
      <c r="C92" s="68">
        <v>-10</v>
      </c>
      <c r="D92" s="68">
        <v>-3</v>
      </c>
      <c r="E92" s="67">
        <v>12</v>
      </c>
      <c r="F92" s="68">
        <v>8</v>
      </c>
      <c r="G92" s="69">
        <v>4</v>
      </c>
      <c r="H92" s="68">
        <v>39</v>
      </c>
      <c r="I92" s="68">
        <v>19</v>
      </c>
      <c r="J92" s="68">
        <v>20</v>
      </c>
      <c r="K92" s="67">
        <v>40</v>
      </c>
      <c r="L92" s="79">
        <v>21</v>
      </c>
      <c r="M92" s="80">
        <v>19</v>
      </c>
    </row>
    <row r="93" spans="1:13" ht="21" customHeight="1">
      <c r="A93" s="38" t="s">
        <v>39</v>
      </c>
      <c r="B93" s="64">
        <v>-113</v>
      </c>
      <c r="C93" s="65">
        <v>-85</v>
      </c>
      <c r="D93" s="65">
        <v>-28</v>
      </c>
      <c r="E93" s="64">
        <v>83</v>
      </c>
      <c r="F93" s="65">
        <v>57</v>
      </c>
      <c r="G93" s="66">
        <v>26</v>
      </c>
      <c r="H93" s="65">
        <v>142</v>
      </c>
      <c r="I93" s="65">
        <v>80</v>
      </c>
      <c r="J93" s="65">
        <v>62</v>
      </c>
      <c r="K93" s="64">
        <v>172</v>
      </c>
      <c r="L93" s="77">
        <v>108</v>
      </c>
      <c r="M93" s="78">
        <v>64</v>
      </c>
    </row>
    <row r="94" spans="1:13">
      <c r="A94" s="27" t="s">
        <v>41</v>
      </c>
      <c r="B94" s="67">
        <v>-27</v>
      </c>
      <c r="C94" s="68">
        <v>-14</v>
      </c>
      <c r="D94" s="68">
        <v>-13</v>
      </c>
      <c r="E94" s="67">
        <v>9</v>
      </c>
      <c r="F94" s="68">
        <v>6</v>
      </c>
      <c r="G94" s="69">
        <v>3</v>
      </c>
      <c r="H94" s="68">
        <v>27</v>
      </c>
      <c r="I94" s="68">
        <v>21</v>
      </c>
      <c r="J94" s="68">
        <v>6</v>
      </c>
      <c r="K94" s="67">
        <v>45</v>
      </c>
      <c r="L94" s="79">
        <v>29</v>
      </c>
      <c r="M94" s="80">
        <v>16</v>
      </c>
    </row>
    <row r="95" spans="1:13">
      <c r="A95" s="27" t="s">
        <v>43</v>
      </c>
      <c r="B95" s="67">
        <v>-7</v>
      </c>
      <c r="C95" s="68">
        <v>-6</v>
      </c>
      <c r="D95" s="68">
        <v>-1</v>
      </c>
      <c r="E95" s="67">
        <v>9</v>
      </c>
      <c r="F95" s="68">
        <v>7</v>
      </c>
      <c r="G95" s="69">
        <v>2</v>
      </c>
      <c r="H95" s="68">
        <v>37</v>
      </c>
      <c r="I95" s="68">
        <v>21</v>
      </c>
      <c r="J95" s="68">
        <v>16</v>
      </c>
      <c r="K95" s="67">
        <v>35</v>
      </c>
      <c r="L95" s="79">
        <v>20</v>
      </c>
      <c r="M95" s="80">
        <v>15</v>
      </c>
    </row>
    <row r="96" spans="1:13">
      <c r="A96" s="27" t="s">
        <v>45</v>
      </c>
      <c r="B96" s="67">
        <v>-39</v>
      </c>
      <c r="C96" s="68">
        <v>-32</v>
      </c>
      <c r="D96" s="68">
        <v>-7</v>
      </c>
      <c r="E96" s="67">
        <v>26</v>
      </c>
      <c r="F96" s="68">
        <v>21</v>
      </c>
      <c r="G96" s="69">
        <v>5</v>
      </c>
      <c r="H96" s="68">
        <v>19</v>
      </c>
      <c r="I96" s="68">
        <v>9</v>
      </c>
      <c r="J96" s="68">
        <v>10</v>
      </c>
      <c r="K96" s="67">
        <v>32</v>
      </c>
      <c r="L96" s="79">
        <v>20</v>
      </c>
      <c r="M96" s="80">
        <v>12</v>
      </c>
    </row>
    <row r="97" spans="1:13">
      <c r="A97" s="27" t="s">
        <v>47</v>
      </c>
      <c r="B97" s="67">
        <v>-15</v>
      </c>
      <c r="C97" s="68">
        <v>-18</v>
      </c>
      <c r="D97" s="68">
        <v>3</v>
      </c>
      <c r="E97" s="67">
        <v>17</v>
      </c>
      <c r="F97" s="68">
        <v>12</v>
      </c>
      <c r="G97" s="69">
        <v>5</v>
      </c>
      <c r="H97" s="68">
        <v>32</v>
      </c>
      <c r="I97" s="68">
        <v>15</v>
      </c>
      <c r="J97" s="68">
        <v>17</v>
      </c>
      <c r="K97" s="67">
        <v>30</v>
      </c>
      <c r="L97" s="79">
        <v>21</v>
      </c>
      <c r="M97" s="80">
        <v>9</v>
      </c>
    </row>
    <row r="98" spans="1:13">
      <c r="A98" s="27" t="s">
        <v>49</v>
      </c>
      <c r="B98" s="67">
        <v>-25</v>
      </c>
      <c r="C98" s="68">
        <v>-15</v>
      </c>
      <c r="D98" s="68">
        <v>-10</v>
      </c>
      <c r="E98" s="67">
        <v>22</v>
      </c>
      <c r="F98" s="68">
        <v>11</v>
      </c>
      <c r="G98" s="69">
        <v>11</v>
      </c>
      <c r="H98" s="68">
        <v>27</v>
      </c>
      <c r="I98" s="68">
        <v>14</v>
      </c>
      <c r="J98" s="68">
        <v>13</v>
      </c>
      <c r="K98" s="67">
        <v>30</v>
      </c>
      <c r="L98" s="79">
        <v>18</v>
      </c>
      <c r="M98" s="80">
        <v>12</v>
      </c>
    </row>
    <row r="99" spans="1:13" ht="21" customHeight="1">
      <c r="A99" s="38" t="s">
        <v>51</v>
      </c>
      <c r="B99" s="64">
        <v>-195</v>
      </c>
      <c r="C99" s="65">
        <v>-118</v>
      </c>
      <c r="D99" s="65">
        <v>-77</v>
      </c>
      <c r="E99" s="64">
        <v>185</v>
      </c>
      <c r="F99" s="65">
        <v>117</v>
      </c>
      <c r="G99" s="66">
        <v>68</v>
      </c>
      <c r="H99" s="65">
        <v>127</v>
      </c>
      <c r="I99" s="65">
        <v>62</v>
      </c>
      <c r="J99" s="65">
        <v>65</v>
      </c>
      <c r="K99" s="64">
        <v>137</v>
      </c>
      <c r="L99" s="77">
        <v>63</v>
      </c>
      <c r="M99" s="78">
        <v>74</v>
      </c>
    </row>
    <row r="100" spans="1:13">
      <c r="A100" s="27" t="s">
        <v>53</v>
      </c>
      <c r="B100" s="67">
        <v>-34</v>
      </c>
      <c r="C100" s="68">
        <v>-22</v>
      </c>
      <c r="D100" s="68">
        <v>-12</v>
      </c>
      <c r="E100" s="67">
        <v>27</v>
      </c>
      <c r="F100" s="68">
        <v>15</v>
      </c>
      <c r="G100" s="69">
        <v>12</v>
      </c>
      <c r="H100" s="68">
        <v>15</v>
      </c>
      <c r="I100" s="68">
        <v>2</v>
      </c>
      <c r="J100" s="68">
        <v>13</v>
      </c>
      <c r="K100" s="67">
        <v>22</v>
      </c>
      <c r="L100" s="79">
        <v>9</v>
      </c>
      <c r="M100" s="80">
        <v>13</v>
      </c>
    </row>
    <row r="101" spans="1:13">
      <c r="A101" s="27" t="s">
        <v>55</v>
      </c>
      <c r="B101" s="67">
        <v>-40</v>
      </c>
      <c r="C101" s="68">
        <v>-26</v>
      </c>
      <c r="D101" s="68">
        <v>-14</v>
      </c>
      <c r="E101" s="67">
        <v>27</v>
      </c>
      <c r="F101" s="68">
        <v>20</v>
      </c>
      <c r="G101" s="69">
        <v>7</v>
      </c>
      <c r="H101" s="68">
        <v>27</v>
      </c>
      <c r="I101" s="68">
        <v>15</v>
      </c>
      <c r="J101" s="68">
        <v>12</v>
      </c>
      <c r="K101" s="67">
        <v>40</v>
      </c>
      <c r="L101" s="79">
        <v>21</v>
      </c>
      <c r="M101" s="80">
        <v>19</v>
      </c>
    </row>
    <row r="102" spans="1:13">
      <c r="A102" s="27" t="s">
        <v>57</v>
      </c>
      <c r="B102" s="67">
        <v>-16</v>
      </c>
      <c r="C102" s="68">
        <v>-8</v>
      </c>
      <c r="D102" s="68">
        <v>-8</v>
      </c>
      <c r="E102" s="67">
        <v>33</v>
      </c>
      <c r="F102" s="68">
        <v>19</v>
      </c>
      <c r="G102" s="69">
        <v>14</v>
      </c>
      <c r="H102" s="68">
        <v>33</v>
      </c>
      <c r="I102" s="68">
        <v>15</v>
      </c>
      <c r="J102" s="68">
        <v>18</v>
      </c>
      <c r="K102" s="67">
        <v>16</v>
      </c>
      <c r="L102" s="79">
        <v>4</v>
      </c>
      <c r="M102" s="80">
        <v>12</v>
      </c>
    </row>
    <row r="103" spans="1:13">
      <c r="A103" s="27" t="s">
        <v>59</v>
      </c>
      <c r="B103" s="67">
        <v>-59</v>
      </c>
      <c r="C103" s="68">
        <v>-27</v>
      </c>
      <c r="D103" s="68">
        <v>-32</v>
      </c>
      <c r="E103" s="67">
        <v>46</v>
      </c>
      <c r="F103" s="68">
        <v>26</v>
      </c>
      <c r="G103" s="69">
        <v>20</v>
      </c>
      <c r="H103" s="68">
        <v>20</v>
      </c>
      <c r="I103" s="68">
        <v>14</v>
      </c>
      <c r="J103" s="68">
        <v>6</v>
      </c>
      <c r="K103" s="67">
        <v>33</v>
      </c>
      <c r="L103" s="79">
        <v>15</v>
      </c>
      <c r="M103" s="80">
        <v>18</v>
      </c>
    </row>
    <row r="104" spans="1:13">
      <c r="A104" s="27" t="s">
        <v>61</v>
      </c>
      <c r="B104" s="67">
        <v>-46</v>
      </c>
      <c r="C104" s="68">
        <v>-35</v>
      </c>
      <c r="D104" s="68">
        <v>-11</v>
      </c>
      <c r="E104" s="67">
        <v>52</v>
      </c>
      <c r="F104" s="68">
        <v>37</v>
      </c>
      <c r="G104" s="69">
        <v>15</v>
      </c>
      <c r="H104" s="68">
        <v>32</v>
      </c>
      <c r="I104" s="68">
        <v>16</v>
      </c>
      <c r="J104" s="68">
        <v>16</v>
      </c>
      <c r="K104" s="67">
        <v>26</v>
      </c>
      <c r="L104" s="79">
        <v>14</v>
      </c>
      <c r="M104" s="80">
        <v>12</v>
      </c>
    </row>
    <row r="105" spans="1:13" ht="21" customHeight="1">
      <c r="A105" s="38" t="s">
        <v>63</v>
      </c>
      <c r="B105" s="64">
        <v>-248</v>
      </c>
      <c r="C105" s="65">
        <v>-164</v>
      </c>
      <c r="D105" s="65">
        <v>-84</v>
      </c>
      <c r="E105" s="64">
        <v>266</v>
      </c>
      <c r="F105" s="65">
        <v>165</v>
      </c>
      <c r="G105" s="66">
        <v>101</v>
      </c>
      <c r="H105" s="65">
        <v>120</v>
      </c>
      <c r="I105" s="65">
        <v>52</v>
      </c>
      <c r="J105" s="65">
        <v>68</v>
      </c>
      <c r="K105" s="64">
        <v>102</v>
      </c>
      <c r="L105" s="77">
        <v>51</v>
      </c>
      <c r="M105" s="78">
        <v>51</v>
      </c>
    </row>
    <row r="106" spans="1:13">
      <c r="A106" s="27" t="s">
        <v>65</v>
      </c>
      <c r="B106" s="67">
        <v>-52</v>
      </c>
      <c r="C106" s="68">
        <v>-46</v>
      </c>
      <c r="D106" s="68">
        <v>-6</v>
      </c>
      <c r="E106" s="67">
        <v>57</v>
      </c>
      <c r="F106" s="68">
        <v>43</v>
      </c>
      <c r="G106" s="69">
        <v>14</v>
      </c>
      <c r="H106" s="68">
        <v>30</v>
      </c>
      <c r="I106" s="68">
        <v>11</v>
      </c>
      <c r="J106" s="68">
        <v>19</v>
      </c>
      <c r="K106" s="67">
        <v>25</v>
      </c>
      <c r="L106" s="79">
        <v>14</v>
      </c>
      <c r="M106" s="80">
        <v>11</v>
      </c>
    </row>
    <row r="107" spans="1:13">
      <c r="A107" s="27" t="s">
        <v>67</v>
      </c>
      <c r="B107" s="67">
        <v>-43</v>
      </c>
      <c r="C107" s="68">
        <v>-24</v>
      </c>
      <c r="D107" s="68">
        <v>-19</v>
      </c>
      <c r="E107" s="67">
        <v>34</v>
      </c>
      <c r="F107" s="68">
        <v>20</v>
      </c>
      <c r="G107" s="69">
        <v>14</v>
      </c>
      <c r="H107" s="68">
        <v>18</v>
      </c>
      <c r="I107" s="68">
        <v>10</v>
      </c>
      <c r="J107" s="68">
        <v>8</v>
      </c>
      <c r="K107" s="67">
        <v>27</v>
      </c>
      <c r="L107" s="79">
        <v>14</v>
      </c>
      <c r="M107" s="80">
        <v>13</v>
      </c>
    </row>
    <row r="108" spans="1:13">
      <c r="A108" s="27" t="s">
        <v>69</v>
      </c>
      <c r="B108" s="67">
        <v>-41</v>
      </c>
      <c r="C108" s="68">
        <v>-29</v>
      </c>
      <c r="D108" s="68">
        <v>-12</v>
      </c>
      <c r="E108" s="67">
        <v>48</v>
      </c>
      <c r="F108" s="68">
        <v>33</v>
      </c>
      <c r="G108" s="69">
        <v>15</v>
      </c>
      <c r="H108" s="68">
        <v>22</v>
      </c>
      <c r="I108" s="68">
        <v>12</v>
      </c>
      <c r="J108" s="68">
        <v>10</v>
      </c>
      <c r="K108" s="67">
        <v>15</v>
      </c>
      <c r="L108" s="79">
        <v>8</v>
      </c>
      <c r="M108" s="80">
        <v>7</v>
      </c>
    </row>
    <row r="109" spans="1:13">
      <c r="A109" s="27" t="s">
        <v>71</v>
      </c>
      <c r="B109" s="67">
        <v>-43</v>
      </c>
      <c r="C109" s="68">
        <v>-23</v>
      </c>
      <c r="D109" s="68">
        <v>-20</v>
      </c>
      <c r="E109" s="67">
        <v>53</v>
      </c>
      <c r="F109" s="68">
        <v>24</v>
      </c>
      <c r="G109" s="69">
        <v>29</v>
      </c>
      <c r="H109" s="68">
        <v>22</v>
      </c>
      <c r="I109" s="68">
        <v>7</v>
      </c>
      <c r="J109" s="68">
        <v>15</v>
      </c>
      <c r="K109" s="67">
        <v>12</v>
      </c>
      <c r="L109" s="79">
        <v>6</v>
      </c>
      <c r="M109" s="80">
        <v>6</v>
      </c>
    </row>
    <row r="110" spans="1:13">
      <c r="A110" s="27" t="s">
        <v>73</v>
      </c>
      <c r="B110" s="67">
        <v>-69</v>
      </c>
      <c r="C110" s="68">
        <v>-42</v>
      </c>
      <c r="D110" s="68">
        <v>-27</v>
      </c>
      <c r="E110" s="67">
        <v>74</v>
      </c>
      <c r="F110" s="68">
        <v>45</v>
      </c>
      <c r="G110" s="69">
        <v>29</v>
      </c>
      <c r="H110" s="68">
        <v>28</v>
      </c>
      <c r="I110" s="68">
        <v>12</v>
      </c>
      <c r="J110" s="68">
        <v>16</v>
      </c>
      <c r="K110" s="67">
        <v>23</v>
      </c>
      <c r="L110" s="79">
        <v>9</v>
      </c>
      <c r="M110" s="80">
        <v>14</v>
      </c>
    </row>
    <row r="111" spans="1:13" ht="21" customHeight="1">
      <c r="A111" s="38" t="s">
        <v>75</v>
      </c>
      <c r="B111" s="64">
        <v>-372</v>
      </c>
      <c r="C111" s="65">
        <v>-215</v>
      </c>
      <c r="D111" s="65">
        <v>-157</v>
      </c>
      <c r="E111" s="64">
        <v>376</v>
      </c>
      <c r="F111" s="65">
        <v>220</v>
      </c>
      <c r="G111" s="66">
        <v>156</v>
      </c>
      <c r="H111" s="65">
        <v>100</v>
      </c>
      <c r="I111" s="65">
        <v>31</v>
      </c>
      <c r="J111" s="65">
        <v>69</v>
      </c>
      <c r="K111" s="64">
        <v>96</v>
      </c>
      <c r="L111" s="77">
        <v>26</v>
      </c>
      <c r="M111" s="78">
        <v>70</v>
      </c>
    </row>
    <row r="112" spans="1:13">
      <c r="A112" s="27" t="s">
        <v>77</v>
      </c>
      <c r="B112" s="67">
        <v>-71</v>
      </c>
      <c r="C112" s="68">
        <v>-45</v>
      </c>
      <c r="D112" s="68">
        <v>-26</v>
      </c>
      <c r="E112" s="67">
        <v>71</v>
      </c>
      <c r="F112" s="68">
        <v>49</v>
      </c>
      <c r="G112" s="69">
        <v>22</v>
      </c>
      <c r="H112" s="68">
        <v>16</v>
      </c>
      <c r="I112" s="68">
        <v>8</v>
      </c>
      <c r="J112" s="68">
        <v>8</v>
      </c>
      <c r="K112" s="67">
        <v>16</v>
      </c>
      <c r="L112" s="79">
        <v>4</v>
      </c>
      <c r="M112" s="80">
        <v>12</v>
      </c>
    </row>
    <row r="113" spans="1:13">
      <c r="A113" s="27" t="s">
        <v>79</v>
      </c>
      <c r="B113" s="67">
        <v>-73</v>
      </c>
      <c r="C113" s="68">
        <v>-49</v>
      </c>
      <c r="D113" s="68">
        <v>-24</v>
      </c>
      <c r="E113" s="67">
        <v>82</v>
      </c>
      <c r="F113" s="68">
        <v>49</v>
      </c>
      <c r="G113" s="69">
        <v>33</v>
      </c>
      <c r="H113" s="68">
        <v>32</v>
      </c>
      <c r="I113" s="68">
        <v>8</v>
      </c>
      <c r="J113" s="68">
        <v>24</v>
      </c>
      <c r="K113" s="67">
        <v>23</v>
      </c>
      <c r="L113" s="79">
        <v>8</v>
      </c>
      <c r="M113" s="80">
        <v>15</v>
      </c>
    </row>
    <row r="114" spans="1:13">
      <c r="A114" s="27" t="s">
        <v>81</v>
      </c>
      <c r="B114" s="67">
        <v>-75</v>
      </c>
      <c r="C114" s="68">
        <v>-43</v>
      </c>
      <c r="D114" s="68">
        <v>-32</v>
      </c>
      <c r="E114" s="67">
        <v>69</v>
      </c>
      <c r="F114" s="68">
        <v>41</v>
      </c>
      <c r="G114" s="69">
        <v>28</v>
      </c>
      <c r="H114" s="68">
        <v>18</v>
      </c>
      <c r="I114" s="68">
        <v>4</v>
      </c>
      <c r="J114" s="68">
        <v>14</v>
      </c>
      <c r="K114" s="67">
        <v>24</v>
      </c>
      <c r="L114" s="79">
        <v>6</v>
      </c>
      <c r="M114" s="80">
        <v>18</v>
      </c>
    </row>
    <row r="115" spans="1:13">
      <c r="A115" s="27" t="s">
        <v>83</v>
      </c>
      <c r="B115" s="67">
        <v>-67</v>
      </c>
      <c r="C115" s="68">
        <v>-33</v>
      </c>
      <c r="D115" s="68">
        <v>-34</v>
      </c>
      <c r="E115" s="67">
        <v>69</v>
      </c>
      <c r="F115" s="68">
        <v>33</v>
      </c>
      <c r="G115" s="69">
        <v>36</v>
      </c>
      <c r="H115" s="68">
        <v>19</v>
      </c>
      <c r="I115" s="68">
        <v>5</v>
      </c>
      <c r="J115" s="68">
        <v>14</v>
      </c>
      <c r="K115" s="67">
        <v>17</v>
      </c>
      <c r="L115" s="79">
        <v>5</v>
      </c>
      <c r="M115" s="80">
        <v>12</v>
      </c>
    </row>
    <row r="116" spans="1:13">
      <c r="A116" s="27" t="s">
        <v>85</v>
      </c>
      <c r="B116" s="67">
        <v>-86</v>
      </c>
      <c r="C116" s="68">
        <v>-45</v>
      </c>
      <c r="D116" s="68">
        <v>-41</v>
      </c>
      <c r="E116" s="67">
        <v>85</v>
      </c>
      <c r="F116" s="68">
        <v>48</v>
      </c>
      <c r="G116" s="69">
        <v>37</v>
      </c>
      <c r="H116" s="68">
        <v>15</v>
      </c>
      <c r="I116" s="68">
        <v>6</v>
      </c>
      <c r="J116" s="68">
        <v>9</v>
      </c>
      <c r="K116" s="67">
        <v>16</v>
      </c>
      <c r="L116" s="79">
        <v>3</v>
      </c>
      <c r="M116" s="80">
        <v>13</v>
      </c>
    </row>
    <row r="117" spans="1:13" ht="21" customHeight="1">
      <c r="A117" s="38" t="s">
        <v>87</v>
      </c>
      <c r="B117" s="64">
        <v>-445</v>
      </c>
      <c r="C117" s="65">
        <v>-227</v>
      </c>
      <c r="D117" s="65">
        <v>-218</v>
      </c>
      <c r="E117" s="64">
        <v>454</v>
      </c>
      <c r="F117" s="65">
        <v>223</v>
      </c>
      <c r="G117" s="66">
        <v>231</v>
      </c>
      <c r="H117" s="65">
        <v>108</v>
      </c>
      <c r="I117" s="65">
        <v>22</v>
      </c>
      <c r="J117" s="65">
        <v>86</v>
      </c>
      <c r="K117" s="64">
        <v>99</v>
      </c>
      <c r="L117" s="77">
        <v>26</v>
      </c>
      <c r="M117" s="78">
        <v>73</v>
      </c>
    </row>
    <row r="118" spans="1:13">
      <c r="A118" s="27" t="s">
        <v>89</v>
      </c>
      <c r="B118" s="67">
        <v>-77</v>
      </c>
      <c r="C118" s="68">
        <v>-37</v>
      </c>
      <c r="D118" s="68">
        <v>-40</v>
      </c>
      <c r="E118" s="67">
        <v>82</v>
      </c>
      <c r="F118" s="68">
        <v>38</v>
      </c>
      <c r="G118" s="69">
        <v>44</v>
      </c>
      <c r="H118" s="68">
        <v>24</v>
      </c>
      <c r="I118" s="68">
        <v>3</v>
      </c>
      <c r="J118" s="68">
        <v>21</v>
      </c>
      <c r="K118" s="67">
        <v>19</v>
      </c>
      <c r="L118" s="79">
        <v>2</v>
      </c>
      <c r="M118" s="80">
        <v>17</v>
      </c>
    </row>
    <row r="119" spans="1:13">
      <c r="A119" s="27" t="s">
        <v>91</v>
      </c>
      <c r="B119" s="67">
        <v>-90</v>
      </c>
      <c r="C119" s="68">
        <v>-53</v>
      </c>
      <c r="D119" s="68">
        <v>-37</v>
      </c>
      <c r="E119" s="67">
        <v>92</v>
      </c>
      <c r="F119" s="68">
        <v>45</v>
      </c>
      <c r="G119" s="69">
        <v>47</v>
      </c>
      <c r="H119" s="68">
        <v>25</v>
      </c>
      <c r="I119" s="68">
        <v>5</v>
      </c>
      <c r="J119" s="68">
        <v>20</v>
      </c>
      <c r="K119" s="67">
        <v>23</v>
      </c>
      <c r="L119" s="79">
        <v>13</v>
      </c>
      <c r="M119" s="80">
        <v>10</v>
      </c>
    </row>
    <row r="120" spans="1:13">
      <c r="A120" s="27" t="s">
        <v>93</v>
      </c>
      <c r="B120" s="67">
        <v>-93</v>
      </c>
      <c r="C120" s="68">
        <v>-52</v>
      </c>
      <c r="D120" s="68">
        <v>-41</v>
      </c>
      <c r="E120" s="67">
        <v>90</v>
      </c>
      <c r="F120" s="68">
        <v>52</v>
      </c>
      <c r="G120" s="69">
        <v>38</v>
      </c>
      <c r="H120" s="68">
        <v>19</v>
      </c>
      <c r="I120" s="68">
        <v>5</v>
      </c>
      <c r="J120" s="68">
        <v>14</v>
      </c>
      <c r="K120" s="67">
        <v>22</v>
      </c>
      <c r="L120" s="79">
        <v>5</v>
      </c>
      <c r="M120" s="80">
        <v>17</v>
      </c>
    </row>
    <row r="121" spans="1:13">
      <c r="A121" s="27" t="s">
        <v>95</v>
      </c>
      <c r="B121" s="67">
        <v>-91</v>
      </c>
      <c r="C121" s="68">
        <v>-45</v>
      </c>
      <c r="D121" s="68">
        <v>-46</v>
      </c>
      <c r="E121" s="67">
        <v>92</v>
      </c>
      <c r="F121" s="68">
        <v>43</v>
      </c>
      <c r="G121" s="69">
        <v>49</v>
      </c>
      <c r="H121" s="68">
        <v>20</v>
      </c>
      <c r="I121" s="68">
        <v>1</v>
      </c>
      <c r="J121" s="68">
        <v>19</v>
      </c>
      <c r="K121" s="67">
        <v>19</v>
      </c>
      <c r="L121" s="79">
        <v>3</v>
      </c>
      <c r="M121" s="80">
        <v>16</v>
      </c>
    </row>
    <row r="122" spans="1:13">
      <c r="A122" s="27" t="s">
        <v>97</v>
      </c>
      <c r="B122" s="67">
        <v>-94</v>
      </c>
      <c r="C122" s="68">
        <v>-40</v>
      </c>
      <c r="D122" s="68">
        <v>-54</v>
      </c>
      <c r="E122" s="67">
        <v>98</v>
      </c>
      <c r="F122" s="68">
        <v>45</v>
      </c>
      <c r="G122" s="69">
        <v>53</v>
      </c>
      <c r="H122" s="68">
        <v>20</v>
      </c>
      <c r="I122" s="68">
        <v>8</v>
      </c>
      <c r="J122" s="68">
        <v>12</v>
      </c>
      <c r="K122" s="67">
        <v>16</v>
      </c>
      <c r="L122" s="79">
        <v>3</v>
      </c>
      <c r="M122" s="80">
        <v>13</v>
      </c>
    </row>
    <row r="123" spans="1:13" ht="21" customHeight="1">
      <c r="A123" s="38" t="s">
        <v>99</v>
      </c>
      <c r="B123" s="64">
        <v>-461</v>
      </c>
      <c r="C123" s="65">
        <v>-199</v>
      </c>
      <c r="D123" s="65">
        <v>-262</v>
      </c>
      <c r="E123" s="64">
        <v>465</v>
      </c>
      <c r="F123" s="65">
        <v>198</v>
      </c>
      <c r="G123" s="66">
        <v>267</v>
      </c>
      <c r="H123" s="65">
        <v>51</v>
      </c>
      <c r="I123" s="65">
        <v>13</v>
      </c>
      <c r="J123" s="65">
        <v>38</v>
      </c>
      <c r="K123" s="64">
        <v>47</v>
      </c>
      <c r="L123" s="77">
        <v>14</v>
      </c>
      <c r="M123" s="78">
        <v>33</v>
      </c>
    </row>
    <row r="124" spans="1:13">
      <c r="A124" s="27" t="s">
        <v>101</v>
      </c>
      <c r="B124" s="67">
        <v>-107</v>
      </c>
      <c r="C124" s="68">
        <v>-44</v>
      </c>
      <c r="D124" s="68">
        <v>-63</v>
      </c>
      <c r="E124" s="67">
        <v>106</v>
      </c>
      <c r="F124" s="68">
        <v>48</v>
      </c>
      <c r="G124" s="69">
        <v>58</v>
      </c>
      <c r="H124" s="68">
        <v>13</v>
      </c>
      <c r="I124" s="68">
        <v>7</v>
      </c>
      <c r="J124" s="68">
        <v>6</v>
      </c>
      <c r="K124" s="67">
        <v>14</v>
      </c>
      <c r="L124" s="79">
        <v>3</v>
      </c>
      <c r="M124" s="80">
        <v>11</v>
      </c>
    </row>
    <row r="125" spans="1:13">
      <c r="A125" s="27" t="s">
        <v>103</v>
      </c>
      <c r="B125" s="67">
        <v>-96</v>
      </c>
      <c r="C125" s="68">
        <v>-43</v>
      </c>
      <c r="D125" s="68">
        <v>-53</v>
      </c>
      <c r="E125" s="67">
        <v>97</v>
      </c>
      <c r="F125" s="68">
        <v>42</v>
      </c>
      <c r="G125" s="69">
        <v>55</v>
      </c>
      <c r="H125" s="68">
        <v>11</v>
      </c>
      <c r="I125" s="68">
        <v>3</v>
      </c>
      <c r="J125" s="68">
        <v>8</v>
      </c>
      <c r="K125" s="67">
        <v>10</v>
      </c>
      <c r="L125" s="79">
        <v>4</v>
      </c>
      <c r="M125" s="80">
        <v>6</v>
      </c>
    </row>
    <row r="126" spans="1:13">
      <c r="A126" s="27" t="s">
        <v>105</v>
      </c>
      <c r="B126" s="67">
        <v>-103</v>
      </c>
      <c r="C126" s="68">
        <v>-51</v>
      </c>
      <c r="D126" s="68">
        <v>-52</v>
      </c>
      <c r="E126" s="67">
        <v>101</v>
      </c>
      <c r="F126" s="68">
        <v>49</v>
      </c>
      <c r="G126" s="69">
        <v>52</v>
      </c>
      <c r="H126" s="68">
        <v>8</v>
      </c>
      <c r="I126" s="68">
        <v>1</v>
      </c>
      <c r="J126" s="68">
        <v>7</v>
      </c>
      <c r="K126" s="67">
        <v>10</v>
      </c>
      <c r="L126" s="79">
        <v>3</v>
      </c>
      <c r="M126" s="80">
        <v>7</v>
      </c>
    </row>
    <row r="127" spans="1:13">
      <c r="A127" s="27" t="s">
        <v>107</v>
      </c>
      <c r="B127" s="67">
        <v>-80</v>
      </c>
      <c r="C127" s="68">
        <v>-35</v>
      </c>
      <c r="D127" s="68">
        <v>-45</v>
      </c>
      <c r="E127" s="67">
        <v>83</v>
      </c>
      <c r="F127" s="68">
        <v>33</v>
      </c>
      <c r="G127" s="69">
        <v>50</v>
      </c>
      <c r="H127" s="68">
        <v>10</v>
      </c>
      <c r="I127" s="68">
        <v>1</v>
      </c>
      <c r="J127" s="68">
        <v>9</v>
      </c>
      <c r="K127" s="67">
        <v>7</v>
      </c>
      <c r="L127" s="79">
        <v>3</v>
      </c>
      <c r="M127" s="80">
        <v>4</v>
      </c>
    </row>
    <row r="128" spans="1:13">
      <c r="A128" s="27" t="s">
        <v>109</v>
      </c>
      <c r="B128" s="67">
        <v>-75</v>
      </c>
      <c r="C128" s="68">
        <v>-26</v>
      </c>
      <c r="D128" s="68">
        <v>-49</v>
      </c>
      <c r="E128" s="67">
        <v>78</v>
      </c>
      <c r="F128" s="68">
        <v>26</v>
      </c>
      <c r="G128" s="69">
        <v>52</v>
      </c>
      <c r="H128" s="68">
        <v>9</v>
      </c>
      <c r="I128" s="68">
        <v>1</v>
      </c>
      <c r="J128" s="68">
        <v>8</v>
      </c>
      <c r="K128" s="67">
        <v>6</v>
      </c>
      <c r="L128" s="79">
        <v>1</v>
      </c>
      <c r="M128" s="80">
        <v>5</v>
      </c>
    </row>
    <row r="129" spans="1:14" ht="21" customHeight="1">
      <c r="A129" s="38" t="s">
        <v>111</v>
      </c>
      <c r="B129" s="64">
        <v>-249</v>
      </c>
      <c r="C129" s="65">
        <v>-75</v>
      </c>
      <c r="D129" s="65">
        <v>-174</v>
      </c>
      <c r="E129" s="64">
        <v>255</v>
      </c>
      <c r="F129" s="65">
        <v>77</v>
      </c>
      <c r="G129" s="66">
        <v>178</v>
      </c>
      <c r="H129" s="65">
        <v>18</v>
      </c>
      <c r="I129" s="65">
        <v>4</v>
      </c>
      <c r="J129" s="65">
        <v>14</v>
      </c>
      <c r="K129" s="64">
        <v>12</v>
      </c>
      <c r="L129" s="77">
        <v>2</v>
      </c>
      <c r="M129" s="78">
        <v>10</v>
      </c>
    </row>
    <row r="130" spans="1:14">
      <c r="A130" s="27" t="s">
        <v>113</v>
      </c>
      <c r="B130" s="67">
        <v>-66</v>
      </c>
      <c r="C130" s="68">
        <v>-20</v>
      </c>
      <c r="D130" s="68">
        <v>-46</v>
      </c>
      <c r="E130" s="67">
        <v>66</v>
      </c>
      <c r="F130" s="68">
        <v>20</v>
      </c>
      <c r="G130" s="69">
        <v>46</v>
      </c>
      <c r="H130" s="68">
        <v>6</v>
      </c>
      <c r="I130" s="68">
        <v>2</v>
      </c>
      <c r="J130" s="68">
        <v>4</v>
      </c>
      <c r="K130" s="67">
        <v>6</v>
      </c>
      <c r="L130" s="79">
        <v>2</v>
      </c>
      <c r="M130" s="80">
        <v>4</v>
      </c>
    </row>
    <row r="131" spans="1:14">
      <c r="A131" s="27" t="s">
        <v>115</v>
      </c>
      <c r="B131" s="67">
        <v>-71</v>
      </c>
      <c r="C131" s="68">
        <v>-21</v>
      </c>
      <c r="D131" s="68">
        <v>-50</v>
      </c>
      <c r="E131" s="67">
        <v>72</v>
      </c>
      <c r="F131" s="68">
        <v>23</v>
      </c>
      <c r="G131" s="69">
        <v>49</v>
      </c>
      <c r="H131" s="68">
        <v>4</v>
      </c>
      <c r="I131" s="68">
        <v>2</v>
      </c>
      <c r="J131" s="68">
        <v>2</v>
      </c>
      <c r="K131" s="67">
        <v>3</v>
      </c>
      <c r="L131" s="79">
        <v>0</v>
      </c>
      <c r="M131" s="80">
        <v>3</v>
      </c>
    </row>
    <row r="132" spans="1:14">
      <c r="A132" s="27" t="s">
        <v>117</v>
      </c>
      <c r="B132" s="67">
        <v>-51</v>
      </c>
      <c r="C132" s="68">
        <v>-17</v>
      </c>
      <c r="D132" s="68">
        <v>-34</v>
      </c>
      <c r="E132" s="67">
        <v>55</v>
      </c>
      <c r="F132" s="68">
        <v>17</v>
      </c>
      <c r="G132" s="69">
        <v>38</v>
      </c>
      <c r="H132" s="68">
        <v>4</v>
      </c>
      <c r="I132" s="68">
        <v>0</v>
      </c>
      <c r="J132" s="68">
        <v>4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36</v>
      </c>
      <c r="C133" s="68">
        <v>-11</v>
      </c>
      <c r="D133" s="68">
        <v>-25</v>
      </c>
      <c r="E133" s="67">
        <v>36</v>
      </c>
      <c r="F133" s="68">
        <v>11</v>
      </c>
      <c r="G133" s="69">
        <v>25</v>
      </c>
      <c r="H133" s="68">
        <v>2</v>
      </c>
      <c r="I133" s="68">
        <v>0</v>
      </c>
      <c r="J133" s="68">
        <v>2</v>
      </c>
      <c r="K133" s="67">
        <v>2</v>
      </c>
      <c r="L133" s="79">
        <v>0</v>
      </c>
      <c r="M133" s="80">
        <v>2</v>
      </c>
    </row>
    <row r="134" spans="1:14">
      <c r="A134" s="27" t="s">
        <v>121</v>
      </c>
      <c r="B134" s="67">
        <v>-25</v>
      </c>
      <c r="C134" s="68">
        <v>-6</v>
      </c>
      <c r="D134" s="68">
        <v>-19</v>
      </c>
      <c r="E134" s="67">
        <v>26</v>
      </c>
      <c r="F134" s="68">
        <v>6</v>
      </c>
      <c r="G134" s="69">
        <v>20</v>
      </c>
      <c r="H134" s="68">
        <v>2</v>
      </c>
      <c r="I134" s="68">
        <v>0</v>
      </c>
      <c r="J134" s="68">
        <v>2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52</v>
      </c>
      <c r="C135" s="40">
        <v>-6</v>
      </c>
      <c r="D135" s="40">
        <v>-46</v>
      </c>
      <c r="E135" s="42">
        <v>55</v>
      </c>
      <c r="F135" s="40">
        <v>6</v>
      </c>
      <c r="G135" s="43">
        <v>49</v>
      </c>
      <c r="H135" s="40">
        <v>4</v>
      </c>
      <c r="I135" s="40">
        <v>0</v>
      </c>
      <c r="J135" s="40">
        <v>4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57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2563</v>
      </c>
      <c r="C5" s="62">
        <v>1113</v>
      </c>
      <c r="D5" s="62">
        <v>1450</v>
      </c>
      <c r="E5" s="61">
        <v>2976</v>
      </c>
      <c r="F5" s="62">
        <v>1559</v>
      </c>
      <c r="G5" s="63">
        <v>1417</v>
      </c>
      <c r="H5" s="62">
        <v>25989</v>
      </c>
      <c r="I5" s="62">
        <v>13499</v>
      </c>
      <c r="J5" s="62">
        <v>12490</v>
      </c>
      <c r="K5" s="61">
        <v>23423</v>
      </c>
      <c r="L5" s="75">
        <v>12337</v>
      </c>
      <c r="M5" s="76">
        <v>11086</v>
      </c>
    </row>
    <row r="6" spans="1:13" ht="23.25" customHeight="1">
      <c r="A6" s="36" t="s">
        <v>2</v>
      </c>
      <c r="B6" s="64">
        <v>2737</v>
      </c>
      <c r="C6" s="65">
        <v>1416</v>
      </c>
      <c r="D6" s="65">
        <v>1321</v>
      </c>
      <c r="E6" s="64">
        <v>9</v>
      </c>
      <c r="F6" s="65">
        <v>5</v>
      </c>
      <c r="G6" s="66">
        <v>4</v>
      </c>
      <c r="H6" s="65">
        <v>1185</v>
      </c>
      <c r="I6" s="65">
        <v>627</v>
      </c>
      <c r="J6" s="65">
        <v>558</v>
      </c>
      <c r="K6" s="64">
        <v>1412</v>
      </c>
      <c r="L6" s="77">
        <v>716</v>
      </c>
      <c r="M6" s="78">
        <v>696</v>
      </c>
    </row>
    <row r="7" spans="1:13">
      <c r="A7" s="15" t="s">
        <v>4</v>
      </c>
      <c r="B7" s="67">
        <v>2949</v>
      </c>
      <c r="C7" s="68">
        <v>1511</v>
      </c>
      <c r="D7" s="68">
        <v>1438</v>
      </c>
      <c r="E7" s="67">
        <v>8</v>
      </c>
      <c r="F7" s="68">
        <v>5</v>
      </c>
      <c r="G7" s="69">
        <v>3</v>
      </c>
      <c r="H7" s="68">
        <v>212</v>
      </c>
      <c r="I7" s="68">
        <v>114</v>
      </c>
      <c r="J7" s="68">
        <v>98</v>
      </c>
      <c r="K7" s="67">
        <v>228</v>
      </c>
      <c r="L7" s="79">
        <v>108</v>
      </c>
      <c r="M7" s="80">
        <v>120</v>
      </c>
    </row>
    <row r="8" spans="1:13">
      <c r="A8" s="15" t="s">
        <v>6</v>
      </c>
      <c r="B8" s="67">
        <v>-23</v>
      </c>
      <c r="C8" s="68">
        <v>-3</v>
      </c>
      <c r="D8" s="68">
        <v>-20</v>
      </c>
      <c r="E8" s="67">
        <v>0</v>
      </c>
      <c r="F8" s="68">
        <v>0</v>
      </c>
      <c r="G8" s="69">
        <v>0</v>
      </c>
      <c r="H8" s="68">
        <v>358</v>
      </c>
      <c r="I8" s="68">
        <v>189</v>
      </c>
      <c r="J8" s="68">
        <v>169</v>
      </c>
      <c r="K8" s="67">
        <v>381</v>
      </c>
      <c r="L8" s="79">
        <v>192</v>
      </c>
      <c r="M8" s="80">
        <v>189</v>
      </c>
    </row>
    <row r="9" spans="1:13">
      <c r="A9" s="15" t="s">
        <v>8</v>
      </c>
      <c r="B9" s="67">
        <v>-64</v>
      </c>
      <c r="C9" s="68">
        <v>-30</v>
      </c>
      <c r="D9" s="68">
        <v>-34</v>
      </c>
      <c r="E9" s="67">
        <v>1</v>
      </c>
      <c r="F9" s="68">
        <v>0</v>
      </c>
      <c r="G9" s="69">
        <v>1</v>
      </c>
      <c r="H9" s="68">
        <v>247</v>
      </c>
      <c r="I9" s="68">
        <v>124</v>
      </c>
      <c r="J9" s="68">
        <v>123</v>
      </c>
      <c r="K9" s="67">
        <v>310</v>
      </c>
      <c r="L9" s="79">
        <v>154</v>
      </c>
      <c r="M9" s="80">
        <v>156</v>
      </c>
    </row>
    <row r="10" spans="1:13">
      <c r="A10" s="15" t="s">
        <v>10</v>
      </c>
      <c r="B10" s="67">
        <v>-49</v>
      </c>
      <c r="C10" s="68">
        <v>-31</v>
      </c>
      <c r="D10" s="68">
        <v>-18</v>
      </c>
      <c r="E10" s="67">
        <v>0</v>
      </c>
      <c r="F10" s="68">
        <v>0</v>
      </c>
      <c r="G10" s="69">
        <v>0</v>
      </c>
      <c r="H10" s="68">
        <v>217</v>
      </c>
      <c r="I10" s="68">
        <v>110</v>
      </c>
      <c r="J10" s="68">
        <v>107</v>
      </c>
      <c r="K10" s="67">
        <v>266</v>
      </c>
      <c r="L10" s="79">
        <v>141</v>
      </c>
      <c r="M10" s="80">
        <v>125</v>
      </c>
    </row>
    <row r="11" spans="1:13">
      <c r="A11" s="15" t="s">
        <v>12</v>
      </c>
      <c r="B11" s="67">
        <v>-76</v>
      </c>
      <c r="C11" s="68">
        <v>-31</v>
      </c>
      <c r="D11" s="68">
        <v>-45</v>
      </c>
      <c r="E11" s="67">
        <v>0</v>
      </c>
      <c r="F11" s="68">
        <v>0</v>
      </c>
      <c r="G11" s="69">
        <v>0</v>
      </c>
      <c r="H11" s="68">
        <v>151</v>
      </c>
      <c r="I11" s="68">
        <v>90</v>
      </c>
      <c r="J11" s="68">
        <v>61</v>
      </c>
      <c r="K11" s="67">
        <v>227</v>
      </c>
      <c r="L11" s="79">
        <v>121</v>
      </c>
      <c r="M11" s="80">
        <v>106</v>
      </c>
    </row>
    <row r="12" spans="1:13" ht="21" customHeight="1">
      <c r="A12" s="36" t="s">
        <v>14</v>
      </c>
      <c r="B12" s="64">
        <v>-76</v>
      </c>
      <c r="C12" s="65">
        <v>-32</v>
      </c>
      <c r="D12" s="65">
        <v>-44</v>
      </c>
      <c r="E12" s="64">
        <v>2</v>
      </c>
      <c r="F12" s="65">
        <v>2</v>
      </c>
      <c r="G12" s="66">
        <v>0</v>
      </c>
      <c r="H12" s="65">
        <v>544</v>
      </c>
      <c r="I12" s="65">
        <v>292</v>
      </c>
      <c r="J12" s="65">
        <v>252</v>
      </c>
      <c r="K12" s="64">
        <v>618</v>
      </c>
      <c r="L12" s="77">
        <v>322</v>
      </c>
      <c r="M12" s="78">
        <v>296</v>
      </c>
    </row>
    <row r="13" spans="1:13">
      <c r="A13" s="15" t="s">
        <v>16</v>
      </c>
      <c r="B13" s="67">
        <v>-28</v>
      </c>
      <c r="C13" s="68">
        <v>-21</v>
      </c>
      <c r="D13" s="68">
        <v>-7</v>
      </c>
      <c r="E13" s="67">
        <v>1</v>
      </c>
      <c r="F13" s="68">
        <v>1</v>
      </c>
      <c r="G13" s="69">
        <v>0</v>
      </c>
      <c r="H13" s="68">
        <v>118</v>
      </c>
      <c r="I13" s="68">
        <v>61</v>
      </c>
      <c r="J13" s="68">
        <v>57</v>
      </c>
      <c r="K13" s="67">
        <v>145</v>
      </c>
      <c r="L13" s="79">
        <v>81</v>
      </c>
      <c r="M13" s="80">
        <v>64</v>
      </c>
    </row>
    <row r="14" spans="1:13">
      <c r="A14" s="15" t="s">
        <v>18</v>
      </c>
      <c r="B14" s="67">
        <v>-22</v>
      </c>
      <c r="C14" s="68">
        <v>-5</v>
      </c>
      <c r="D14" s="68">
        <v>-17</v>
      </c>
      <c r="E14" s="67">
        <v>0</v>
      </c>
      <c r="F14" s="68">
        <v>0</v>
      </c>
      <c r="G14" s="69">
        <v>0</v>
      </c>
      <c r="H14" s="68">
        <v>120</v>
      </c>
      <c r="I14" s="68">
        <v>69</v>
      </c>
      <c r="J14" s="68">
        <v>51</v>
      </c>
      <c r="K14" s="67">
        <v>142</v>
      </c>
      <c r="L14" s="79">
        <v>74</v>
      </c>
      <c r="M14" s="80">
        <v>68</v>
      </c>
    </row>
    <row r="15" spans="1:13">
      <c r="A15" s="15" t="s">
        <v>20</v>
      </c>
      <c r="B15" s="67">
        <v>-23</v>
      </c>
      <c r="C15" s="68">
        <v>-5</v>
      </c>
      <c r="D15" s="68">
        <v>-18</v>
      </c>
      <c r="E15" s="67">
        <v>1</v>
      </c>
      <c r="F15" s="68">
        <v>1</v>
      </c>
      <c r="G15" s="69">
        <v>0</v>
      </c>
      <c r="H15" s="68">
        <v>153</v>
      </c>
      <c r="I15" s="68">
        <v>84</v>
      </c>
      <c r="J15" s="68">
        <v>69</v>
      </c>
      <c r="K15" s="67">
        <v>175</v>
      </c>
      <c r="L15" s="79">
        <v>88</v>
      </c>
      <c r="M15" s="80">
        <v>87</v>
      </c>
    </row>
    <row r="16" spans="1:13">
      <c r="A16" s="15" t="s">
        <v>22</v>
      </c>
      <c r="B16" s="67">
        <v>-7</v>
      </c>
      <c r="C16" s="68">
        <v>-6</v>
      </c>
      <c r="D16" s="68">
        <v>-1</v>
      </c>
      <c r="E16" s="67">
        <v>0</v>
      </c>
      <c r="F16" s="68">
        <v>0</v>
      </c>
      <c r="G16" s="69">
        <v>0</v>
      </c>
      <c r="H16" s="68">
        <v>71</v>
      </c>
      <c r="I16" s="68">
        <v>35</v>
      </c>
      <c r="J16" s="68">
        <v>36</v>
      </c>
      <c r="K16" s="67">
        <v>78</v>
      </c>
      <c r="L16" s="79">
        <v>41</v>
      </c>
      <c r="M16" s="80">
        <v>37</v>
      </c>
    </row>
    <row r="17" spans="1:13">
      <c r="A17" s="15" t="s">
        <v>24</v>
      </c>
      <c r="B17" s="67">
        <v>4</v>
      </c>
      <c r="C17" s="68">
        <v>5</v>
      </c>
      <c r="D17" s="68">
        <v>-1</v>
      </c>
      <c r="E17" s="67">
        <v>0</v>
      </c>
      <c r="F17" s="68">
        <v>0</v>
      </c>
      <c r="G17" s="69">
        <v>0</v>
      </c>
      <c r="H17" s="68">
        <v>82</v>
      </c>
      <c r="I17" s="68">
        <v>43</v>
      </c>
      <c r="J17" s="68">
        <v>39</v>
      </c>
      <c r="K17" s="67">
        <v>78</v>
      </c>
      <c r="L17" s="79">
        <v>38</v>
      </c>
      <c r="M17" s="80">
        <v>40</v>
      </c>
    </row>
    <row r="18" spans="1:13" ht="21" customHeight="1">
      <c r="A18" s="36" t="s">
        <v>26</v>
      </c>
      <c r="B18" s="64">
        <v>42</v>
      </c>
      <c r="C18" s="65">
        <v>40</v>
      </c>
      <c r="D18" s="65">
        <v>2</v>
      </c>
      <c r="E18" s="64">
        <v>0</v>
      </c>
      <c r="F18" s="65">
        <v>0</v>
      </c>
      <c r="G18" s="66">
        <v>0</v>
      </c>
      <c r="H18" s="65">
        <v>345</v>
      </c>
      <c r="I18" s="65">
        <v>179</v>
      </c>
      <c r="J18" s="65">
        <v>166</v>
      </c>
      <c r="K18" s="64">
        <v>303</v>
      </c>
      <c r="L18" s="77">
        <v>139</v>
      </c>
      <c r="M18" s="78">
        <v>164</v>
      </c>
    </row>
    <row r="19" spans="1:13">
      <c r="A19" s="15" t="s">
        <v>28</v>
      </c>
      <c r="B19" s="67">
        <v>-16</v>
      </c>
      <c r="C19" s="68">
        <v>2</v>
      </c>
      <c r="D19" s="68">
        <v>-18</v>
      </c>
      <c r="E19" s="67">
        <v>0</v>
      </c>
      <c r="F19" s="68">
        <v>0</v>
      </c>
      <c r="G19" s="69">
        <v>0</v>
      </c>
      <c r="H19" s="68">
        <v>69</v>
      </c>
      <c r="I19" s="68">
        <v>39</v>
      </c>
      <c r="J19" s="68">
        <v>30</v>
      </c>
      <c r="K19" s="67">
        <v>85</v>
      </c>
      <c r="L19" s="79">
        <v>37</v>
      </c>
      <c r="M19" s="80">
        <v>48</v>
      </c>
    </row>
    <row r="20" spans="1:13">
      <c r="A20" s="15" t="s">
        <v>30</v>
      </c>
      <c r="B20" s="67">
        <v>20</v>
      </c>
      <c r="C20" s="68">
        <v>10</v>
      </c>
      <c r="D20" s="68">
        <v>10</v>
      </c>
      <c r="E20" s="67">
        <v>0</v>
      </c>
      <c r="F20" s="68">
        <v>0</v>
      </c>
      <c r="G20" s="69">
        <v>0</v>
      </c>
      <c r="H20" s="68">
        <v>66</v>
      </c>
      <c r="I20" s="68">
        <v>32</v>
      </c>
      <c r="J20" s="68">
        <v>34</v>
      </c>
      <c r="K20" s="67">
        <v>46</v>
      </c>
      <c r="L20" s="79">
        <v>22</v>
      </c>
      <c r="M20" s="80">
        <v>24</v>
      </c>
    </row>
    <row r="21" spans="1:13">
      <c r="A21" s="15" t="s">
        <v>32</v>
      </c>
      <c r="B21" s="67">
        <v>5</v>
      </c>
      <c r="C21" s="68">
        <v>5</v>
      </c>
      <c r="D21" s="68">
        <v>0</v>
      </c>
      <c r="E21" s="67">
        <v>0</v>
      </c>
      <c r="F21" s="68">
        <v>0</v>
      </c>
      <c r="G21" s="69">
        <v>0</v>
      </c>
      <c r="H21" s="68">
        <v>63</v>
      </c>
      <c r="I21" s="68">
        <v>29</v>
      </c>
      <c r="J21" s="68">
        <v>34</v>
      </c>
      <c r="K21" s="67">
        <v>58</v>
      </c>
      <c r="L21" s="79">
        <v>24</v>
      </c>
      <c r="M21" s="80">
        <v>34</v>
      </c>
    </row>
    <row r="22" spans="1:13">
      <c r="A22" s="15" t="s">
        <v>34</v>
      </c>
      <c r="B22" s="67">
        <v>15</v>
      </c>
      <c r="C22" s="68">
        <v>10</v>
      </c>
      <c r="D22" s="68">
        <v>5</v>
      </c>
      <c r="E22" s="67">
        <v>0</v>
      </c>
      <c r="F22" s="68">
        <v>0</v>
      </c>
      <c r="G22" s="69">
        <v>0</v>
      </c>
      <c r="H22" s="68">
        <v>86</v>
      </c>
      <c r="I22" s="68">
        <v>43</v>
      </c>
      <c r="J22" s="68">
        <v>43</v>
      </c>
      <c r="K22" s="67">
        <v>71</v>
      </c>
      <c r="L22" s="79">
        <v>33</v>
      </c>
      <c r="M22" s="80">
        <v>38</v>
      </c>
    </row>
    <row r="23" spans="1:13">
      <c r="A23" s="15" t="s">
        <v>36</v>
      </c>
      <c r="B23" s="67">
        <v>18</v>
      </c>
      <c r="C23" s="68">
        <v>13</v>
      </c>
      <c r="D23" s="68">
        <v>5</v>
      </c>
      <c r="E23" s="67">
        <v>0</v>
      </c>
      <c r="F23" s="68">
        <v>0</v>
      </c>
      <c r="G23" s="69">
        <v>0</v>
      </c>
      <c r="H23" s="68">
        <v>61</v>
      </c>
      <c r="I23" s="68">
        <v>36</v>
      </c>
      <c r="J23" s="68">
        <v>25</v>
      </c>
      <c r="K23" s="67">
        <v>43</v>
      </c>
      <c r="L23" s="79">
        <v>23</v>
      </c>
      <c r="M23" s="80">
        <v>20</v>
      </c>
    </row>
    <row r="24" spans="1:13" ht="21" customHeight="1">
      <c r="A24" s="36" t="s">
        <v>38</v>
      </c>
      <c r="B24" s="64">
        <v>372</v>
      </c>
      <c r="C24" s="65">
        <v>168</v>
      </c>
      <c r="D24" s="65">
        <v>204</v>
      </c>
      <c r="E24" s="64">
        <v>3</v>
      </c>
      <c r="F24" s="65">
        <v>1</v>
      </c>
      <c r="G24" s="66">
        <v>2</v>
      </c>
      <c r="H24" s="65">
        <v>729</v>
      </c>
      <c r="I24" s="65">
        <v>362</v>
      </c>
      <c r="J24" s="65">
        <v>367</v>
      </c>
      <c r="K24" s="64">
        <v>354</v>
      </c>
      <c r="L24" s="77">
        <v>193</v>
      </c>
      <c r="M24" s="78">
        <v>161</v>
      </c>
    </row>
    <row r="25" spans="1:13">
      <c r="A25" s="15" t="s">
        <v>40</v>
      </c>
      <c r="B25" s="67">
        <v>22</v>
      </c>
      <c r="C25" s="68">
        <v>17</v>
      </c>
      <c r="D25" s="68">
        <v>5</v>
      </c>
      <c r="E25" s="67">
        <v>0</v>
      </c>
      <c r="F25" s="68">
        <v>0</v>
      </c>
      <c r="G25" s="69">
        <v>0</v>
      </c>
      <c r="H25" s="68">
        <v>61</v>
      </c>
      <c r="I25" s="68">
        <v>35</v>
      </c>
      <c r="J25" s="68">
        <v>26</v>
      </c>
      <c r="K25" s="67">
        <v>39</v>
      </c>
      <c r="L25" s="79">
        <v>18</v>
      </c>
      <c r="M25" s="80">
        <v>21</v>
      </c>
    </row>
    <row r="26" spans="1:13">
      <c r="A26" s="15" t="s">
        <v>42</v>
      </c>
      <c r="B26" s="67">
        <v>30</v>
      </c>
      <c r="C26" s="68">
        <v>-3</v>
      </c>
      <c r="D26" s="68">
        <v>33</v>
      </c>
      <c r="E26" s="67">
        <v>0</v>
      </c>
      <c r="F26" s="68">
        <v>0</v>
      </c>
      <c r="G26" s="69">
        <v>0</v>
      </c>
      <c r="H26" s="68">
        <v>89</v>
      </c>
      <c r="I26" s="68">
        <v>41</v>
      </c>
      <c r="J26" s="68">
        <v>48</v>
      </c>
      <c r="K26" s="67">
        <v>59</v>
      </c>
      <c r="L26" s="79">
        <v>44</v>
      </c>
      <c r="M26" s="80">
        <v>15</v>
      </c>
    </row>
    <row r="27" spans="1:13">
      <c r="A27" s="15" t="s">
        <v>44</v>
      </c>
      <c r="B27" s="67">
        <v>16</v>
      </c>
      <c r="C27" s="68">
        <v>13</v>
      </c>
      <c r="D27" s="68">
        <v>3</v>
      </c>
      <c r="E27" s="67">
        <v>1</v>
      </c>
      <c r="F27" s="68">
        <v>0</v>
      </c>
      <c r="G27" s="69">
        <v>1</v>
      </c>
      <c r="H27" s="68">
        <v>57</v>
      </c>
      <c r="I27" s="68">
        <v>27</v>
      </c>
      <c r="J27" s="68">
        <v>30</v>
      </c>
      <c r="K27" s="67">
        <v>40</v>
      </c>
      <c r="L27" s="79">
        <v>14</v>
      </c>
      <c r="M27" s="80">
        <v>26</v>
      </c>
    </row>
    <row r="28" spans="1:13">
      <c r="A28" s="15" t="s">
        <v>46</v>
      </c>
      <c r="B28" s="67">
        <v>70</v>
      </c>
      <c r="C28" s="68">
        <v>27</v>
      </c>
      <c r="D28" s="68">
        <v>43</v>
      </c>
      <c r="E28" s="67">
        <v>1</v>
      </c>
      <c r="F28" s="68">
        <v>1</v>
      </c>
      <c r="G28" s="69">
        <v>0</v>
      </c>
      <c r="H28" s="68">
        <v>134</v>
      </c>
      <c r="I28" s="68">
        <v>65</v>
      </c>
      <c r="J28" s="68">
        <v>69</v>
      </c>
      <c r="K28" s="67">
        <v>63</v>
      </c>
      <c r="L28" s="79">
        <v>37</v>
      </c>
      <c r="M28" s="80">
        <v>26</v>
      </c>
    </row>
    <row r="29" spans="1:13">
      <c r="A29" s="15" t="s">
        <v>48</v>
      </c>
      <c r="B29" s="67">
        <v>234</v>
      </c>
      <c r="C29" s="68">
        <v>114</v>
      </c>
      <c r="D29" s="68">
        <v>120</v>
      </c>
      <c r="E29" s="67">
        <v>1</v>
      </c>
      <c r="F29" s="68">
        <v>0</v>
      </c>
      <c r="G29" s="69">
        <v>1</v>
      </c>
      <c r="H29" s="68">
        <v>388</v>
      </c>
      <c r="I29" s="68">
        <v>194</v>
      </c>
      <c r="J29" s="68">
        <v>194</v>
      </c>
      <c r="K29" s="67">
        <v>153</v>
      </c>
      <c r="L29" s="79">
        <v>80</v>
      </c>
      <c r="M29" s="80">
        <v>73</v>
      </c>
    </row>
    <row r="30" spans="1:13" ht="21" customHeight="1">
      <c r="A30" s="36" t="s">
        <v>50</v>
      </c>
      <c r="B30" s="64">
        <v>1848</v>
      </c>
      <c r="C30" s="65">
        <v>910</v>
      </c>
      <c r="D30" s="65">
        <v>938</v>
      </c>
      <c r="E30" s="64">
        <v>5</v>
      </c>
      <c r="F30" s="65">
        <v>3</v>
      </c>
      <c r="G30" s="66">
        <v>2</v>
      </c>
      <c r="H30" s="65">
        <v>4520</v>
      </c>
      <c r="I30" s="65">
        <v>2333</v>
      </c>
      <c r="J30" s="65">
        <v>2187</v>
      </c>
      <c r="K30" s="64">
        <v>2667</v>
      </c>
      <c r="L30" s="77">
        <v>1420</v>
      </c>
      <c r="M30" s="78">
        <v>1247</v>
      </c>
    </row>
    <row r="31" spans="1:13">
      <c r="A31" s="15" t="s">
        <v>52</v>
      </c>
      <c r="B31" s="67">
        <v>198</v>
      </c>
      <c r="C31" s="68">
        <v>109</v>
      </c>
      <c r="D31" s="68">
        <v>89</v>
      </c>
      <c r="E31" s="67">
        <v>0</v>
      </c>
      <c r="F31" s="68">
        <v>0</v>
      </c>
      <c r="G31" s="69">
        <v>0</v>
      </c>
      <c r="H31" s="68">
        <v>372</v>
      </c>
      <c r="I31" s="68">
        <v>197</v>
      </c>
      <c r="J31" s="68">
        <v>175</v>
      </c>
      <c r="K31" s="67">
        <v>174</v>
      </c>
      <c r="L31" s="79">
        <v>88</v>
      </c>
      <c r="M31" s="80">
        <v>86</v>
      </c>
    </row>
    <row r="32" spans="1:13">
      <c r="A32" s="15" t="s">
        <v>54</v>
      </c>
      <c r="B32" s="67">
        <v>307</v>
      </c>
      <c r="C32" s="68">
        <v>131</v>
      </c>
      <c r="D32" s="68">
        <v>176</v>
      </c>
      <c r="E32" s="67">
        <v>2</v>
      </c>
      <c r="F32" s="68">
        <v>1</v>
      </c>
      <c r="G32" s="69">
        <v>1</v>
      </c>
      <c r="H32" s="68">
        <v>583</v>
      </c>
      <c r="I32" s="68">
        <v>283</v>
      </c>
      <c r="J32" s="68">
        <v>300</v>
      </c>
      <c r="K32" s="67">
        <v>274</v>
      </c>
      <c r="L32" s="79">
        <v>151</v>
      </c>
      <c r="M32" s="80">
        <v>123</v>
      </c>
    </row>
    <row r="33" spans="1:13">
      <c r="A33" s="15" t="s">
        <v>56</v>
      </c>
      <c r="B33" s="67">
        <v>365</v>
      </c>
      <c r="C33" s="68">
        <v>173</v>
      </c>
      <c r="D33" s="68">
        <v>192</v>
      </c>
      <c r="E33" s="67">
        <v>1</v>
      </c>
      <c r="F33" s="68">
        <v>0</v>
      </c>
      <c r="G33" s="69">
        <v>1</v>
      </c>
      <c r="H33" s="68">
        <v>842</v>
      </c>
      <c r="I33" s="68">
        <v>417</v>
      </c>
      <c r="J33" s="68">
        <v>425</v>
      </c>
      <c r="K33" s="67">
        <v>476</v>
      </c>
      <c r="L33" s="79">
        <v>244</v>
      </c>
      <c r="M33" s="80">
        <v>232</v>
      </c>
    </row>
    <row r="34" spans="1:13">
      <c r="A34" s="15" t="s">
        <v>58</v>
      </c>
      <c r="B34" s="67">
        <v>586</v>
      </c>
      <c r="C34" s="68">
        <v>305</v>
      </c>
      <c r="D34" s="68">
        <v>281</v>
      </c>
      <c r="E34" s="67">
        <v>1</v>
      </c>
      <c r="F34" s="68">
        <v>1</v>
      </c>
      <c r="G34" s="69">
        <v>0</v>
      </c>
      <c r="H34" s="68">
        <v>1439</v>
      </c>
      <c r="I34" s="68">
        <v>766</v>
      </c>
      <c r="J34" s="68">
        <v>673</v>
      </c>
      <c r="K34" s="67">
        <v>852</v>
      </c>
      <c r="L34" s="79">
        <v>460</v>
      </c>
      <c r="M34" s="80">
        <v>392</v>
      </c>
    </row>
    <row r="35" spans="1:13">
      <c r="A35" s="15" t="s">
        <v>60</v>
      </c>
      <c r="B35" s="67">
        <v>392</v>
      </c>
      <c r="C35" s="68">
        <v>192</v>
      </c>
      <c r="D35" s="68">
        <v>200</v>
      </c>
      <c r="E35" s="67">
        <v>1</v>
      </c>
      <c r="F35" s="68">
        <v>1</v>
      </c>
      <c r="G35" s="69">
        <v>0</v>
      </c>
      <c r="H35" s="68">
        <v>1284</v>
      </c>
      <c r="I35" s="68">
        <v>670</v>
      </c>
      <c r="J35" s="68">
        <v>614</v>
      </c>
      <c r="K35" s="67">
        <v>891</v>
      </c>
      <c r="L35" s="79">
        <v>477</v>
      </c>
      <c r="M35" s="80">
        <v>414</v>
      </c>
    </row>
    <row r="36" spans="1:13" ht="21" customHeight="1">
      <c r="A36" s="36" t="s">
        <v>62</v>
      </c>
      <c r="B36" s="64">
        <v>1209</v>
      </c>
      <c r="C36" s="65">
        <v>615</v>
      </c>
      <c r="D36" s="65">
        <v>594</v>
      </c>
      <c r="E36" s="64">
        <v>5</v>
      </c>
      <c r="F36" s="65">
        <v>4</v>
      </c>
      <c r="G36" s="66">
        <v>1</v>
      </c>
      <c r="H36" s="65">
        <v>6830</v>
      </c>
      <c r="I36" s="65">
        <v>3487</v>
      </c>
      <c r="J36" s="65">
        <v>3343</v>
      </c>
      <c r="K36" s="64">
        <v>5616</v>
      </c>
      <c r="L36" s="77">
        <v>2868</v>
      </c>
      <c r="M36" s="78">
        <v>2748</v>
      </c>
    </row>
    <row r="37" spans="1:13">
      <c r="A37" s="15" t="s">
        <v>64</v>
      </c>
      <c r="B37" s="67">
        <v>362</v>
      </c>
      <c r="C37" s="68">
        <v>196</v>
      </c>
      <c r="D37" s="68">
        <v>166</v>
      </c>
      <c r="E37" s="67">
        <v>2</v>
      </c>
      <c r="F37" s="68">
        <v>2</v>
      </c>
      <c r="G37" s="69">
        <v>0</v>
      </c>
      <c r="H37" s="68">
        <v>1453</v>
      </c>
      <c r="I37" s="68">
        <v>789</v>
      </c>
      <c r="J37" s="68">
        <v>664</v>
      </c>
      <c r="K37" s="67">
        <v>1089</v>
      </c>
      <c r="L37" s="79">
        <v>591</v>
      </c>
      <c r="M37" s="80">
        <v>498</v>
      </c>
    </row>
    <row r="38" spans="1:13">
      <c r="A38" s="15" t="s">
        <v>66</v>
      </c>
      <c r="B38" s="67">
        <v>284</v>
      </c>
      <c r="C38" s="68">
        <v>144</v>
      </c>
      <c r="D38" s="68">
        <v>140</v>
      </c>
      <c r="E38" s="67">
        <v>1</v>
      </c>
      <c r="F38" s="68">
        <v>1</v>
      </c>
      <c r="G38" s="69">
        <v>0</v>
      </c>
      <c r="H38" s="68">
        <v>1406</v>
      </c>
      <c r="I38" s="68">
        <v>715</v>
      </c>
      <c r="J38" s="68">
        <v>691</v>
      </c>
      <c r="K38" s="67">
        <v>1121</v>
      </c>
      <c r="L38" s="79">
        <v>570</v>
      </c>
      <c r="M38" s="80">
        <v>551</v>
      </c>
    </row>
    <row r="39" spans="1:13">
      <c r="A39" s="15" t="s">
        <v>68</v>
      </c>
      <c r="B39" s="67">
        <v>272</v>
      </c>
      <c r="C39" s="68">
        <v>162</v>
      </c>
      <c r="D39" s="68">
        <v>110</v>
      </c>
      <c r="E39" s="67">
        <v>0</v>
      </c>
      <c r="F39" s="68">
        <v>0</v>
      </c>
      <c r="G39" s="69">
        <v>0</v>
      </c>
      <c r="H39" s="68">
        <v>1412</v>
      </c>
      <c r="I39" s="68">
        <v>720</v>
      </c>
      <c r="J39" s="68">
        <v>692</v>
      </c>
      <c r="K39" s="67">
        <v>1140</v>
      </c>
      <c r="L39" s="79">
        <v>558</v>
      </c>
      <c r="M39" s="80">
        <v>582</v>
      </c>
    </row>
    <row r="40" spans="1:13">
      <c r="A40" s="15" t="s">
        <v>70</v>
      </c>
      <c r="B40" s="67">
        <v>209</v>
      </c>
      <c r="C40" s="68">
        <v>80</v>
      </c>
      <c r="D40" s="68">
        <v>129</v>
      </c>
      <c r="E40" s="67">
        <v>1</v>
      </c>
      <c r="F40" s="68">
        <v>0</v>
      </c>
      <c r="G40" s="69">
        <v>1</v>
      </c>
      <c r="H40" s="68">
        <v>1393</v>
      </c>
      <c r="I40" s="68">
        <v>691</v>
      </c>
      <c r="J40" s="68">
        <v>702</v>
      </c>
      <c r="K40" s="67">
        <v>1183</v>
      </c>
      <c r="L40" s="79">
        <v>611</v>
      </c>
      <c r="M40" s="80">
        <v>572</v>
      </c>
    </row>
    <row r="41" spans="1:13">
      <c r="A41" s="15" t="s">
        <v>72</v>
      </c>
      <c r="B41" s="67">
        <v>82</v>
      </c>
      <c r="C41" s="68">
        <v>33</v>
      </c>
      <c r="D41" s="68">
        <v>49</v>
      </c>
      <c r="E41" s="67">
        <v>1</v>
      </c>
      <c r="F41" s="68">
        <v>1</v>
      </c>
      <c r="G41" s="69">
        <v>0</v>
      </c>
      <c r="H41" s="68">
        <v>1166</v>
      </c>
      <c r="I41" s="68">
        <v>572</v>
      </c>
      <c r="J41" s="68">
        <v>594</v>
      </c>
      <c r="K41" s="67">
        <v>1083</v>
      </c>
      <c r="L41" s="79">
        <v>538</v>
      </c>
      <c r="M41" s="80">
        <v>545</v>
      </c>
    </row>
    <row r="42" spans="1:13" ht="21" customHeight="1">
      <c r="A42" s="36" t="s">
        <v>74</v>
      </c>
      <c r="B42" s="64">
        <v>102</v>
      </c>
      <c r="C42" s="65">
        <v>65</v>
      </c>
      <c r="D42" s="65">
        <v>37</v>
      </c>
      <c r="E42" s="64">
        <v>7</v>
      </c>
      <c r="F42" s="65">
        <v>4</v>
      </c>
      <c r="G42" s="66">
        <v>3</v>
      </c>
      <c r="H42" s="65">
        <v>4215</v>
      </c>
      <c r="I42" s="65">
        <v>2215</v>
      </c>
      <c r="J42" s="65">
        <v>2000</v>
      </c>
      <c r="K42" s="64">
        <v>4106</v>
      </c>
      <c r="L42" s="77">
        <v>2146</v>
      </c>
      <c r="M42" s="78">
        <v>1960</v>
      </c>
    </row>
    <row r="43" spans="1:13">
      <c r="A43" s="15" t="s">
        <v>76</v>
      </c>
      <c r="B43" s="67">
        <v>52</v>
      </c>
      <c r="C43" s="68">
        <v>15</v>
      </c>
      <c r="D43" s="68">
        <v>37</v>
      </c>
      <c r="E43" s="67">
        <v>0</v>
      </c>
      <c r="F43" s="68">
        <v>0</v>
      </c>
      <c r="G43" s="69">
        <v>0</v>
      </c>
      <c r="H43" s="68">
        <v>1076</v>
      </c>
      <c r="I43" s="68">
        <v>556</v>
      </c>
      <c r="J43" s="68">
        <v>520</v>
      </c>
      <c r="K43" s="67">
        <v>1024</v>
      </c>
      <c r="L43" s="79">
        <v>541</v>
      </c>
      <c r="M43" s="80">
        <v>483</v>
      </c>
    </row>
    <row r="44" spans="1:13">
      <c r="A44" s="15" t="s">
        <v>78</v>
      </c>
      <c r="B44" s="67">
        <v>39</v>
      </c>
      <c r="C44" s="68">
        <v>55</v>
      </c>
      <c r="D44" s="68">
        <v>-16</v>
      </c>
      <c r="E44" s="67">
        <v>1</v>
      </c>
      <c r="F44" s="68">
        <v>0</v>
      </c>
      <c r="G44" s="69">
        <v>1</v>
      </c>
      <c r="H44" s="68">
        <v>930</v>
      </c>
      <c r="I44" s="68">
        <v>496</v>
      </c>
      <c r="J44" s="68">
        <v>434</v>
      </c>
      <c r="K44" s="67">
        <v>890</v>
      </c>
      <c r="L44" s="79">
        <v>441</v>
      </c>
      <c r="M44" s="80">
        <v>449</v>
      </c>
    </row>
    <row r="45" spans="1:13">
      <c r="A45" s="15" t="s">
        <v>80</v>
      </c>
      <c r="B45" s="67">
        <v>5</v>
      </c>
      <c r="C45" s="68">
        <v>-26</v>
      </c>
      <c r="D45" s="68">
        <v>31</v>
      </c>
      <c r="E45" s="67">
        <v>1</v>
      </c>
      <c r="F45" s="68">
        <v>0</v>
      </c>
      <c r="G45" s="69">
        <v>1</v>
      </c>
      <c r="H45" s="68">
        <v>820</v>
      </c>
      <c r="I45" s="68">
        <v>415</v>
      </c>
      <c r="J45" s="68">
        <v>405</v>
      </c>
      <c r="K45" s="67">
        <v>814</v>
      </c>
      <c r="L45" s="79">
        <v>441</v>
      </c>
      <c r="M45" s="80">
        <v>373</v>
      </c>
    </row>
    <row r="46" spans="1:13">
      <c r="A46" s="15" t="s">
        <v>82</v>
      </c>
      <c r="B46" s="67">
        <v>14</v>
      </c>
      <c r="C46" s="68">
        <v>23</v>
      </c>
      <c r="D46" s="68">
        <v>-9</v>
      </c>
      <c r="E46" s="67">
        <v>3</v>
      </c>
      <c r="F46" s="68">
        <v>3</v>
      </c>
      <c r="G46" s="69">
        <v>0</v>
      </c>
      <c r="H46" s="68">
        <v>739</v>
      </c>
      <c r="I46" s="68">
        <v>403</v>
      </c>
      <c r="J46" s="68">
        <v>336</v>
      </c>
      <c r="K46" s="67">
        <v>722</v>
      </c>
      <c r="L46" s="79">
        <v>377</v>
      </c>
      <c r="M46" s="80">
        <v>345</v>
      </c>
    </row>
    <row r="47" spans="1:13">
      <c r="A47" s="15" t="s">
        <v>84</v>
      </c>
      <c r="B47" s="67">
        <v>-8</v>
      </c>
      <c r="C47" s="68">
        <v>-2</v>
      </c>
      <c r="D47" s="68">
        <v>-6</v>
      </c>
      <c r="E47" s="67">
        <v>2</v>
      </c>
      <c r="F47" s="68">
        <v>1</v>
      </c>
      <c r="G47" s="69">
        <v>1</v>
      </c>
      <c r="H47" s="68">
        <v>650</v>
      </c>
      <c r="I47" s="68">
        <v>345</v>
      </c>
      <c r="J47" s="68">
        <v>305</v>
      </c>
      <c r="K47" s="67">
        <v>656</v>
      </c>
      <c r="L47" s="79">
        <v>346</v>
      </c>
      <c r="M47" s="80">
        <v>310</v>
      </c>
    </row>
    <row r="48" spans="1:13" ht="21" customHeight="1">
      <c r="A48" s="36" t="s">
        <v>86</v>
      </c>
      <c r="B48" s="64">
        <v>-180</v>
      </c>
      <c r="C48" s="65">
        <v>-135</v>
      </c>
      <c r="D48" s="65">
        <v>-45</v>
      </c>
      <c r="E48" s="64">
        <v>10</v>
      </c>
      <c r="F48" s="65">
        <v>6</v>
      </c>
      <c r="G48" s="66">
        <v>4</v>
      </c>
      <c r="H48" s="65">
        <v>2393</v>
      </c>
      <c r="I48" s="65">
        <v>1284</v>
      </c>
      <c r="J48" s="65">
        <v>1109</v>
      </c>
      <c r="K48" s="64">
        <v>2563</v>
      </c>
      <c r="L48" s="77">
        <v>1413</v>
      </c>
      <c r="M48" s="78">
        <v>1150</v>
      </c>
    </row>
    <row r="49" spans="1:13">
      <c r="A49" s="15" t="s">
        <v>88</v>
      </c>
      <c r="B49" s="67">
        <v>20</v>
      </c>
      <c r="C49" s="68">
        <v>-21</v>
      </c>
      <c r="D49" s="68">
        <v>41</v>
      </c>
      <c r="E49" s="67">
        <v>4</v>
      </c>
      <c r="F49" s="68">
        <v>2</v>
      </c>
      <c r="G49" s="69">
        <v>2</v>
      </c>
      <c r="H49" s="68">
        <v>591</v>
      </c>
      <c r="I49" s="68">
        <v>296</v>
      </c>
      <c r="J49" s="68">
        <v>295</v>
      </c>
      <c r="K49" s="67">
        <v>567</v>
      </c>
      <c r="L49" s="79">
        <v>315</v>
      </c>
      <c r="M49" s="80">
        <v>252</v>
      </c>
    </row>
    <row r="50" spans="1:13">
      <c r="A50" s="15" t="s">
        <v>90</v>
      </c>
      <c r="B50" s="67">
        <v>-11</v>
      </c>
      <c r="C50" s="68">
        <v>4</v>
      </c>
      <c r="D50" s="68">
        <v>-15</v>
      </c>
      <c r="E50" s="67">
        <v>0</v>
      </c>
      <c r="F50" s="68">
        <v>0</v>
      </c>
      <c r="G50" s="69">
        <v>0</v>
      </c>
      <c r="H50" s="68">
        <v>548</v>
      </c>
      <c r="I50" s="68">
        <v>298</v>
      </c>
      <c r="J50" s="68">
        <v>250</v>
      </c>
      <c r="K50" s="67">
        <v>559</v>
      </c>
      <c r="L50" s="79">
        <v>294</v>
      </c>
      <c r="M50" s="80">
        <v>265</v>
      </c>
    </row>
    <row r="51" spans="1:13">
      <c r="A51" s="15" t="s">
        <v>92</v>
      </c>
      <c r="B51" s="67">
        <v>-47</v>
      </c>
      <c r="C51" s="68">
        <v>-25</v>
      </c>
      <c r="D51" s="68">
        <v>-22</v>
      </c>
      <c r="E51" s="67">
        <v>2</v>
      </c>
      <c r="F51" s="68">
        <v>1</v>
      </c>
      <c r="G51" s="69">
        <v>1</v>
      </c>
      <c r="H51" s="68">
        <v>476</v>
      </c>
      <c r="I51" s="68">
        <v>266</v>
      </c>
      <c r="J51" s="68">
        <v>210</v>
      </c>
      <c r="K51" s="67">
        <v>521</v>
      </c>
      <c r="L51" s="79">
        <v>290</v>
      </c>
      <c r="M51" s="80">
        <v>231</v>
      </c>
    </row>
    <row r="52" spans="1:13">
      <c r="A52" s="15" t="s">
        <v>94</v>
      </c>
      <c r="B52" s="67">
        <v>-101</v>
      </c>
      <c r="C52" s="68">
        <v>-57</v>
      </c>
      <c r="D52" s="68">
        <v>-44</v>
      </c>
      <c r="E52" s="67">
        <v>2</v>
      </c>
      <c r="F52" s="68">
        <v>2</v>
      </c>
      <c r="G52" s="69">
        <v>0</v>
      </c>
      <c r="H52" s="68">
        <v>389</v>
      </c>
      <c r="I52" s="68">
        <v>217</v>
      </c>
      <c r="J52" s="68">
        <v>172</v>
      </c>
      <c r="K52" s="67">
        <v>488</v>
      </c>
      <c r="L52" s="79">
        <v>272</v>
      </c>
      <c r="M52" s="80">
        <v>216</v>
      </c>
    </row>
    <row r="53" spans="1:13">
      <c r="A53" s="15" t="s">
        <v>96</v>
      </c>
      <c r="B53" s="67">
        <v>-41</v>
      </c>
      <c r="C53" s="68">
        <v>-36</v>
      </c>
      <c r="D53" s="68">
        <v>-5</v>
      </c>
      <c r="E53" s="67">
        <v>2</v>
      </c>
      <c r="F53" s="68">
        <v>1</v>
      </c>
      <c r="G53" s="69">
        <v>1</v>
      </c>
      <c r="H53" s="68">
        <v>389</v>
      </c>
      <c r="I53" s="68">
        <v>207</v>
      </c>
      <c r="J53" s="68">
        <v>182</v>
      </c>
      <c r="K53" s="67">
        <v>428</v>
      </c>
      <c r="L53" s="79">
        <v>242</v>
      </c>
      <c r="M53" s="80">
        <v>186</v>
      </c>
    </row>
    <row r="54" spans="1:13" ht="21" customHeight="1">
      <c r="A54" s="36" t="s">
        <v>98</v>
      </c>
      <c r="B54" s="64">
        <v>-60</v>
      </c>
      <c r="C54" s="65">
        <v>-23</v>
      </c>
      <c r="D54" s="65">
        <v>-37</v>
      </c>
      <c r="E54" s="64">
        <v>18</v>
      </c>
      <c r="F54" s="65">
        <v>7</v>
      </c>
      <c r="G54" s="66">
        <v>11</v>
      </c>
      <c r="H54" s="65">
        <v>1448</v>
      </c>
      <c r="I54" s="65">
        <v>802</v>
      </c>
      <c r="J54" s="65">
        <v>646</v>
      </c>
      <c r="K54" s="64">
        <v>1490</v>
      </c>
      <c r="L54" s="77">
        <v>818</v>
      </c>
      <c r="M54" s="78">
        <v>672</v>
      </c>
    </row>
    <row r="55" spans="1:13">
      <c r="A55" s="15" t="s">
        <v>100</v>
      </c>
      <c r="B55" s="67">
        <v>-29</v>
      </c>
      <c r="C55" s="68">
        <v>-24</v>
      </c>
      <c r="D55" s="68">
        <v>-5</v>
      </c>
      <c r="E55" s="67">
        <v>3</v>
      </c>
      <c r="F55" s="68">
        <v>1</v>
      </c>
      <c r="G55" s="69">
        <v>2</v>
      </c>
      <c r="H55" s="68">
        <v>345</v>
      </c>
      <c r="I55" s="68">
        <v>182</v>
      </c>
      <c r="J55" s="68">
        <v>163</v>
      </c>
      <c r="K55" s="67">
        <v>371</v>
      </c>
      <c r="L55" s="79">
        <v>205</v>
      </c>
      <c r="M55" s="80">
        <v>166</v>
      </c>
    </row>
    <row r="56" spans="1:13">
      <c r="A56" s="15" t="s">
        <v>102</v>
      </c>
      <c r="B56" s="67">
        <v>-1</v>
      </c>
      <c r="C56" s="68">
        <v>6</v>
      </c>
      <c r="D56" s="68">
        <v>-7</v>
      </c>
      <c r="E56" s="67">
        <v>4</v>
      </c>
      <c r="F56" s="68">
        <v>0</v>
      </c>
      <c r="G56" s="69">
        <v>4</v>
      </c>
      <c r="H56" s="68">
        <v>319</v>
      </c>
      <c r="I56" s="68">
        <v>179</v>
      </c>
      <c r="J56" s="68">
        <v>140</v>
      </c>
      <c r="K56" s="67">
        <v>316</v>
      </c>
      <c r="L56" s="79">
        <v>173</v>
      </c>
      <c r="M56" s="80">
        <v>143</v>
      </c>
    </row>
    <row r="57" spans="1:13">
      <c r="A57" s="15" t="s">
        <v>104</v>
      </c>
      <c r="B57" s="67">
        <v>0</v>
      </c>
      <c r="C57" s="68">
        <v>-14</v>
      </c>
      <c r="D57" s="68">
        <v>14</v>
      </c>
      <c r="E57" s="67">
        <v>1</v>
      </c>
      <c r="F57" s="68">
        <v>1</v>
      </c>
      <c r="G57" s="69">
        <v>0</v>
      </c>
      <c r="H57" s="68">
        <v>271</v>
      </c>
      <c r="I57" s="68">
        <v>148</v>
      </c>
      <c r="J57" s="68">
        <v>123</v>
      </c>
      <c r="K57" s="67">
        <v>270</v>
      </c>
      <c r="L57" s="79">
        <v>161</v>
      </c>
      <c r="M57" s="80">
        <v>109</v>
      </c>
    </row>
    <row r="58" spans="1:13">
      <c r="A58" s="15" t="s">
        <v>106</v>
      </c>
      <c r="B58" s="67">
        <v>-19</v>
      </c>
      <c r="C58" s="68">
        <v>2</v>
      </c>
      <c r="D58" s="68">
        <v>-21</v>
      </c>
      <c r="E58" s="67">
        <v>6</v>
      </c>
      <c r="F58" s="68">
        <v>4</v>
      </c>
      <c r="G58" s="69">
        <v>2</v>
      </c>
      <c r="H58" s="68">
        <v>247</v>
      </c>
      <c r="I58" s="68">
        <v>140</v>
      </c>
      <c r="J58" s="68">
        <v>107</v>
      </c>
      <c r="K58" s="67">
        <v>260</v>
      </c>
      <c r="L58" s="79">
        <v>134</v>
      </c>
      <c r="M58" s="80">
        <v>126</v>
      </c>
    </row>
    <row r="59" spans="1:13">
      <c r="A59" s="15" t="s">
        <v>108</v>
      </c>
      <c r="B59" s="67">
        <v>-11</v>
      </c>
      <c r="C59" s="68">
        <v>7</v>
      </c>
      <c r="D59" s="68">
        <v>-18</v>
      </c>
      <c r="E59" s="67">
        <v>4</v>
      </c>
      <c r="F59" s="68">
        <v>1</v>
      </c>
      <c r="G59" s="69">
        <v>3</v>
      </c>
      <c r="H59" s="68">
        <v>266</v>
      </c>
      <c r="I59" s="68">
        <v>153</v>
      </c>
      <c r="J59" s="68">
        <v>113</v>
      </c>
      <c r="K59" s="67">
        <v>273</v>
      </c>
      <c r="L59" s="79">
        <v>145</v>
      </c>
      <c r="M59" s="80">
        <v>128</v>
      </c>
    </row>
    <row r="60" spans="1:13" ht="21" customHeight="1">
      <c r="A60" s="36" t="s">
        <v>110</v>
      </c>
      <c r="B60" s="64">
        <v>-88</v>
      </c>
      <c r="C60" s="65">
        <v>-65</v>
      </c>
      <c r="D60" s="65">
        <v>-23</v>
      </c>
      <c r="E60" s="64">
        <v>33</v>
      </c>
      <c r="F60" s="65">
        <v>24</v>
      </c>
      <c r="G60" s="66">
        <v>9</v>
      </c>
      <c r="H60" s="65">
        <v>1025</v>
      </c>
      <c r="I60" s="65">
        <v>580</v>
      </c>
      <c r="J60" s="65">
        <v>445</v>
      </c>
      <c r="K60" s="64">
        <v>1080</v>
      </c>
      <c r="L60" s="77">
        <v>621</v>
      </c>
      <c r="M60" s="78">
        <v>459</v>
      </c>
    </row>
    <row r="61" spans="1:13">
      <c r="A61" s="15" t="s">
        <v>112</v>
      </c>
      <c r="B61" s="67">
        <v>-14</v>
      </c>
      <c r="C61" s="68">
        <v>-11</v>
      </c>
      <c r="D61" s="68">
        <v>-3</v>
      </c>
      <c r="E61" s="67">
        <v>6</v>
      </c>
      <c r="F61" s="68">
        <v>3</v>
      </c>
      <c r="G61" s="69">
        <v>3</v>
      </c>
      <c r="H61" s="68">
        <v>219</v>
      </c>
      <c r="I61" s="68">
        <v>124</v>
      </c>
      <c r="J61" s="68">
        <v>95</v>
      </c>
      <c r="K61" s="67">
        <v>227</v>
      </c>
      <c r="L61" s="79">
        <v>132</v>
      </c>
      <c r="M61" s="80">
        <v>95</v>
      </c>
    </row>
    <row r="62" spans="1:13">
      <c r="A62" s="15" t="s">
        <v>114</v>
      </c>
      <c r="B62" s="67">
        <v>-31</v>
      </c>
      <c r="C62" s="68">
        <v>-10</v>
      </c>
      <c r="D62" s="68">
        <v>-21</v>
      </c>
      <c r="E62" s="67">
        <v>3</v>
      </c>
      <c r="F62" s="68">
        <v>2</v>
      </c>
      <c r="G62" s="69">
        <v>1</v>
      </c>
      <c r="H62" s="68">
        <v>213</v>
      </c>
      <c r="I62" s="68">
        <v>125</v>
      </c>
      <c r="J62" s="68">
        <v>88</v>
      </c>
      <c r="K62" s="67">
        <v>241</v>
      </c>
      <c r="L62" s="79">
        <v>133</v>
      </c>
      <c r="M62" s="80">
        <v>108</v>
      </c>
    </row>
    <row r="63" spans="1:13">
      <c r="A63" s="15" t="s">
        <v>116</v>
      </c>
      <c r="B63" s="67">
        <v>-21</v>
      </c>
      <c r="C63" s="68">
        <v>-25</v>
      </c>
      <c r="D63" s="68">
        <v>4</v>
      </c>
      <c r="E63" s="67">
        <v>6</v>
      </c>
      <c r="F63" s="68">
        <v>5</v>
      </c>
      <c r="G63" s="69">
        <v>1</v>
      </c>
      <c r="H63" s="68">
        <v>201</v>
      </c>
      <c r="I63" s="68">
        <v>110</v>
      </c>
      <c r="J63" s="68">
        <v>91</v>
      </c>
      <c r="K63" s="67">
        <v>216</v>
      </c>
      <c r="L63" s="79">
        <v>130</v>
      </c>
      <c r="M63" s="80">
        <v>86</v>
      </c>
    </row>
    <row r="64" spans="1:13">
      <c r="A64" s="15" t="s">
        <v>118</v>
      </c>
      <c r="B64" s="67">
        <v>-23</v>
      </c>
      <c r="C64" s="68">
        <v>-14</v>
      </c>
      <c r="D64" s="68">
        <v>-9</v>
      </c>
      <c r="E64" s="67">
        <v>10</v>
      </c>
      <c r="F64" s="68">
        <v>7</v>
      </c>
      <c r="G64" s="69">
        <v>3</v>
      </c>
      <c r="H64" s="68">
        <v>189</v>
      </c>
      <c r="I64" s="68">
        <v>104</v>
      </c>
      <c r="J64" s="68">
        <v>85</v>
      </c>
      <c r="K64" s="67">
        <v>202</v>
      </c>
      <c r="L64" s="79">
        <v>111</v>
      </c>
      <c r="M64" s="80">
        <v>91</v>
      </c>
    </row>
    <row r="65" spans="1:13">
      <c r="A65" s="19" t="s">
        <v>120</v>
      </c>
      <c r="B65" s="70">
        <v>1</v>
      </c>
      <c r="C65" s="71">
        <v>-5</v>
      </c>
      <c r="D65" s="71">
        <v>6</v>
      </c>
      <c r="E65" s="70">
        <v>8</v>
      </c>
      <c r="F65" s="71">
        <v>7</v>
      </c>
      <c r="G65" s="72">
        <v>1</v>
      </c>
      <c r="H65" s="71">
        <v>203</v>
      </c>
      <c r="I65" s="71">
        <v>117</v>
      </c>
      <c r="J65" s="71">
        <v>86</v>
      </c>
      <c r="K65" s="70">
        <v>194</v>
      </c>
      <c r="L65" s="81">
        <v>115</v>
      </c>
      <c r="M65" s="82">
        <v>79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2973</v>
      </c>
      <c r="C69" s="50">
        <v>1510</v>
      </c>
      <c r="D69" s="84">
        <v>1463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57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93</v>
      </c>
      <c r="C75" s="65">
        <v>-80</v>
      </c>
      <c r="D75" s="65">
        <v>-13</v>
      </c>
      <c r="E75" s="64">
        <v>64</v>
      </c>
      <c r="F75" s="65">
        <v>31</v>
      </c>
      <c r="G75" s="66">
        <v>33</v>
      </c>
      <c r="H75" s="65">
        <v>819</v>
      </c>
      <c r="I75" s="65">
        <v>433</v>
      </c>
      <c r="J75" s="65">
        <v>386</v>
      </c>
      <c r="K75" s="64">
        <v>848</v>
      </c>
      <c r="L75" s="77">
        <v>482</v>
      </c>
      <c r="M75" s="78">
        <v>366</v>
      </c>
    </row>
    <row r="76" spans="1:13">
      <c r="A76" s="27" t="s">
        <v>5</v>
      </c>
      <c r="B76" s="67">
        <v>4</v>
      </c>
      <c r="C76" s="68">
        <v>-28</v>
      </c>
      <c r="D76" s="68">
        <v>32</v>
      </c>
      <c r="E76" s="67">
        <v>11</v>
      </c>
      <c r="F76" s="68">
        <v>7</v>
      </c>
      <c r="G76" s="69">
        <v>4</v>
      </c>
      <c r="H76" s="68">
        <v>193</v>
      </c>
      <c r="I76" s="68">
        <v>91</v>
      </c>
      <c r="J76" s="68">
        <v>102</v>
      </c>
      <c r="K76" s="67">
        <v>178</v>
      </c>
      <c r="L76" s="79">
        <v>112</v>
      </c>
      <c r="M76" s="80">
        <v>66</v>
      </c>
    </row>
    <row r="77" spans="1:13">
      <c r="A77" s="27" t="s">
        <v>7</v>
      </c>
      <c r="B77" s="67">
        <v>-30</v>
      </c>
      <c r="C77" s="68">
        <v>-30</v>
      </c>
      <c r="D77" s="68">
        <v>0</v>
      </c>
      <c r="E77" s="67">
        <v>15</v>
      </c>
      <c r="F77" s="68">
        <v>8</v>
      </c>
      <c r="G77" s="69">
        <v>7</v>
      </c>
      <c r="H77" s="68">
        <v>159</v>
      </c>
      <c r="I77" s="68">
        <v>81</v>
      </c>
      <c r="J77" s="68">
        <v>78</v>
      </c>
      <c r="K77" s="67">
        <v>174</v>
      </c>
      <c r="L77" s="79">
        <v>103</v>
      </c>
      <c r="M77" s="80">
        <v>71</v>
      </c>
    </row>
    <row r="78" spans="1:13">
      <c r="A78" s="27" t="s">
        <v>9</v>
      </c>
      <c r="B78" s="67">
        <v>-30</v>
      </c>
      <c r="C78" s="68">
        <v>-5</v>
      </c>
      <c r="D78" s="68">
        <v>-25</v>
      </c>
      <c r="E78" s="67">
        <v>9</v>
      </c>
      <c r="F78" s="68">
        <v>4</v>
      </c>
      <c r="G78" s="69">
        <v>5</v>
      </c>
      <c r="H78" s="68">
        <v>166</v>
      </c>
      <c r="I78" s="68">
        <v>96</v>
      </c>
      <c r="J78" s="68">
        <v>70</v>
      </c>
      <c r="K78" s="67">
        <v>187</v>
      </c>
      <c r="L78" s="79">
        <v>97</v>
      </c>
      <c r="M78" s="80">
        <v>90</v>
      </c>
    </row>
    <row r="79" spans="1:13">
      <c r="A79" s="27" t="s">
        <v>11</v>
      </c>
      <c r="B79" s="67">
        <v>5</v>
      </c>
      <c r="C79" s="68">
        <v>3</v>
      </c>
      <c r="D79" s="68">
        <v>2</v>
      </c>
      <c r="E79" s="67">
        <v>13</v>
      </c>
      <c r="F79" s="68">
        <v>3</v>
      </c>
      <c r="G79" s="69">
        <v>10</v>
      </c>
      <c r="H79" s="68">
        <v>154</v>
      </c>
      <c r="I79" s="68">
        <v>84</v>
      </c>
      <c r="J79" s="68">
        <v>70</v>
      </c>
      <c r="K79" s="67">
        <v>136</v>
      </c>
      <c r="L79" s="79">
        <v>78</v>
      </c>
      <c r="M79" s="80">
        <v>58</v>
      </c>
    </row>
    <row r="80" spans="1:13">
      <c r="A80" s="27" t="s">
        <v>13</v>
      </c>
      <c r="B80" s="67">
        <v>-42</v>
      </c>
      <c r="C80" s="68">
        <v>-20</v>
      </c>
      <c r="D80" s="68">
        <v>-22</v>
      </c>
      <c r="E80" s="67">
        <v>16</v>
      </c>
      <c r="F80" s="68">
        <v>9</v>
      </c>
      <c r="G80" s="69">
        <v>7</v>
      </c>
      <c r="H80" s="68">
        <v>147</v>
      </c>
      <c r="I80" s="68">
        <v>81</v>
      </c>
      <c r="J80" s="68">
        <v>66</v>
      </c>
      <c r="K80" s="67">
        <v>173</v>
      </c>
      <c r="L80" s="79">
        <v>92</v>
      </c>
      <c r="M80" s="80">
        <v>81</v>
      </c>
    </row>
    <row r="81" spans="1:13" ht="21" customHeight="1">
      <c r="A81" s="38" t="s">
        <v>15</v>
      </c>
      <c r="B81" s="64">
        <v>-199</v>
      </c>
      <c r="C81" s="65">
        <v>-119</v>
      </c>
      <c r="D81" s="65">
        <v>-80</v>
      </c>
      <c r="E81" s="64">
        <v>83</v>
      </c>
      <c r="F81" s="65">
        <v>59</v>
      </c>
      <c r="G81" s="66">
        <v>24</v>
      </c>
      <c r="H81" s="65">
        <v>573</v>
      </c>
      <c r="I81" s="65">
        <v>322</v>
      </c>
      <c r="J81" s="65">
        <v>251</v>
      </c>
      <c r="K81" s="64">
        <v>689</v>
      </c>
      <c r="L81" s="77">
        <v>382</v>
      </c>
      <c r="M81" s="78">
        <v>307</v>
      </c>
    </row>
    <row r="82" spans="1:13">
      <c r="A82" s="27" t="s">
        <v>17</v>
      </c>
      <c r="B82" s="67">
        <v>-25</v>
      </c>
      <c r="C82" s="68">
        <v>-26</v>
      </c>
      <c r="D82" s="68">
        <v>1</v>
      </c>
      <c r="E82" s="67">
        <v>21</v>
      </c>
      <c r="F82" s="68">
        <v>14</v>
      </c>
      <c r="G82" s="69">
        <v>7</v>
      </c>
      <c r="H82" s="68">
        <v>162</v>
      </c>
      <c r="I82" s="68">
        <v>84</v>
      </c>
      <c r="J82" s="68">
        <v>78</v>
      </c>
      <c r="K82" s="67">
        <v>166</v>
      </c>
      <c r="L82" s="79">
        <v>96</v>
      </c>
      <c r="M82" s="80">
        <v>70</v>
      </c>
    </row>
    <row r="83" spans="1:13">
      <c r="A83" s="27" t="s">
        <v>19</v>
      </c>
      <c r="B83" s="67">
        <v>-32</v>
      </c>
      <c r="C83" s="68">
        <v>-21</v>
      </c>
      <c r="D83" s="68">
        <v>-11</v>
      </c>
      <c r="E83" s="67">
        <v>11</v>
      </c>
      <c r="F83" s="68">
        <v>9</v>
      </c>
      <c r="G83" s="69">
        <v>2</v>
      </c>
      <c r="H83" s="68">
        <v>108</v>
      </c>
      <c r="I83" s="68">
        <v>56</v>
      </c>
      <c r="J83" s="68">
        <v>52</v>
      </c>
      <c r="K83" s="67">
        <v>129</v>
      </c>
      <c r="L83" s="79">
        <v>68</v>
      </c>
      <c r="M83" s="80">
        <v>61</v>
      </c>
    </row>
    <row r="84" spans="1:13">
      <c r="A84" s="27" t="s">
        <v>21</v>
      </c>
      <c r="B84" s="67">
        <v>-67</v>
      </c>
      <c r="C84" s="68">
        <v>-37</v>
      </c>
      <c r="D84" s="68">
        <v>-30</v>
      </c>
      <c r="E84" s="67">
        <v>20</v>
      </c>
      <c r="F84" s="68">
        <v>13</v>
      </c>
      <c r="G84" s="69">
        <v>7</v>
      </c>
      <c r="H84" s="68">
        <v>106</v>
      </c>
      <c r="I84" s="68">
        <v>66</v>
      </c>
      <c r="J84" s="68">
        <v>40</v>
      </c>
      <c r="K84" s="67">
        <v>153</v>
      </c>
      <c r="L84" s="79">
        <v>90</v>
      </c>
      <c r="M84" s="80">
        <v>63</v>
      </c>
    </row>
    <row r="85" spans="1:13">
      <c r="A85" s="27" t="s">
        <v>23</v>
      </c>
      <c r="B85" s="67">
        <v>-37</v>
      </c>
      <c r="C85" s="68">
        <v>-16</v>
      </c>
      <c r="D85" s="68">
        <v>-21</v>
      </c>
      <c r="E85" s="67">
        <v>15</v>
      </c>
      <c r="F85" s="68">
        <v>10</v>
      </c>
      <c r="G85" s="69">
        <v>5</v>
      </c>
      <c r="H85" s="68">
        <v>104</v>
      </c>
      <c r="I85" s="68">
        <v>58</v>
      </c>
      <c r="J85" s="68">
        <v>46</v>
      </c>
      <c r="K85" s="67">
        <v>126</v>
      </c>
      <c r="L85" s="79">
        <v>64</v>
      </c>
      <c r="M85" s="80">
        <v>62</v>
      </c>
    </row>
    <row r="86" spans="1:13">
      <c r="A86" s="27" t="s">
        <v>25</v>
      </c>
      <c r="B86" s="67">
        <v>-38</v>
      </c>
      <c r="C86" s="68">
        <v>-19</v>
      </c>
      <c r="D86" s="68">
        <v>-19</v>
      </c>
      <c r="E86" s="67">
        <v>16</v>
      </c>
      <c r="F86" s="68">
        <v>13</v>
      </c>
      <c r="G86" s="69">
        <v>3</v>
      </c>
      <c r="H86" s="68">
        <v>93</v>
      </c>
      <c r="I86" s="68">
        <v>58</v>
      </c>
      <c r="J86" s="68">
        <v>35</v>
      </c>
      <c r="K86" s="67">
        <v>115</v>
      </c>
      <c r="L86" s="79">
        <v>64</v>
      </c>
      <c r="M86" s="80">
        <v>51</v>
      </c>
    </row>
    <row r="87" spans="1:13" ht="21" customHeight="1">
      <c r="A87" s="38" t="s">
        <v>27</v>
      </c>
      <c r="B87" s="64">
        <v>-216</v>
      </c>
      <c r="C87" s="65">
        <v>-158</v>
      </c>
      <c r="D87" s="65">
        <v>-58</v>
      </c>
      <c r="E87" s="64">
        <v>87</v>
      </c>
      <c r="F87" s="65">
        <v>58</v>
      </c>
      <c r="G87" s="66">
        <v>29</v>
      </c>
      <c r="H87" s="65">
        <v>378</v>
      </c>
      <c r="I87" s="65">
        <v>202</v>
      </c>
      <c r="J87" s="65">
        <v>176</v>
      </c>
      <c r="K87" s="64">
        <v>507</v>
      </c>
      <c r="L87" s="77">
        <v>302</v>
      </c>
      <c r="M87" s="78">
        <v>205</v>
      </c>
    </row>
    <row r="88" spans="1:13">
      <c r="A88" s="27" t="s">
        <v>29</v>
      </c>
      <c r="B88" s="67">
        <v>-51</v>
      </c>
      <c r="C88" s="68">
        <v>-37</v>
      </c>
      <c r="D88" s="68">
        <v>-14</v>
      </c>
      <c r="E88" s="67">
        <v>12</v>
      </c>
      <c r="F88" s="68">
        <v>9</v>
      </c>
      <c r="G88" s="69">
        <v>3</v>
      </c>
      <c r="H88" s="68">
        <v>84</v>
      </c>
      <c r="I88" s="68">
        <v>46</v>
      </c>
      <c r="J88" s="68">
        <v>38</v>
      </c>
      <c r="K88" s="67">
        <v>123</v>
      </c>
      <c r="L88" s="79">
        <v>74</v>
      </c>
      <c r="M88" s="80">
        <v>49</v>
      </c>
    </row>
    <row r="89" spans="1:13">
      <c r="A89" s="27" t="s">
        <v>31</v>
      </c>
      <c r="B89" s="67">
        <v>-22</v>
      </c>
      <c r="C89" s="68">
        <v>-20</v>
      </c>
      <c r="D89" s="68">
        <v>-2</v>
      </c>
      <c r="E89" s="67">
        <v>11</v>
      </c>
      <c r="F89" s="68">
        <v>6</v>
      </c>
      <c r="G89" s="69">
        <v>5</v>
      </c>
      <c r="H89" s="68">
        <v>101</v>
      </c>
      <c r="I89" s="68">
        <v>55</v>
      </c>
      <c r="J89" s="68">
        <v>46</v>
      </c>
      <c r="K89" s="67">
        <v>112</v>
      </c>
      <c r="L89" s="79">
        <v>69</v>
      </c>
      <c r="M89" s="80">
        <v>43</v>
      </c>
    </row>
    <row r="90" spans="1:13">
      <c r="A90" s="27" t="s">
        <v>33</v>
      </c>
      <c r="B90" s="67">
        <v>-50</v>
      </c>
      <c r="C90" s="68">
        <v>-29</v>
      </c>
      <c r="D90" s="68">
        <v>-21</v>
      </c>
      <c r="E90" s="67">
        <v>18</v>
      </c>
      <c r="F90" s="68">
        <v>10</v>
      </c>
      <c r="G90" s="69">
        <v>8</v>
      </c>
      <c r="H90" s="68">
        <v>81</v>
      </c>
      <c r="I90" s="68">
        <v>46</v>
      </c>
      <c r="J90" s="68">
        <v>35</v>
      </c>
      <c r="K90" s="67">
        <v>113</v>
      </c>
      <c r="L90" s="79">
        <v>65</v>
      </c>
      <c r="M90" s="80">
        <v>48</v>
      </c>
    </row>
    <row r="91" spans="1:13">
      <c r="A91" s="27" t="s">
        <v>35</v>
      </c>
      <c r="B91" s="67">
        <v>-50</v>
      </c>
      <c r="C91" s="68">
        <v>-30</v>
      </c>
      <c r="D91" s="68">
        <v>-20</v>
      </c>
      <c r="E91" s="67">
        <v>19</v>
      </c>
      <c r="F91" s="68">
        <v>12</v>
      </c>
      <c r="G91" s="69">
        <v>7</v>
      </c>
      <c r="H91" s="68">
        <v>55</v>
      </c>
      <c r="I91" s="68">
        <v>28</v>
      </c>
      <c r="J91" s="68">
        <v>27</v>
      </c>
      <c r="K91" s="67">
        <v>86</v>
      </c>
      <c r="L91" s="79">
        <v>46</v>
      </c>
      <c r="M91" s="80">
        <v>40</v>
      </c>
    </row>
    <row r="92" spans="1:13">
      <c r="A92" s="27" t="s">
        <v>37</v>
      </c>
      <c r="B92" s="67">
        <v>-43</v>
      </c>
      <c r="C92" s="68">
        <v>-42</v>
      </c>
      <c r="D92" s="68">
        <v>-1</v>
      </c>
      <c r="E92" s="67">
        <v>27</v>
      </c>
      <c r="F92" s="68">
        <v>21</v>
      </c>
      <c r="G92" s="69">
        <v>6</v>
      </c>
      <c r="H92" s="68">
        <v>57</v>
      </c>
      <c r="I92" s="68">
        <v>27</v>
      </c>
      <c r="J92" s="68">
        <v>30</v>
      </c>
      <c r="K92" s="67">
        <v>73</v>
      </c>
      <c r="L92" s="79">
        <v>48</v>
      </c>
      <c r="M92" s="80">
        <v>25</v>
      </c>
    </row>
    <row r="93" spans="1:13" ht="21" customHeight="1">
      <c r="A93" s="38" t="s">
        <v>39</v>
      </c>
      <c r="B93" s="64">
        <v>-206</v>
      </c>
      <c r="C93" s="65">
        <v>-141</v>
      </c>
      <c r="D93" s="65">
        <v>-65</v>
      </c>
      <c r="E93" s="64">
        <v>116</v>
      </c>
      <c r="F93" s="65">
        <v>79</v>
      </c>
      <c r="G93" s="66">
        <v>37</v>
      </c>
      <c r="H93" s="65">
        <v>218</v>
      </c>
      <c r="I93" s="65">
        <v>112</v>
      </c>
      <c r="J93" s="65">
        <v>106</v>
      </c>
      <c r="K93" s="64">
        <v>308</v>
      </c>
      <c r="L93" s="77">
        <v>174</v>
      </c>
      <c r="M93" s="78">
        <v>134</v>
      </c>
    </row>
    <row r="94" spans="1:13">
      <c r="A94" s="27" t="s">
        <v>41</v>
      </c>
      <c r="B94" s="67">
        <v>-41</v>
      </c>
      <c r="C94" s="68">
        <v>-26</v>
      </c>
      <c r="D94" s="68">
        <v>-15</v>
      </c>
      <c r="E94" s="67">
        <v>22</v>
      </c>
      <c r="F94" s="68">
        <v>14</v>
      </c>
      <c r="G94" s="69">
        <v>8</v>
      </c>
      <c r="H94" s="68">
        <v>56</v>
      </c>
      <c r="I94" s="68">
        <v>33</v>
      </c>
      <c r="J94" s="68">
        <v>23</v>
      </c>
      <c r="K94" s="67">
        <v>75</v>
      </c>
      <c r="L94" s="79">
        <v>45</v>
      </c>
      <c r="M94" s="80">
        <v>30</v>
      </c>
    </row>
    <row r="95" spans="1:13">
      <c r="A95" s="27" t="s">
        <v>43</v>
      </c>
      <c r="B95" s="67">
        <v>-32</v>
      </c>
      <c r="C95" s="68">
        <v>-20</v>
      </c>
      <c r="D95" s="68">
        <v>-12</v>
      </c>
      <c r="E95" s="67">
        <v>15</v>
      </c>
      <c r="F95" s="68">
        <v>13</v>
      </c>
      <c r="G95" s="69">
        <v>2</v>
      </c>
      <c r="H95" s="68">
        <v>49</v>
      </c>
      <c r="I95" s="68">
        <v>28</v>
      </c>
      <c r="J95" s="68">
        <v>21</v>
      </c>
      <c r="K95" s="67">
        <v>66</v>
      </c>
      <c r="L95" s="79">
        <v>35</v>
      </c>
      <c r="M95" s="80">
        <v>31</v>
      </c>
    </row>
    <row r="96" spans="1:13">
      <c r="A96" s="27" t="s">
        <v>45</v>
      </c>
      <c r="B96" s="67">
        <v>-41</v>
      </c>
      <c r="C96" s="68">
        <v>-32</v>
      </c>
      <c r="D96" s="68">
        <v>-9</v>
      </c>
      <c r="E96" s="67">
        <v>20</v>
      </c>
      <c r="F96" s="68">
        <v>15</v>
      </c>
      <c r="G96" s="69">
        <v>5</v>
      </c>
      <c r="H96" s="68">
        <v>45</v>
      </c>
      <c r="I96" s="68">
        <v>20</v>
      </c>
      <c r="J96" s="68">
        <v>25</v>
      </c>
      <c r="K96" s="67">
        <v>66</v>
      </c>
      <c r="L96" s="79">
        <v>37</v>
      </c>
      <c r="M96" s="80">
        <v>29</v>
      </c>
    </row>
    <row r="97" spans="1:13">
      <c r="A97" s="27" t="s">
        <v>47</v>
      </c>
      <c r="B97" s="67">
        <v>-34</v>
      </c>
      <c r="C97" s="68">
        <v>-26</v>
      </c>
      <c r="D97" s="68">
        <v>-8</v>
      </c>
      <c r="E97" s="67">
        <v>26</v>
      </c>
      <c r="F97" s="68">
        <v>15</v>
      </c>
      <c r="G97" s="69">
        <v>11</v>
      </c>
      <c r="H97" s="68">
        <v>36</v>
      </c>
      <c r="I97" s="68">
        <v>18</v>
      </c>
      <c r="J97" s="68">
        <v>18</v>
      </c>
      <c r="K97" s="67">
        <v>44</v>
      </c>
      <c r="L97" s="79">
        <v>29</v>
      </c>
      <c r="M97" s="80">
        <v>15</v>
      </c>
    </row>
    <row r="98" spans="1:13">
      <c r="A98" s="27" t="s">
        <v>49</v>
      </c>
      <c r="B98" s="67">
        <v>-58</v>
      </c>
      <c r="C98" s="68">
        <v>-37</v>
      </c>
      <c r="D98" s="68">
        <v>-21</v>
      </c>
      <c r="E98" s="67">
        <v>33</v>
      </c>
      <c r="F98" s="68">
        <v>22</v>
      </c>
      <c r="G98" s="69">
        <v>11</v>
      </c>
      <c r="H98" s="68">
        <v>32</v>
      </c>
      <c r="I98" s="68">
        <v>13</v>
      </c>
      <c r="J98" s="68">
        <v>19</v>
      </c>
      <c r="K98" s="67">
        <v>57</v>
      </c>
      <c r="L98" s="79">
        <v>28</v>
      </c>
      <c r="M98" s="80">
        <v>29</v>
      </c>
    </row>
    <row r="99" spans="1:13" ht="21" customHeight="1">
      <c r="A99" s="38" t="s">
        <v>51</v>
      </c>
      <c r="B99" s="64">
        <v>-302</v>
      </c>
      <c r="C99" s="65">
        <v>-211</v>
      </c>
      <c r="D99" s="65">
        <v>-91</v>
      </c>
      <c r="E99" s="64">
        <v>224</v>
      </c>
      <c r="F99" s="65">
        <v>151</v>
      </c>
      <c r="G99" s="66">
        <v>73</v>
      </c>
      <c r="H99" s="65">
        <v>164</v>
      </c>
      <c r="I99" s="65">
        <v>65</v>
      </c>
      <c r="J99" s="65">
        <v>99</v>
      </c>
      <c r="K99" s="64">
        <v>242</v>
      </c>
      <c r="L99" s="77">
        <v>125</v>
      </c>
      <c r="M99" s="78">
        <v>117</v>
      </c>
    </row>
    <row r="100" spans="1:13">
      <c r="A100" s="27" t="s">
        <v>53</v>
      </c>
      <c r="B100" s="67">
        <v>-41</v>
      </c>
      <c r="C100" s="68">
        <v>-32</v>
      </c>
      <c r="D100" s="68">
        <v>-9</v>
      </c>
      <c r="E100" s="67">
        <v>28</v>
      </c>
      <c r="F100" s="68">
        <v>24</v>
      </c>
      <c r="G100" s="69">
        <v>4</v>
      </c>
      <c r="H100" s="68">
        <v>34</v>
      </c>
      <c r="I100" s="68">
        <v>15</v>
      </c>
      <c r="J100" s="68">
        <v>19</v>
      </c>
      <c r="K100" s="67">
        <v>47</v>
      </c>
      <c r="L100" s="79">
        <v>23</v>
      </c>
      <c r="M100" s="80">
        <v>24</v>
      </c>
    </row>
    <row r="101" spans="1:13">
      <c r="A101" s="27" t="s">
        <v>55</v>
      </c>
      <c r="B101" s="67">
        <v>-58</v>
      </c>
      <c r="C101" s="68">
        <v>-41</v>
      </c>
      <c r="D101" s="68">
        <v>-17</v>
      </c>
      <c r="E101" s="67">
        <v>37</v>
      </c>
      <c r="F101" s="68">
        <v>25</v>
      </c>
      <c r="G101" s="69">
        <v>12</v>
      </c>
      <c r="H101" s="68">
        <v>25</v>
      </c>
      <c r="I101" s="68">
        <v>12</v>
      </c>
      <c r="J101" s="68">
        <v>13</v>
      </c>
      <c r="K101" s="67">
        <v>46</v>
      </c>
      <c r="L101" s="79">
        <v>28</v>
      </c>
      <c r="M101" s="80">
        <v>18</v>
      </c>
    </row>
    <row r="102" spans="1:13">
      <c r="A102" s="27" t="s">
        <v>57</v>
      </c>
      <c r="B102" s="67">
        <v>-57</v>
      </c>
      <c r="C102" s="68">
        <v>-45</v>
      </c>
      <c r="D102" s="68">
        <v>-12</v>
      </c>
      <c r="E102" s="67">
        <v>42</v>
      </c>
      <c r="F102" s="68">
        <v>26</v>
      </c>
      <c r="G102" s="69">
        <v>16</v>
      </c>
      <c r="H102" s="68">
        <v>36</v>
      </c>
      <c r="I102" s="68">
        <v>10</v>
      </c>
      <c r="J102" s="68">
        <v>26</v>
      </c>
      <c r="K102" s="67">
        <v>51</v>
      </c>
      <c r="L102" s="79">
        <v>29</v>
      </c>
      <c r="M102" s="80">
        <v>22</v>
      </c>
    </row>
    <row r="103" spans="1:13">
      <c r="A103" s="27" t="s">
        <v>59</v>
      </c>
      <c r="B103" s="67">
        <v>-76</v>
      </c>
      <c r="C103" s="68">
        <v>-46</v>
      </c>
      <c r="D103" s="68">
        <v>-30</v>
      </c>
      <c r="E103" s="67">
        <v>50</v>
      </c>
      <c r="F103" s="68">
        <v>31</v>
      </c>
      <c r="G103" s="69">
        <v>19</v>
      </c>
      <c r="H103" s="68">
        <v>27</v>
      </c>
      <c r="I103" s="68">
        <v>11</v>
      </c>
      <c r="J103" s="68">
        <v>16</v>
      </c>
      <c r="K103" s="67">
        <v>53</v>
      </c>
      <c r="L103" s="79">
        <v>26</v>
      </c>
      <c r="M103" s="80">
        <v>27</v>
      </c>
    </row>
    <row r="104" spans="1:13">
      <c r="A104" s="27" t="s">
        <v>61</v>
      </c>
      <c r="B104" s="67">
        <v>-70</v>
      </c>
      <c r="C104" s="68">
        <v>-47</v>
      </c>
      <c r="D104" s="68">
        <v>-23</v>
      </c>
      <c r="E104" s="67">
        <v>67</v>
      </c>
      <c r="F104" s="68">
        <v>45</v>
      </c>
      <c r="G104" s="69">
        <v>22</v>
      </c>
      <c r="H104" s="68">
        <v>42</v>
      </c>
      <c r="I104" s="68">
        <v>17</v>
      </c>
      <c r="J104" s="68">
        <v>25</v>
      </c>
      <c r="K104" s="67">
        <v>45</v>
      </c>
      <c r="L104" s="79">
        <v>19</v>
      </c>
      <c r="M104" s="80">
        <v>26</v>
      </c>
    </row>
    <row r="105" spans="1:13" ht="21" customHeight="1">
      <c r="A105" s="38" t="s">
        <v>63</v>
      </c>
      <c r="B105" s="64">
        <v>-352</v>
      </c>
      <c r="C105" s="65">
        <v>-223</v>
      </c>
      <c r="D105" s="65">
        <v>-129</v>
      </c>
      <c r="E105" s="64">
        <v>340</v>
      </c>
      <c r="F105" s="65">
        <v>229</v>
      </c>
      <c r="G105" s="66">
        <v>111</v>
      </c>
      <c r="H105" s="65">
        <v>177</v>
      </c>
      <c r="I105" s="65">
        <v>89</v>
      </c>
      <c r="J105" s="65">
        <v>88</v>
      </c>
      <c r="K105" s="64">
        <v>189</v>
      </c>
      <c r="L105" s="77">
        <v>83</v>
      </c>
      <c r="M105" s="78">
        <v>106</v>
      </c>
    </row>
    <row r="106" spans="1:13">
      <c r="A106" s="27" t="s">
        <v>65</v>
      </c>
      <c r="B106" s="67">
        <v>-76</v>
      </c>
      <c r="C106" s="68">
        <v>-56</v>
      </c>
      <c r="D106" s="68">
        <v>-20</v>
      </c>
      <c r="E106" s="67">
        <v>74</v>
      </c>
      <c r="F106" s="68">
        <v>57</v>
      </c>
      <c r="G106" s="69">
        <v>17</v>
      </c>
      <c r="H106" s="68">
        <v>48</v>
      </c>
      <c r="I106" s="68">
        <v>24</v>
      </c>
      <c r="J106" s="68">
        <v>24</v>
      </c>
      <c r="K106" s="67">
        <v>50</v>
      </c>
      <c r="L106" s="79">
        <v>23</v>
      </c>
      <c r="M106" s="80">
        <v>27</v>
      </c>
    </row>
    <row r="107" spans="1:13">
      <c r="A107" s="27" t="s">
        <v>67</v>
      </c>
      <c r="B107" s="67">
        <v>-56</v>
      </c>
      <c r="C107" s="68">
        <v>-32</v>
      </c>
      <c r="D107" s="68">
        <v>-24</v>
      </c>
      <c r="E107" s="67">
        <v>55</v>
      </c>
      <c r="F107" s="68">
        <v>36</v>
      </c>
      <c r="G107" s="69">
        <v>19</v>
      </c>
      <c r="H107" s="68">
        <v>31</v>
      </c>
      <c r="I107" s="68">
        <v>15</v>
      </c>
      <c r="J107" s="68">
        <v>16</v>
      </c>
      <c r="K107" s="67">
        <v>32</v>
      </c>
      <c r="L107" s="79">
        <v>11</v>
      </c>
      <c r="M107" s="80">
        <v>21</v>
      </c>
    </row>
    <row r="108" spans="1:13">
      <c r="A108" s="27" t="s">
        <v>69</v>
      </c>
      <c r="B108" s="67">
        <v>-50</v>
      </c>
      <c r="C108" s="68">
        <v>-30</v>
      </c>
      <c r="D108" s="68">
        <v>-20</v>
      </c>
      <c r="E108" s="67">
        <v>50</v>
      </c>
      <c r="F108" s="68">
        <v>29</v>
      </c>
      <c r="G108" s="69">
        <v>21</v>
      </c>
      <c r="H108" s="68">
        <v>36</v>
      </c>
      <c r="I108" s="68">
        <v>18</v>
      </c>
      <c r="J108" s="68">
        <v>18</v>
      </c>
      <c r="K108" s="67">
        <v>36</v>
      </c>
      <c r="L108" s="79">
        <v>19</v>
      </c>
      <c r="M108" s="80">
        <v>17</v>
      </c>
    </row>
    <row r="109" spans="1:13">
      <c r="A109" s="27" t="s">
        <v>71</v>
      </c>
      <c r="B109" s="67">
        <v>-74</v>
      </c>
      <c r="C109" s="68">
        <v>-50</v>
      </c>
      <c r="D109" s="68">
        <v>-24</v>
      </c>
      <c r="E109" s="67">
        <v>77</v>
      </c>
      <c r="F109" s="68">
        <v>52</v>
      </c>
      <c r="G109" s="69">
        <v>25</v>
      </c>
      <c r="H109" s="68">
        <v>31</v>
      </c>
      <c r="I109" s="68">
        <v>18</v>
      </c>
      <c r="J109" s="68">
        <v>13</v>
      </c>
      <c r="K109" s="67">
        <v>28</v>
      </c>
      <c r="L109" s="79">
        <v>16</v>
      </c>
      <c r="M109" s="80">
        <v>12</v>
      </c>
    </row>
    <row r="110" spans="1:13">
      <c r="A110" s="27" t="s">
        <v>73</v>
      </c>
      <c r="B110" s="67">
        <v>-96</v>
      </c>
      <c r="C110" s="68">
        <v>-55</v>
      </c>
      <c r="D110" s="68">
        <v>-41</v>
      </c>
      <c r="E110" s="67">
        <v>84</v>
      </c>
      <c r="F110" s="68">
        <v>55</v>
      </c>
      <c r="G110" s="69">
        <v>29</v>
      </c>
      <c r="H110" s="68">
        <v>31</v>
      </c>
      <c r="I110" s="68">
        <v>14</v>
      </c>
      <c r="J110" s="68">
        <v>17</v>
      </c>
      <c r="K110" s="67">
        <v>43</v>
      </c>
      <c r="L110" s="79">
        <v>14</v>
      </c>
      <c r="M110" s="80">
        <v>29</v>
      </c>
    </row>
    <row r="111" spans="1:13" ht="21" customHeight="1">
      <c r="A111" s="38" t="s">
        <v>75</v>
      </c>
      <c r="B111" s="64">
        <v>-464</v>
      </c>
      <c r="C111" s="65">
        <v>-273</v>
      </c>
      <c r="D111" s="65">
        <v>-191</v>
      </c>
      <c r="E111" s="64">
        <v>438</v>
      </c>
      <c r="F111" s="65">
        <v>254</v>
      </c>
      <c r="G111" s="66">
        <v>184</v>
      </c>
      <c r="H111" s="65">
        <v>153</v>
      </c>
      <c r="I111" s="65">
        <v>46</v>
      </c>
      <c r="J111" s="65">
        <v>107</v>
      </c>
      <c r="K111" s="64">
        <v>179</v>
      </c>
      <c r="L111" s="77">
        <v>65</v>
      </c>
      <c r="M111" s="78">
        <v>114</v>
      </c>
    </row>
    <row r="112" spans="1:13">
      <c r="A112" s="27" t="s">
        <v>77</v>
      </c>
      <c r="B112" s="67">
        <v>-95</v>
      </c>
      <c r="C112" s="68">
        <v>-63</v>
      </c>
      <c r="D112" s="68">
        <v>-32</v>
      </c>
      <c r="E112" s="67">
        <v>92</v>
      </c>
      <c r="F112" s="68">
        <v>53</v>
      </c>
      <c r="G112" s="69">
        <v>39</v>
      </c>
      <c r="H112" s="68">
        <v>31</v>
      </c>
      <c r="I112" s="68">
        <v>8</v>
      </c>
      <c r="J112" s="68">
        <v>23</v>
      </c>
      <c r="K112" s="67">
        <v>34</v>
      </c>
      <c r="L112" s="79">
        <v>18</v>
      </c>
      <c r="M112" s="80">
        <v>16</v>
      </c>
    </row>
    <row r="113" spans="1:13">
      <c r="A113" s="27" t="s">
        <v>79</v>
      </c>
      <c r="B113" s="67">
        <v>-86</v>
      </c>
      <c r="C113" s="68">
        <v>-43</v>
      </c>
      <c r="D113" s="68">
        <v>-43</v>
      </c>
      <c r="E113" s="67">
        <v>80</v>
      </c>
      <c r="F113" s="68">
        <v>47</v>
      </c>
      <c r="G113" s="69">
        <v>33</v>
      </c>
      <c r="H113" s="68">
        <v>34</v>
      </c>
      <c r="I113" s="68">
        <v>13</v>
      </c>
      <c r="J113" s="68">
        <v>21</v>
      </c>
      <c r="K113" s="67">
        <v>40</v>
      </c>
      <c r="L113" s="79">
        <v>9</v>
      </c>
      <c r="M113" s="80">
        <v>31</v>
      </c>
    </row>
    <row r="114" spans="1:13">
      <c r="A114" s="27" t="s">
        <v>81</v>
      </c>
      <c r="B114" s="67">
        <v>-102</v>
      </c>
      <c r="C114" s="68">
        <v>-64</v>
      </c>
      <c r="D114" s="68">
        <v>-38</v>
      </c>
      <c r="E114" s="67">
        <v>103</v>
      </c>
      <c r="F114" s="68">
        <v>63</v>
      </c>
      <c r="G114" s="69">
        <v>40</v>
      </c>
      <c r="H114" s="68">
        <v>35</v>
      </c>
      <c r="I114" s="68">
        <v>11</v>
      </c>
      <c r="J114" s="68">
        <v>24</v>
      </c>
      <c r="K114" s="67">
        <v>34</v>
      </c>
      <c r="L114" s="79">
        <v>12</v>
      </c>
      <c r="M114" s="80">
        <v>22</v>
      </c>
    </row>
    <row r="115" spans="1:13">
      <c r="A115" s="27" t="s">
        <v>83</v>
      </c>
      <c r="B115" s="67">
        <v>-96</v>
      </c>
      <c r="C115" s="68">
        <v>-60</v>
      </c>
      <c r="D115" s="68">
        <v>-36</v>
      </c>
      <c r="E115" s="67">
        <v>91</v>
      </c>
      <c r="F115" s="68">
        <v>58</v>
      </c>
      <c r="G115" s="69">
        <v>33</v>
      </c>
      <c r="H115" s="68">
        <v>29</v>
      </c>
      <c r="I115" s="68">
        <v>11</v>
      </c>
      <c r="J115" s="68">
        <v>18</v>
      </c>
      <c r="K115" s="67">
        <v>34</v>
      </c>
      <c r="L115" s="79">
        <v>13</v>
      </c>
      <c r="M115" s="80">
        <v>21</v>
      </c>
    </row>
    <row r="116" spans="1:13">
      <c r="A116" s="27" t="s">
        <v>85</v>
      </c>
      <c r="B116" s="67">
        <v>-85</v>
      </c>
      <c r="C116" s="68">
        <v>-43</v>
      </c>
      <c r="D116" s="68">
        <v>-42</v>
      </c>
      <c r="E116" s="67">
        <v>72</v>
      </c>
      <c r="F116" s="68">
        <v>33</v>
      </c>
      <c r="G116" s="69">
        <v>39</v>
      </c>
      <c r="H116" s="68">
        <v>24</v>
      </c>
      <c r="I116" s="68">
        <v>3</v>
      </c>
      <c r="J116" s="68">
        <v>21</v>
      </c>
      <c r="K116" s="67">
        <v>37</v>
      </c>
      <c r="L116" s="79">
        <v>13</v>
      </c>
      <c r="M116" s="80">
        <v>24</v>
      </c>
    </row>
    <row r="117" spans="1:13" ht="21" customHeight="1">
      <c r="A117" s="38" t="s">
        <v>87</v>
      </c>
      <c r="B117" s="64">
        <v>-517</v>
      </c>
      <c r="C117" s="65">
        <v>-289</v>
      </c>
      <c r="D117" s="65">
        <v>-228</v>
      </c>
      <c r="E117" s="64">
        <v>550</v>
      </c>
      <c r="F117" s="65">
        <v>295</v>
      </c>
      <c r="G117" s="66">
        <v>255</v>
      </c>
      <c r="H117" s="65">
        <v>159</v>
      </c>
      <c r="I117" s="65">
        <v>46</v>
      </c>
      <c r="J117" s="65">
        <v>113</v>
      </c>
      <c r="K117" s="64">
        <v>126</v>
      </c>
      <c r="L117" s="77">
        <v>40</v>
      </c>
      <c r="M117" s="78">
        <v>86</v>
      </c>
    </row>
    <row r="118" spans="1:13">
      <c r="A118" s="27" t="s">
        <v>89</v>
      </c>
      <c r="B118" s="67">
        <v>-98</v>
      </c>
      <c r="C118" s="68">
        <v>-57</v>
      </c>
      <c r="D118" s="68">
        <v>-41</v>
      </c>
      <c r="E118" s="67">
        <v>98</v>
      </c>
      <c r="F118" s="68">
        <v>54</v>
      </c>
      <c r="G118" s="69">
        <v>44</v>
      </c>
      <c r="H118" s="68">
        <v>31</v>
      </c>
      <c r="I118" s="68">
        <v>8</v>
      </c>
      <c r="J118" s="68">
        <v>23</v>
      </c>
      <c r="K118" s="67">
        <v>31</v>
      </c>
      <c r="L118" s="79">
        <v>11</v>
      </c>
      <c r="M118" s="80">
        <v>20</v>
      </c>
    </row>
    <row r="119" spans="1:13">
      <c r="A119" s="27" t="s">
        <v>91</v>
      </c>
      <c r="B119" s="67">
        <v>-113</v>
      </c>
      <c r="C119" s="68">
        <v>-69</v>
      </c>
      <c r="D119" s="68">
        <v>-44</v>
      </c>
      <c r="E119" s="67">
        <v>118</v>
      </c>
      <c r="F119" s="68">
        <v>69</v>
      </c>
      <c r="G119" s="69">
        <v>49</v>
      </c>
      <c r="H119" s="68">
        <v>33</v>
      </c>
      <c r="I119" s="68">
        <v>8</v>
      </c>
      <c r="J119" s="68">
        <v>25</v>
      </c>
      <c r="K119" s="67">
        <v>28</v>
      </c>
      <c r="L119" s="79">
        <v>8</v>
      </c>
      <c r="M119" s="80">
        <v>20</v>
      </c>
    </row>
    <row r="120" spans="1:13">
      <c r="A120" s="27" t="s">
        <v>93</v>
      </c>
      <c r="B120" s="67">
        <v>-109</v>
      </c>
      <c r="C120" s="68">
        <v>-62</v>
      </c>
      <c r="D120" s="68">
        <v>-47</v>
      </c>
      <c r="E120" s="67">
        <v>121</v>
      </c>
      <c r="F120" s="68">
        <v>66</v>
      </c>
      <c r="G120" s="69">
        <v>55</v>
      </c>
      <c r="H120" s="68">
        <v>37</v>
      </c>
      <c r="I120" s="68">
        <v>10</v>
      </c>
      <c r="J120" s="68">
        <v>27</v>
      </c>
      <c r="K120" s="67">
        <v>25</v>
      </c>
      <c r="L120" s="79">
        <v>6</v>
      </c>
      <c r="M120" s="80">
        <v>19</v>
      </c>
    </row>
    <row r="121" spans="1:13">
      <c r="A121" s="27" t="s">
        <v>95</v>
      </c>
      <c r="B121" s="67">
        <v>-95</v>
      </c>
      <c r="C121" s="68">
        <v>-51</v>
      </c>
      <c r="D121" s="68">
        <v>-44</v>
      </c>
      <c r="E121" s="67">
        <v>101</v>
      </c>
      <c r="F121" s="68">
        <v>50</v>
      </c>
      <c r="G121" s="69">
        <v>51</v>
      </c>
      <c r="H121" s="68">
        <v>27</v>
      </c>
      <c r="I121" s="68">
        <v>7</v>
      </c>
      <c r="J121" s="68">
        <v>20</v>
      </c>
      <c r="K121" s="67">
        <v>21</v>
      </c>
      <c r="L121" s="79">
        <v>8</v>
      </c>
      <c r="M121" s="80">
        <v>13</v>
      </c>
    </row>
    <row r="122" spans="1:13">
      <c r="A122" s="27" t="s">
        <v>97</v>
      </c>
      <c r="B122" s="67">
        <v>-102</v>
      </c>
      <c r="C122" s="68">
        <v>-50</v>
      </c>
      <c r="D122" s="68">
        <v>-52</v>
      </c>
      <c r="E122" s="67">
        <v>112</v>
      </c>
      <c r="F122" s="68">
        <v>56</v>
      </c>
      <c r="G122" s="69">
        <v>56</v>
      </c>
      <c r="H122" s="68">
        <v>31</v>
      </c>
      <c r="I122" s="68">
        <v>13</v>
      </c>
      <c r="J122" s="68">
        <v>18</v>
      </c>
      <c r="K122" s="67">
        <v>21</v>
      </c>
      <c r="L122" s="79">
        <v>7</v>
      </c>
      <c r="M122" s="80">
        <v>14</v>
      </c>
    </row>
    <row r="123" spans="1:13" ht="21" customHeight="1">
      <c r="A123" s="38" t="s">
        <v>99</v>
      </c>
      <c r="B123" s="64">
        <v>-582</v>
      </c>
      <c r="C123" s="65">
        <v>-227</v>
      </c>
      <c r="D123" s="65">
        <v>-355</v>
      </c>
      <c r="E123" s="64">
        <v>565</v>
      </c>
      <c r="F123" s="65">
        <v>219</v>
      </c>
      <c r="G123" s="66">
        <v>346</v>
      </c>
      <c r="H123" s="65">
        <v>82</v>
      </c>
      <c r="I123" s="65">
        <v>14</v>
      </c>
      <c r="J123" s="65">
        <v>68</v>
      </c>
      <c r="K123" s="64">
        <v>99</v>
      </c>
      <c r="L123" s="77">
        <v>22</v>
      </c>
      <c r="M123" s="78">
        <v>77</v>
      </c>
    </row>
    <row r="124" spans="1:13">
      <c r="A124" s="27" t="s">
        <v>101</v>
      </c>
      <c r="B124" s="67">
        <v>-106</v>
      </c>
      <c r="C124" s="68">
        <v>-46</v>
      </c>
      <c r="D124" s="68">
        <v>-60</v>
      </c>
      <c r="E124" s="67">
        <v>105</v>
      </c>
      <c r="F124" s="68">
        <v>45</v>
      </c>
      <c r="G124" s="69">
        <v>60</v>
      </c>
      <c r="H124" s="68">
        <v>23</v>
      </c>
      <c r="I124" s="68">
        <v>6</v>
      </c>
      <c r="J124" s="68">
        <v>17</v>
      </c>
      <c r="K124" s="67">
        <v>24</v>
      </c>
      <c r="L124" s="79">
        <v>7</v>
      </c>
      <c r="M124" s="80">
        <v>17</v>
      </c>
    </row>
    <row r="125" spans="1:13">
      <c r="A125" s="27" t="s">
        <v>103</v>
      </c>
      <c r="B125" s="67">
        <v>-126</v>
      </c>
      <c r="C125" s="68">
        <v>-54</v>
      </c>
      <c r="D125" s="68">
        <v>-72</v>
      </c>
      <c r="E125" s="67">
        <v>113</v>
      </c>
      <c r="F125" s="68">
        <v>53</v>
      </c>
      <c r="G125" s="69">
        <v>60</v>
      </c>
      <c r="H125" s="68">
        <v>16</v>
      </c>
      <c r="I125" s="68">
        <v>2</v>
      </c>
      <c r="J125" s="68">
        <v>14</v>
      </c>
      <c r="K125" s="67">
        <v>29</v>
      </c>
      <c r="L125" s="79">
        <v>3</v>
      </c>
      <c r="M125" s="80">
        <v>26</v>
      </c>
    </row>
    <row r="126" spans="1:13">
      <c r="A126" s="27" t="s">
        <v>105</v>
      </c>
      <c r="B126" s="67">
        <v>-127</v>
      </c>
      <c r="C126" s="68">
        <v>-50</v>
      </c>
      <c r="D126" s="68">
        <v>-77</v>
      </c>
      <c r="E126" s="67">
        <v>125</v>
      </c>
      <c r="F126" s="68">
        <v>46</v>
      </c>
      <c r="G126" s="69">
        <v>79</v>
      </c>
      <c r="H126" s="68">
        <v>19</v>
      </c>
      <c r="I126" s="68">
        <v>3</v>
      </c>
      <c r="J126" s="68">
        <v>16</v>
      </c>
      <c r="K126" s="67">
        <v>21</v>
      </c>
      <c r="L126" s="79">
        <v>7</v>
      </c>
      <c r="M126" s="80">
        <v>14</v>
      </c>
    </row>
    <row r="127" spans="1:13">
      <c r="A127" s="27" t="s">
        <v>107</v>
      </c>
      <c r="B127" s="67">
        <v>-117</v>
      </c>
      <c r="C127" s="68">
        <v>-40</v>
      </c>
      <c r="D127" s="68">
        <v>-77</v>
      </c>
      <c r="E127" s="67">
        <v>117</v>
      </c>
      <c r="F127" s="68">
        <v>40</v>
      </c>
      <c r="G127" s="69">
        <v>77</v>
      </c>
      <c r="H127" s="68">
        <v>9</v>
      </c>
      <c r="I127" s="68">
        <v>1</v>
      </c>
      <c r="J127" s="68">
        <v>8</v>
      </c>
      <c r="K127" s="67">
        <v>9</v>
      </c>
      <c r="L127" s="79">
        <v>1</v>
      </c>
      <c r="M127" s="80">
        <v>8</v>
      </c>
    </row>
    <row r="128" spans="1:13">
      <c r="A128" s="27" t="s">
        <v>109</v>
      </c>
      <c r="B128" s="67">
        <v>-106</v>
      </c>
      <c r="C128" s="68">
        <v>-37</v>
      </c>
      <c r="D128" s="68">
        <v>-69</v>
      </c>
      <c r="E128" s="67">
        <v>105</v>
      </c>
      <c r="F128" s="68">
        <v>35</v>
      </c>
      <c r="G128" s="69">
        <v>70</v>
      </c>
      <c r="H128" s="68">
        <v>15</v>
      </c>
      <c r="I128" s="68">
        <v>2</v>
      </c>
      <c r="J128" s="68">
        <v>13</v>
      </c>
      <c r="K128" s="67">
        <v>16</v>
      </c>
      <c r="L128" s="79">
        <v>4</v>
      </c>
      <c r="M128" s="80">
        <v>12</v>
      </c>
    </row>
    <row r="129" spans="1:14" ht="21" customHeight="1">
      <c r="A129" s="38" t="s">
        <v>111</v>
      </c>
      <c r="B129" s="64">
        <v>-324</v>
      </c>
      <c r="C129" s="65">
        <v>-112</v>
      </c>
      <c r="D129" s="65">
        <v>-212</v>
      </c>
      <c r="E129" s="64">
        <v>330</v>
      </c>
      <c r="F129" s="65">
        <v>115</v>
      </c>
      <c r="G129" s="66">
        <v>215</v>
      </c>
      <c r="H129" s="65">
        <v>30</v>
      </c>
      <c r="I129" s="65">
        <v>8</v>
      </c>
      <c r="J129" s="65">
        <v>22</v>
      </c>
      <c r="K129" s="64">
        <v>24</v>
      </c>
      <c r="L129" s="77">
        <v>5</v>
      </c>
      <c r="M129" s="78">
        <v>19</v>
      </c>
    </row>
    <row r="130" spans="1:14">
      <c r="A130" s="27" t="s">
        <v>113</v>
      </c>
      <c r="B130" s="67">
        <v>-84</v>
      </c>
      <c r="C130" s="68">
        <v>-34</v>
      </c>
      <c r="D130" s="68">
        <v>-50</v>
      </c>
      <c r="E130" s="67">
        <v>87</v>
      </c>
      <c r="F130" s="68">
        <v>37</v>
      </c>
      <c r="G130" s="69">
        <v>50</v>
      </c>
      <c r="H130" s="68">
        <v>13</v>
      </c>
      <c r="I130" s="68">
        <v>5</v>
      </c>
      <c r="J130" s="68">
        <v>8</v>
      </c>
      <c r="K130" s="67">
        <v>10</v>
      </c>
      <c r="L130" s="79">
        <v>2</v>
      </c>
      <c r="M130" s="80">
        <v>8</v>
      </c>
    </row>
    <row r="131" spans="1:14">
      <c r="A131" s="27" t="s">
        <v>115</v>
      </c>
      <c r="B131" s="67">
        <v>-77</v>
      </c>
      <c r="C131" s="68">
        <v>-35</v>
      </c>
      <c r="D131" s="68">
        <v>-42</v>
      </c>
      <c r="E131" s="67">
        <v>80</v>
      </c>
      <c r="F131" s="68">
        <v>36</v>
      </c>
      <c r="G131" s="69">
        <v>44</v>
      </c>
      <c r="H131" s="68">
        <v>4</v>
      </c>
      <c r="I131" s="68">
        <v>1</v>
      </c>
      <c r="J131" s="68">
        <v>3</v>
      </c>
      <c r="K131" s="67">
        <v>1</v>
      </c>
      <c r="L131" s="79">
        <v>0</v>
      </c>
      <c r="M131" s="80">
        <v>1</v>
      </c>
    </row>
    <row r="132" spans="1:14">
      <c r="A132" s="27" t="s">
        <v>117</v>
      </c>
      <c r="B132" s="67">
        <v>-75</v>
      </c>
      <c r="C132" s="68">
        <v>-21</v>
      </c>
      <c r="D132" s="68">
        <v>-54</v>
      </c>
      <c r="E132" s="67">
        <v>74</v>
      </c>
      <c r="F132" s="68">
        <v>21</v>
      </c>
      <c r="G132" s="69">
        <v>53</v>
      </c>
      <c r="H132" s="68">
        <v>5</v>
      </c>
      <c r="I132" s="68">
        <v>0</v>
      </c>
      <c r="J132" s="68">
        <v>5</v>
      </c>
      <c r="K132" s="67">
        <v>6</v>
      </c>
      <c r="L132" s="79">
        <v>0</v>
      </c>
      <c r="M132" s="80">
        <v>6</v>
      </c>
    </row>
    <row r="133" spans="1:14">
      <c r="A133" s="27" t="s">
        <v>119</v>
      </c>
      <c r="B133" s="67">
        <v>-57</v>
      </c>
      <c r="C133" s="68">
        <v>-16</v>
      </c>
      <c r="D133" s="68">
        <v>-41</v>
      </c>
      <c r="E133" s="67">
        <v>56</v>
      </c>
      <c r="F133" s="68">
        <v>15</v>
      </c>
      <c r="G133" s="69">
        <v>41</v>
      </c>
      <c r="H133" s="68">
        <v>4</v>
      </c>
      <c r="I133" s="68">
        <v>1</v>
      </c>
      <c r="J133" s="68">
        <v>3</v>
      </c>
      <c r="K133" s="67">
        <v>5</v>
      </c>
      <c r="L133" s="79">
        <v>2</v>
      </c>
      <c r="M133" s="80">
        <v>3</v>
      </c>
    </row>
    <row r="134" spans="1:14">
      <c r="A134" s="27" t="s">
        <v>121</v>
      </c>
      <c r="B134" s="67">
        <v>-31</v>
      </c>
      <c r="C134" s="68">
        <v>-6</v>
      </c>
      <c r="D134" s="68">
        <v>-25</v>
      </c>
      <c r="E134" s="67">
        <v>33</v>
      </c>
      <c r="F134" s="68">
        <v>6</v>
      </c>
      <c r="G134" s="69">
        <v>27</v>
      </c>
      <c r="H134" s="68">
        <v>4</v>
      </c>
      <c r="I134" s="68">
        <v>1</v>
      </c>
      <c r="J134" s="68">
        <v>3</v>
      </c>
      <c r="K134" s="67">
        <v>2</v>
      </c>
      <c r="L134" s="79">
        <v>1</v>
      </c>
      <c r="M134" s="80">
        <v>1</v>
      </c>
    </row>
    <row r="135" spans="1:14" ht="21" customHeight="1">
      <c r="A135" s="39" t="s">
        <v>122</v>
      </c>
      <c r="B135" s="42">
        <v>-88</v>
      </c>
      <c r="C135" s="40">
        <v>-13</v>
      </c>
      <c r="D135" s="40">
        <v>-75</v>
      </c>
      <c r="E135" s="42">
        <v>87</v>
      </c>
      <c r="F135" s="40">
        <v>13</v>
      </c>
      <c r="G135" s="43">
        <v>74</v>
      </c>
      <c r="H135" s="40">
        <v>2</v>
      </c>
      <c r="I135" s="40">
        <v>1</v>
      </c>
      <c r="J135" s="40">
        <v>1</v>
      </c>
      <c r="K135" s="42">
        <v>3</v>
      </c>
      <c r="L135" s="44">
        <v>1</v>
      </c>
      <c r="M135" s="85">
        <v>2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58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569</v>
      </c>
      <c r="C5" s="62">
        <v>-392</v>
      </c>
      <c r="D5" s="62">
        <v>-177</v>
      </c>
      <c r="E5" s="61">
        <v>2949</v>
      </c>
      <c r="F5" s="62">
        <v>1577</v>
      </c>
      <c r="G5" s="63">
        <v>1372</v>
      </c>
      <c r="H5" s="62">
        <v>12856</v>
      </c>
      <c r="I5" s="62">
        <v>6679</v>
      </c>
      <c r="J5" s="62">
        <v>6177</v>
      </c>
      <c r="K5" s="61">
        <v>12364</v>
      </c>
      <c r="L5" s="75">
        <v>6444</v>
      </c>
      <c r="M5" s="76">
        <v>5920</v>
      </c>
    </row>
    <row r="6" spans="1:13" ht="23.25" customHeight="1">
      <c r="A6" s="36" t="s">
        <v>2</v>
      </c>
      <c r="B6" s="64">
        <v>1889</v>
      </c>
      <c r="C6" s="65">
        <v>968</v>
      </c>
      <c r="D6" s="65">
        <v>921</v>
      </c>
      <c r="E6" s="64">
        <v>3</v>
      </c>
      <c r="F6" s="65">
        <v>3</v>
      </c>
      <c r="G6" s="66">
        <v>0</v>
      </c>
      <c r="H6" s="65">
        <v>744</v>
      </c>
      <c r="I6" s="65">
        <v>395</v>
      </c>
      <c r="J6" s="65">
        <v>349</v>
      </c>
      <c r="K6" s="64">
        <v>740</v>
      </c>
      <c r="L6" s="77">
        <v>374</v>
      </c>
      <c r="M6" s="78">
        <v>366</v>
      </c>
    </row>
    <row r="7" spans="1:13">
      <c r="A7" s="15" t="s">
        <v>4</v>
      </c>
      <c r="B7" s="67">
        <v>1906</v>
      </c>
      <c r="C7" s="68">
        <v>967</v>
      </c>
      <c r="D7" s="68">
        <v>939</v>
      </c>
      <c r="E7" s="67">
        <v>1</v>
      </c>
      <c r="F7" s="68">
        <v>1</v>
      </c>
      <c r="G7" s="69">
        <v>0</v>
      </c>
      <c r="H7" s="68">
        <v>122</v>
      </c>
      <c r="I7" s="68">
        <v>66</v>
      </c>
      <c r="J7" s="68">
        <v>56</v>
      </c>
      <c r="K7" s="67">
        <v>103</v>
      </c>
      <c r="L7" s="79">
        <v>48</v>
      </c>
      <c r="M7" s="80">
        <v>55</v>
      </c>
    </row>
    <row r="8" spans="1:13">
      <c r="A8" s="15" t="s">
        <v>6</v>
      </c>
      <c r="B8" s="67">
        <v>-9</v>
      </c>
      <c r="C8" s="68">
        <v>4</v>
      </c>
      <c r="D8" s="68">
        <v>-13</v>
      </c>
      <c r="E8" s="67">
        <v>1</v>
      </c>
      <c r="F8" s="68">
        <v>1</v>
      </c>
      <c r="G8" s="69">
        <v>0</v>
      </c>
      <c r="H8" s="68">
        <v>195</v>
      </c>
      <c r="I8" s="68">
        <v>110</v>
      </c>
      <c r="J8" s="68">
        <v>85</v>
      </c>
      <c r="K8" s="67">
        <v>203</v>
      </c>
      <c r="L8" s="79">
        <v>105</v>
      </c>
      <c r="M8" s="80">
        <v>98</v>
      </c>
    </row>
    <row r="9" spans="1:13">
      <c r="A9" s="15" t="s">
        <v>8</v>
      </c>
      <c r="B9" s="67">
        <v>19</v>
      </c>
      <c r="C9" s="68">
        <v>-2</v>
      </c>
      <c r="D9" s="68">
        <v>21</v>
      </c>
      <c r="E9" s="67">
        <v>0</v>
      </c>
      <c r="F9" s="68">
        <v>0</v>
      </c>
      <c r="G9" s="69">
        <v>0</v>
      </c>
      <c r="H9" s="68">
        <v>188</v>
      </c>
      <c r="I9" s="68">
        <v>88</v>
      </c>
      <c r="J9" s="68">
        <v>100</v>
      </c>
      <c r="K9" s="67">
        <v>169</v>
      </c>
      <c r="L9" s="79">
        <v>90</v>
      </c>
      <c r="M9" s="80">
        <v>79</v>
      </c>
    </row>
    <row r="10" spans="1:13">
      <c r="A10" s="15" t="s">
        <v>10</v>
      </c>
      <c r="B10" s="67">
        <v>-12</v>
      </c>
      <c r="C10" s="68">
        <v>1</v>
      </c>
      <c r="D10" s="68">
        <v>-13</v>
      </c>
      <c r="E10" s="67">
        <v>1</v>
      </c>
      <c r="F10" s="68">
        <v>1</v>
      </c>
      <c r="G10" s="69">
        <v>0</v>
      </c>
      <c r="H10" s="68">
        <v>130</v>
      </c>
      <c r="I10" s="68">
        <v>68</v>
      </c>
      <c r="J10" s="68">
        <v>62</v>
      </c>
      <c r="K10" s="67">
        <v>141</v>
      </c>
      <c r="L10" s="79">
        <v>66</v>
      </c>
      <c r="M10" s="80">
        <v>75</v>
      </c>
    </row>
    <row r="11" spans="1:13">
      <c r="A11" s="15" t="s">
        <v>12</v>
      </c>
      <c r="B11" s="67">
        <v>-15</v>
      </c>
      <c r="C11" s="68">
        <v>-2</v>
      </c>
      <c r="D11" s="68">
        <v>-13</v>
      </c>
      <c r="E11" s="67">
        <v>0</v>
      </c>
      <c r="F11" s="68">
        <v>0</v>
      </c>
      <c r="G11" s="69">
        <v>0</v>
      </c>
      <c r="H11" s="68">
        <v>109</v>
      </c>
      <c r="I11" s="68">
        <v>63</v>
      </c>
      <c r="J11" s="68">
        <v>46</v>
      </c>
      <c r="K11" s="67">
        <v>124</v>
      </c>
      <c r="L11" s="79">
        <v>65</v>
      </c>
      <c r="M11" s="80">
        <v>59</v>
      </c>
    </row>
    <row r="12" spans="1:13" ht="21" customHeight="1">
      <c r="A12" s="36" t="s">
        <v>14</v>
      </c>
      <c r="B12" s="64">
        <v>3</v>
      </c>
      <c r="C12" s="65">
        <v>-20</v>
      </c>
      <c r="D12" s="65">
        <v>23</v>
      </c>
      <c r="E12" s="64">
        <v>3</v>
      </c>
      <c r="F12" s="65">
        <v>1</v>
      </c>
      <c r="G12" s="66">
        <v>2</v>
      </c>
      <c r="H12" s="65">
        <v>390</v>
      </c>
      <c r="I12" s="65">
        <v>174</v>
      </c>
      <c r="J12" s="65">
        <v>216</v>
      </c>
      <c r="K12" s="64">
        <v>384</v>
      </c>
      <c r="L12" s="77">
        <v>193</v>
      </c>
      <c r="M12" s="78">
        <v>191</v>
      </c>
    </row>
    <row r="13" spans="1:13">
      <c r="A13" s="15" t="s">
        <v>16</v>
      </c>
      <c r="B13" s="67">
        <v>2</v>
      </c>
      <c r="C13" s="68">
        <v>-3</v>
      </c>
      <c r="D13" s="68">
        <v>5</v>
      </c>
      <c r="E13" s="67">
        <v>1</v>
      </c>
      <c r="F13" s="68">
        <v>0</v>
      </c>
      <c r="G13" s="69">
        <v>1</v>
      </c>
      <c r="H13" s="68">
        <v>103</v>
      </c>
      <c r="I13" s="68">
        <v>42</v>
      </c>
      <c r="J13" s="68">
        <v>61</v>
      </c>
      <c r="K13" s="67">
        <v>100</v>
      </c>
      <c r="L13" s="79">
        <v>45</v>
      </c>
      <c r="M13" s="80">
        <v>55</v>
      </c>
    </row>
    <row r="14" spans="1:13">
      <c r="A14" s="15" t="s">
        <v>18</v>
      </c>
      <c r="B14" s="67">
        <v>2</v>
      </c>
      <c r="C14" s="68">
        <v>8</v>
      </c>
      <c r="D14" s="68">
        <v>-6</v>
      </c>
      <c r="E14" s="67">
        <v>1</v>
      </c>
      <c r="F14" s="68">
        <v>0</v>
      </c>
      <c r="G14" s="69">
        <v>1</v>
      </c>
      <c r="H14" s="68">
        <v>95</v>
      </c>
      <c r="I14" s="68">
        <v>48</v>
      </c>
      <c r="J14" s="68">
        <v>47</v>
      </c>
      <c r="K14" s="67">
        <v>92</v>
      </c>
      <c r="L14" s="79">
        <v>40</v>
      </c>
      <c r="M14" s="80">
        <v>52</v>
      </c>
    </row>
    <row r="15" spans="1:13">
      <c r="A15" s="15" t="s">
        <v>20</v>
      </c>
      <c r="B15" s="67">
        <v>7</v>
      </c>
      <c r="C15" s="68">
        <v>-5</v>
      </c>
      <c r="D15" s="68">
        <v>12</v>
      </c>
      <c r="E15" s="67">
        <v>0</v>
      </c>
      <c r="F15" s="68">
        <v>0</v>
      </c>
      <c r="G15" s="69">
        <v>0</v>
      </c>
      <c r="H15" s="68">
        <v>94</v>
      </c>
      <c r="I15" s="68">
        <v>40</v>
      </c>
      <c r="J15" s="68">
        <v>54</v>
      </c>
      <c r="K15" s="67">
        <v>87</v>
      </c>
      <c r="L15" s="79">
        <v>45</v>
      </c>
      <c r="M15" s="80">
        <v>42</v>
      </c>
    </row>
    <row r="16" spans="1:13">
      <c r="A16" s="15" t="s">
        <v>22</v>
      </c>
      <c r="B16" s="67">
        <v>-21</v>
      </c>
      <c r="C16" s="68">
        <v>-20</v>
      </c>
      <c r="D16" s="68">
        <v>-1</v>
      </c>
      <c r="E16" s="67">
        <v>0</v>
      </c>
      <c r="F16" s="68">
        <v>0</v>
      </c>
      <c r="G16" s="69">
        <v>0</v>
      </c>
      <c r="H16" s="68">
        <v>37</v>
      </c>
      <c r="I16" s="68">
        <v>16</v>
      </c>
      <c r="J16" s="68">
        <v>21</v>
      </c>
      <c r="K16" s="67">
        <v>58</v>
      </c>
      <c r="L16" s="79">
        <v>36</v>
      </c>
      <c r="M16" s="80">
        <v>22</v>
      </c>
    </row>
    <row r="17" spans="1:13">
      <c r="A17" s="15" t="s">
        <v>24</v>
      </c>
      <c r="B17" s="67">
        <v>13</v>
      </c>
      <c r="C17" s="68">
        <v>0</v>
      </c>
      <c r="D17" s="68">
        <v>13</v>
      </c>
      <c r="E17" s="67">
        <v>1</v>
      </c>
      <c r="F17" s="68">
        <v>1</v>
      </c>
      <c r="G17" s="69">
        <v>0</v>
      </c>
      <c r="H17" s="68">
        <v>61</v>
      </c>
      <c r="I17" s="68">
        <v>28</v>
      </c>
      <c r="J17" s="68">
        <v>33</v>
      </c>
      <c r="K17" s="67">
        <v>47</v>
      </c>
      <c r="L17" s="79">
        <v>27</v>
      </c>
      <c r="M17" s="80">
        <v>20</v>
      </c>
    </row>
    <row r="18" spans="1:13" ht="21" customHeight="1">
      <c r="A18" s="36" t="s">
        <v>26</v>
      </c>
      <c r="B18" s="64">
        <v>4</v>
      </c>
      <c r="C18" s="65">
        <v>0</v>
      </c>
      <c r="D18" s="65">
        <v>4</v>
      </c>
      <c r="E18" s="64">
        <v>3</v>
      </c>
      <c r="F18" s="65">
        <v>1</v>
      </c>
      <c r="G18" s="66">
        <v>2</v>
      </c>
      <c r="H18" s="65">
        <v>226</v>
      </c>
      <c r="I18" s="65">
        <v>113</v>
      </c>
      <c r="J18" s="65">
        <v>113</v>
      </c>
      <c r="K18" s="64">
        <v>219</v>
      </c>
      <c r="L18" s="77">
        <v>112</v>
      </c>
      <c r="M18" s="78">
        <v>107</v>
      </c>
    </row>
    <row r="19" spans="1:13">
      <c r="A19" s="15" t="s">
        <v>28</v>
      </c>
      <c r="B19" s="67">
        <v>-2</v>
      </c>
      <c r="C19" s="68">
        <v>2</v>
      </c>
      <c r="D19" s="68">
        <v>-4</v>
      </c>
      <c r="E19" s="67">
        <v>1</v>
      </c>
      <c r="F19" s="68">
        <v>0</v>
      </c>
      <c r="G19" s="69">
        <v>1</v>
      </c>
      <c r="H19" s="68">
        <v>53</v>
      </c>
      <c r="I19" s="68">
        <v>30</v>
      </c>
      <c r="J19" s="68">
        <v>23</v>
      </c>
      <c r="K19" s="67">
        <v>54</v>
      </c>
      <c r="L19" s="79">
        <v>28</v>
      </c>
      <c r="M19" s="80">
        <v>26</v>
      </c>
    </row>
    <row r="20" spans="1:13">
      <c r="A20" s="15" t="s">
        <v>30</v>
      </c>
      <c r="B20" s="67">
        <v>-2</v>
      </c>
      <c r="C20" s="68">
        <v>-3</v>
      </c>
      <c r="D20" s="68">
        <v>1</v>
      </c>
      <c r="E20" s="67">
        <v>0</v>
      </c>
      <c r="F20" s="68">
        <v>0</v>
      </c>
      <c r="G20" s="69">
        <v>0</v>
      </c>
      <c r="H20" s="68">
        <v>39</v>
      </c>
      <c r="I20" s="68">
        <v>16</v>
      </c>
      <c r="J20" s="68">
        <v>23</v>
      </c>
      <c r="K20" s="67">
        <v>41</v>
      </c>
      <c r="L20" s="79">
        <v>19</v>
      </c>
      <c r="M20" s="80">
        <v>22</v>
      </c>
    </row>
    <row r="21" spans="1:13">
      <c r="A21" s="15" t="s">
        <v>32</v>
      </c>
      <c r="B21" s="67">
        <v>15</v>
      </c>
      <c r="C21" s="68">
        <v>7</v>
      </c>
      <c r="D21" s="68">
        <v>8</v>
      </c>
      <c r="E21" s="67">
        <v>0</v>
      </c>
      <c r="F21" s="68">
        <v>0</v>
      </c>
      <c r="G21" s="69">
        <v>0</v>
      </c>
      <c r="H21" s="68">
        <v>48</v>
      </c>
      <c r="I21" s="68">
        <v>25</v>
      </c>
      <c r="J21" s="68">
        <v>23</v>
      </c>
      <c r="K21" s="67">
        <v>33</v>
      </c>
      <c r="L21" s="79">
        <v>18</v>
      </c>
      <c r="M21" s="80">
        <v>15</v>
      </c>
    </row>
    <row r="22" spans="1:13">
      <c r="A22" s="15" t="s">
        <v>34</v>
      </c>
      <c r="B22" s="67">
        <v>-13</v>
      </c>
      <c r="C22" s="68">
        <v>-8</v>
      </c>
      <c r="D22" s="68">
        <v>-5</v>
      </c>
      <c r="E22" s="67">
        <v>0</v>
      </c>
      <c r="F22" s="68">
        <v>0</v>
      </c>
      <c r="G22" s="69">
        <v>0</v>
      </c>
      <c r="H22" s="68">
        <v>62</v>
      </c>
      <c r="I22" s="68">
        <v>30</v>
      </c>
      <c r="J22" s="68">
        <v>32</v>
      </c>
      <c r="K22" s="67">
        <v>75</v>
      </c>
      <c r="L22" s="79">
        <v>38</v>
      </c>
      <c r="M22" s="80">
        <v>37</v>
      </c>
    </row>
    <row r="23" spans="1:13">
      <c r="A23" s="15" t="s">
        <v>36</v>
      </c>
      <c r="B23" s="67">
        <v>6</v>
      </c>
      <c r="C23" s="68">
        <v>2</v>
      </c>
      <c r="D23" s="68">
        <v>4</v>
      </c>
      <c r="E23" s="67">
        <v>2</v>
      </c>
      <c r="F23" s="68">
        <v>1</v>
      </c>
      <c r="G23" s="69">
        <v>1</v>
      </c>
      <c r="H23" s="68">
        <v>24</v>
      </c>
      <c r="I23" s="68">
        <v>12</v>
      </c>
      <c r="J23" s="68">
        <v>12</v>
      </c>
      <c r="K23" s="67">
        <v>16</v>
      </c>
      <c r="L23" s="79">
        <v>9</v>
      </c>
      <c r="M23" s="80">
        <v>7</v>
      </c>
    </row>
    <row r="24" spans="1:13" ht="21" customHeight="1">
      <c r="A24" s="36" t="s">
        <v>38</v>
      </c>
      <c r="B24" s="64">
        <v>131</v>
      </c>
      <c r="C24" s="65">
        <v>47</v>
      </c>
      <c r="D24" s="65">
        <v>84</v>
      </c>
      <c r="E24" s="64">
        <v>1</v>
      </c>
      <c r="F24" s="65">
        <v>1</v>
      </c>
      <c r="G24" s="66">
        <v>0</v>
      </c>
      <c r="H24" s="65">
        <v>456</v>
      </c>
      <c r="I24" s="65">
        <v>228</v>
      </c>
      <c r="J24" s="65">
        <v>228</v>
      </c>
      <c r="K24" s="64">
        <v>324</v>
      </c>
      <c r="L24" s="77">
        <v>180</v>
      </c>
      <c r="M24" s="78">
        <v>144</v>
      </c>
    </row>
    <row r="25" spans="1:13">
      <c r="A25" s="15" t="s">
        <v>40</v>
      </c>
      <c r="B25" s="67">
        <v>5</v>
      </c>
      <c r="C25" s="68">
        <v>0</v>
      </c>
      <c r="D25" s="68">
        <v>5</v>
      </c>
      <c r="E25" s="67">
        <v>1</v>
      </c>
      <c r="F25" s="68">
        <v>1</v>
      </c>
      <c r="G25" s="69">
        <v>0</v>
      </c>
      <c r="H25" s="68">
        <v>37</v>
      </c>
      <c r="I25" s="68">
        <v>19</v>
      </c>
      <c r="J25" s="68">
        <v>18</v>
      </c>
      <c r="K25" s="67">
        <v>31</v>
      </c>
      <c r="L25" s="79">
        <v>18</v>
      </c>
      <c r="M25" s="80">
        <v>13</v>
      </c>
    </row>
    <row r="26" spans="1:13">
      <c r="A26" s="15" t="s">
        <v>42</v>
      </c>
      <c r="B26" s="67">
        <v>15</v>
      </c>
      <c r="C26" s="68">
        <v>10</v>
      </c>
      <c r="D26" s="68">
        <v>5</v>
      </c>
      <c r="E26" s="67">
        <v>0</v>
      </c>
      <c r="F26" s="68">
        <v>0</v>
      </c>
      <c r="G26" s="69">
        <v>0</v>
      </c>
      <c r="H26" s="68">
        <v>66</v>
      </c>
      <c r="I26" s="68">
        <v>34</v>
      </c>
      <c r="J26" s="68">
        <v>32</v>
      </c>
      <c r="K26" s="67">
        <v>51</v>
      </c>
      <c r="L26" s="79">
        <v>24</v>
      </c>
      <c r="M26" s="80">
        <v>27</v>
      </c>
    </row>
    <row r="27" spans="1:13">
      <c r="A27" s="15" t="s">
        <v>44</v>
      </c>
      <c r="B27" s="67">
        <v>11</v>
      </c>
      <c r="C27" s="68">
        <v>7</v>
      </c>
      <c r="D27" s="68">
        <v>4</v>
      </c>
      <c r="E27" s="67">
        <v>0</v>
      </c>
      <c r="F27" s="68">
        <v>0</v>
      </c>
      <c r="G27" s="69">
        <v>0</v>
      </c>
      <c r="H27" s="68">
        <v>43</v>
      </c>
      <c r="I27" s="68">
        <v>28</v>
      </c>
      <c r="J27" s="68">
        <v>15</v>
      </c>
      <c r="K27" s="67">
        <v>32</v>
      </c>
      <c r="L27" s="79">
        <v>21</v>
      </c>
      <c r="M27" s="80">
        <v>11</v>
      </c>
    </row>
    <row r="28" spans="1:13">
      <c r="A28" s="15" t="s">
        <v>46</v>
      </c>
      <c r="B28" s="67">
        <v>14</v>
      </c>
      <c r="C28" s="68">
        <v>3</v>
      </c>
      <c r="D28" s="68">
        <v>11</v>
      </c>
      <c r="E28" s="67">
        <v>0</v>
      </c>
      <c r="F28" s="68">
        <v>0</v>
      </c>
      <c r="G28" s="69">
        <v>0</v>
      </c>
      <c r="H28" s="68">
        <v>85</v>
      </c>
      <c r="I28" s="68">
        <v>37</v>
      </c>
      <c r="J28" s="68">
        <v>48</v>
      </c>
      <c r="K28" s="67">
        <v>71</v>
      </c>
      <c r="L28" s="79">
        <v>34</v>
      </c>
      <c r="M28" s="80">
        <v>37</v>
      </c>
    </row>
    <row r="29" spans="1:13">
      <c r="A29" s="15" t="s">
        <v>48</v>
      </c>
      <c r="B29" s="67">
        <v>86</v>
      </c>
      <c r="C29" s="68">
        <v>27</v>
      </c>
      <c r="D29" s="68">
        <v>59</v>
      </c>
      <c r="E29" s="67">
        <v>0</v>
      </c>
      <c r="F29" s="68">
        <v>0</v>
      </c>
      <c r="G29" s="69">
        <v>0</v>
      </c>
      <c r="H29" s="68">
        <v>225</v>
      </c>
      <c r="I29" s="68">
        <v>110</v>
      </c>
      <c r="J29" s="68">
        <v>115</v>
      </c>
      <c r="K29" s="67">
        <v>139</v>
      </c>
      <c r="L29" s="79">
        <v>83</v>
      </c>
      <c r="M29" s="80">
        <v>56</v>
      </c>
    </row>
    <row r="30" spans="1:13" ht="21" customHeight="1">
      <c r="A30" s="36" t="s">
        <v>50</v>
      </c>
      <c r="B30" s="64">
        <v>67</v>
      </c>
      <c r="C30" s="65">
        <v>-7</v>
      </c>
      <c r="D30" s="65">
        <v>74</v>
      </c>
      <c r="E30" s="64">
        <v>4</v>
      </c>
      <c r="F30" s="65">
        <v>3</v>
      </c>
      <c r="G30" s="66">
        <v>1</v>
      </c>
      <c r="H30" s="65">
        <v>1794</v>
      </c>
      <c r="I30" s="65">
        <v>896</v>
      </c>
      <c r="J30" s="65">
        <v>898</v>
      </c>
      <c r="K30" s="64">
        <v>1723</v>
      </c>
      <c r="L30" s="77">
        <v>900</v>
      </c>
      <c r="M30" s="78">
        <v>823</v>
      </c>
    </row>
    <row r="31" spans="1:13">
      <c r="A31" s="15" t="s">
        <v>52</v>
      </c>
      <c r="B31" s="67">
        <v>18</v>
      </c>
      <c r="C31" s="68">
        <v>2</v>
      </c>
      <c r="D31" s="68">
        <v>16</v>
      </c>
      <c r="E31" s="67">
        <v>2</v>
      </c>
      <c r="F31" s="68">
        <v>1</v>
      </c>
      <c r="G31" s="69">
        <v>1</v>
      </c>
      <c r="H31" s="68">
        <v>167</v>
      </c>
      <c r="I31" s="68">
        <v>78</v>
      </c>
      <c r="J31" s="68">
        <v>89</v>
      </c>
      <c r="K31" s="67">
        <v>147</v>
      </c>
      <c r="L31" s="79">
        <v>75</v>
      </c>
      <c r="M31" s="80">
        <v>72</v>
      </c>
    </row>
    <row r="32" spans="1:13">
      <c r="A32" s="15" t="s">
        <v>54</v>
      </c>
      <c r="B32" s="67">
        <v>58</v>
      </c>
      <c r="C32" s="68">
        <v>25</v>
      </c>
      <c r="D32" s="68">
        <v>33</v>
      </c>
      <c r="E32" s="67">
        <v>1</v>
      </c>
      <c r="F32" s="68">
        <v>1</v>
      </c>
      <c r="G32" s="69">
        <v>0</v>
      </c>
      <c r="H32" s="68">
        <v>265</v>
      </c>
      <c r="I32" s="68">
        <v>133</v>
      </c>
      <c r="J32" s="68">
        <v>132</v>
      </c>
      <c r="K32" s="67">
        <v>206</v>
      </c>
      <c r="L32" s="79">
        <v>107</v>
      </c>
      <c r="M32" s="80">
        <v>99</v>
      </c>
    </row>
    <row r="33" spans="1:13">
      <c r="A33" s="15" t="s">
        <v>56</v>
      </c>
      <c r="B33" s="67">
        <v>53</v>
      </c>
      <c r="C33" s="68">
        <v>-3</v>
      </c>
      <c r="D33" s="68">
        <v>56</v>
      </c>
      <c r="E33" s="67">
        <v>0</v>
      </c>
      <c r="F33" s="68">
        <v>0</v>
      </c>
      <c r="G33" s="69">
        <v>0</v>
      </c>
      <c r="H33" s="68">
        <v>359</v>
      </c>
      <c r="I33" s="68">
        <v>156</v>
      </c>
      <c r="J33" s="68">
        <v>203</v>
      </c>
      <c r="K33" s="67">
        <v>306</v>
      </c>
      <c r="L33" s="79">
        <v>159</v>
      </c>
      <c r="M33" s="80">
        <v>147</v>
      </c>
    </row>
    <row r="34" spans="1:13">
      <c r="A34" s="15" t="s">
        <v>58</v>
      </c>
      <c r="B34" s="67">
        <v>-8</v>
      </c>
      <c r="C34" s="68">
        <v>-35</v>
      </c>
      <c r="D34" s="68">
        <v>27</v>
      </c>
      <c r="E34" s="67">
        <v>1</v>
      </c>
      <c r="F34" s="68">
        <v>1</v>
      </c>
      <c r="G34" s="69">
        <v>0</v>
      </c>
      <c r="H34" s="68">
        <v>545</v>
      </c>
      <c r="I34" s="68">
        <v>276</v>
      </c>
      <c r="J34" s="68">
        <v>269</v>
      </c>
      <c r="K34" s="67">
        <v>552</v>
      </c>
      <c r="L34" s="79">
        <v>310</v>
      </c>
      <c r="M34" s="80">
        <v>242</v>
      </c>
    </row>
    <row r="35" spans="1:13">
      <c r="A35" s="15" t="s">
        <v>60</v>
      </c>
      <c r="B35" s="67">
        <v>-54</v>
      </c>
      <c r="C35" s="68">
        <v>4</v>
      </c>
      <c r="D35" s="68">
        <v>-58</v>
      </c>
      <c r="E35" s="67">
        <v>0</v>
      </c>
      <c r="F35" s="68">
        <v>0</v>
      </c>
      <c r="G35" s="69">
        <v>0</v>
      </c>
      <c r="H35" s="68">
        <v>458</v>
      </c>
      <c r="I35" s="68">
        <v>253</v>
      </c>
      <c r="J35" s="68">
        <v>205</v>
      </c>
      <c r="K35" s="67">
        <v>512</v>
      </c>
      <c r="L35" s="79">
        <v>249</v>
      </c>
      <c r="M35" s="80">
        <v>263</v>
      </c>
    </row>
    <row r="36" spans="1:13" ht="21" customHeight="1">
      <c r="A36" s="36" t="s">
        <v>62</v>
      </c>
      <c r="B36" s="64">
        <v>-80</v>
      </c>
      <c r="C36" s="65">
        <v>51</v>
      </c>
      <c r="D36" s="65">
        <v>-131</v>
      </c>
      <c r="E36" s="64">
        <v>8</v>
      </c>
      <c r="F36" s="65">
        <v>7</v>
      </c>
      <c r="G36" s="66">
        <v>1</v>
      </c>
      <c r="H36" s="65">
        <v>2607</v>
      </c>
      <c r="I36" s="65">
        <v>1403</v>
      </c>
      <c r="J36" s="65">
        <v>1204</v>
      </c>
      <c r="K36" s="64">
        <v>2679</v>
      </c>
      <c r="L36" s="77">
        <v>1345</v>
      </c>
      <c r="M36" s="78">
        <v>1334</v>
      </c>
    </row>
    <row r="37" spans="1:13">
      <c r="A37" s="15" t="s">
        <v>64</v>
      </c>
      <c r="B37" s="67">
        <v>-32</v>
      </c>
      <c r="C37" s="68">
        <v>12</v>
      </c>
      <c r="D37" s="68">
        <v>-44</v>
      </c>
      <c r="E37" s="67">
        <v>1</v>
      </c>
      <c r="F37" s="68">
        <v>1</v>
      </c>
      <c r="G37" s="69">
        <v>0</v>
      </c>
      <c r="H37" s="68">
        <v>581</v>
      </c>
      <c r="I37" s="68">
        <v>321</v>
      </c>
      <c r="J37" s="68">
        <v>260</v>
      </c>
      <c r="K37" s="67">
        <v>612</v>
      </c>
      <c r="L37" s="79">
        <v>308</v>
      </c>
      <c r="M37" s="80">
        <v>304</v>
      </c>
    </row>
    <row r="38" spans="1:13">
      <c r="A38" s="15" t="s">
        <v>66</v>
      </c>
      <c r="B38" s="67">
        <v>-48</v>
      </c>
      <c r="C38" s="68">
        <v>2</v>
      </c>
      <c r="D38" s="68">
        <v>-50</v>
      </c>
      <c r="E38" s="67">
        <v>1</v>
      </c>
      <c r="F38" s="68">
        <v>0</v>
      </c>
      <c r="G38" s="69">
        <v>1</v>
      </c>
      <c r="H38" s="68">
        <v>522</v>
      </c>
      <c r="I38" s="68">
        <v>285</v>
      </c>
      <c r="J38" s="68">
        <v>237</v>
      </c>
      <c r="K38" s="67">
        <v>569</v>
      </c>
      <c r="L38" s="79">
        <v>283</v>
      </c>
      <c r="M38" s="80">
        <v>286</v>
      </c>
    </row>
    <row r="39" spans="1:13">
      <c r="A39" s="15" t="s">
        <v>68</v>
      </c>
      <c r="B39" s="67">
        <v>27</v>
      </c>
      <c r="C39" s="68">
        <v>31</v>
      </c>
      <c r="D39" s="68">
        <v>-4</v>
      </c>
      <c r="E39" s="67">
        <v>4</v>
      </c>
      <c r="F39" s="68">
        <v>4</v>
      </c>
      <c r="G39" s="69">
        <v>0</v>
      </c>
      <c r="H39" s="68">
        <v>526</v>
      </c>
      <c r="I39" s="68">
        <v>289</v>
      </c>
      <c r="J39" s="68">
        <v>237</v>
      </c>
      <c r="K39" s="67">
        <v>495</v>
      </c>
      <c r="L39" s="79">
        <v>254</v>
      </c>
      <c r="M39" s="80">
        <v>241</v>
      </c>
    </row>
    <row r="40" spans="1:13">
      <c r="A40" s="15" t="s">
        <v>70</v>
      </c>
      <c r="B40" s="67">
        <v>-24</v>
      </c>
      <c r="C40" s="68">
        <v>6</v>
      </c>
      <c r="D40" s="68">
        <v>-30</v>
      </c>
      <c r="E40" s="67">
        <v>1</v>
      </c>
      <c r="F40" s="68">
        <v>1</v>
      </c>
      <c r="G40" s="69">
        <v>0</v>
      </c>
      <c r="H40" s="68">
        <v>523</v>
      </c>
      <c r="I40" s="68">
        <v>267</v>
      </c>
      <c r="J40" s="68">
        <v>256</v>
      </c>
      <c r="K40" s="67">
        <v>546</v>
      </c>
      <c r="L40" s="79">
        <v>260</v>
      </c>
      <c r="M40" s="80">
        <v>286</v>
      </c>
    </row>
    <row r="41" spans="1:13">
      <c r="A41" s="15" t="s">
        <v>72</v>
      </c>
      <c r="B41" s="67">
        <v>-3</v>
      </c>
      <c r="C41" s="68">
        <v>0</v>
      </c>
      <c r="D41" s="68">
        <v>-3</v>
      </c>
      <c r="E41" s="67">
        <v>1</v>
      </c>
      <c r="F41" s="68">
        <v>1</v>
      </c>
      <c r="G41" s="69">
        <v>0</v>
      </c>
      <c r="H41" s="68">
        <v>455</v>
      </c>
      <c r="I41" s="68">
        <v>241</v>
      </c>
      <c r="J41" s="68">
        <v>214</v>
      </c>
      <c r="K41" s="67">
        <v>457</v>
      </c>
      <c r="L41" s="79">
        <v>240</v>
      </c>
      <c r="M41" s="80">
        <v>217</v>
      </c>
    </row>
    <row r="42" spans="1:13" ht="21" customHeight="1">
      <c r="A42" s="36" t="s">
        <v>74</v>
      </c>
      <c r="B42" s="64">
        <v>160</v>
      </c>
      <c r="C42" s="65">
        <v>64</v>
      </c>
      <c r="D42" s="65">
        <v>96</v>
      </c>
      <c r="E42" s="64">
        <v>3</v>
      </c>
      <c r="F42" s="65">
        <v>2</v>
      </c>
      <c r="G42" s="66">
        <v>1</v>
      </c>
      <c r="H42" s="65">
        <v>1900</v>
      </c>
      <c r="I42" s="65">
        <v>997</v>
      </c>
      <c r="J42" s="65">
        <v>903</v>
      </c>
      <c r="K42" s="64">
        <v>1737</v>
      </c>
      <c r="L42" s="77">
        <v>931</v>
      </c>
      <c r="M42" s="78">
        <v>806</v>
      </c>
    </row>
    <row r="43" spans="1:13">
      <c r="A43" s="15" t="s">
        <v>76</v>
      </c>
      <c r="B43" s="67">
        <v>47</v>
      </c>
      <c r="C43" s="68">
        <v>27</v>
      </c>
      <c r="D43" s="68">
        <v>20</v>
      </c>
      <c r="E43" s="67">
        <v>0</v>
      </c>
      <c r="F43" s="68">
        <v>0</v>
      </c>
      <c r="G43" s="69">
        <v>0</v>
      </c>
      <c r="H43" s="68">
        <v>461</v>
      </c>
      <c r="I43" s="68">
        <v>239</v>
      </c>
      <c r="J43" s="68">
        <v>222</v>
      </c>
      <c r="K43" s="67">
        <v>414</v>
      </c>
      <c r="L43" s="79">
        <v>212</v>
      </c>
      <c r="M43" s="80">
        <v>202</v>
      </c>
    </row>
    <row r="44" spans="1:13">
      <c r="A44" s="15" t="s">
        <v>78</v>
      </c>
      <c r="B44" s="67">
        <v>40</v>
      </c>
      <c r="C44" s="68">
        <v>4</v>
      </c>
      <c r="D44" s="68">
        <v>36</v>
      </c>
      <c r="E44" s="67">
        <v>0</v>
      </c>
      <c r="F44" s="68">
        <v>0</v>
      </c>
      <c r="G44" s="69">
        <v>0</v>
      </c>
      <c r="H44" s="68">
        <v>434</v>
      </c>
      <c r="I44" s="68">
        <v>223</v>
      </c>
      <c r="J44" s="68">
        <v>211</v>
      </c>
      <c r="K44" s="67">
        <v>394</v>
      </c>
      <c r="L44" s="79">
        <v>219</v>
      </c>
      <c r="M44" s="80">
        <v>175</v>
      </c>
    </row>
    <row r="45" spans="1:13">
      <c r="A45" s="15" t="s">
        <v>80</v>
      </c>
      <c r="B45" s="67">
        <v>46</v>
      </c>
      <c r="C45" s="68">
        <v>-1</v>
      </c>
      <c r="D45" s="68">
        <v>47</v>
      </c>
      <c r="E45" s="67">
        <v>2</v>
      </c>
      <c r="F45" s="68">
        <v>1</v>
      </c>
      <c r="G45" s="69">
        <v>1</v>
      </c>
      <c r="H45" s="68">
        <v>367</v>
      </c>
      <c r="I45" s="68">
        <v>183</v>
      </c>
      <c r="J45" s="68">
        <v>184</v>
      </c>
      <c r="K45" s="67">
        <v>319</v>
      </c>
      <c r="L45" s="79">
        <v>183</v>
      </c>
      <c r="M45" s="80">
        <v>136</v>
      </c>
    </row>
    <row r="46" spans="1:13">
      <c r="A46" s="15" t="s">
        <v>82</v>
      </c>
      <c r="B46" s="67">
        <v>5</v>
      </c>
      <c r="C46" s="68">
        <v>10</v>
      </c>
      <c r="D46" s="68">
        <v>-5</v>
      </c>
      <c r="E46" s="67">
        <v>1</v>
      </c>
      <c r="F46" s="68">
        <v>1</v>
      </c>
      <c r="G46" s="69">
        <v>0</v>
      </c>
      <c r="H46" s="68">
        <v>323</v>
      </c>
      <c r="I46" s="68">
        <v>184</v>
      </c>
      <c r="J46" s="68">
        <v>139</v>
      </c>
      <c r="K46" s="67">
        <v>317</v>
      </c>
      <c r="L46" s="79">
        <v>173</v>
      </c>
      <c r="M46" s="80">
        <v>144</v>
      </c>
    </row>
    <row r="47" spans="1:13">
      <c r="A47" s="15" t="s">
        <v>84</v>
      </c>
      <c r="B47" s="67">
        <v>22</v>
      </c>
      <c r="C47" s="68">
        <v>24</v>
      </c>
      <c r="D47" s="68">
        <v>-2</v>
      </c>
      <c r="E47" s="67">
        <v>0</v>
      </c>
      <c r="F47" s="68">
        <v>0</v>
      </c>
      <c r="G47" s="69">
        <v>0</v>
      </c>
      <c r="H47" s="68">
        <v>315</v>
      </c>
      <c r="I47" s="68">
        <v>168</v>
      </c>
      <c r="J47" s="68">
        <v>147</v>
      </c>
      <c r="K47" s="67">
        <v>293</v>
      </c>
      <c r="L47" s="79">
        <v>144</v>
      </c>
      <c r="M47" s="80">
        <v>149</v>
      </c>
    </row>
    <row r="48" spans="1:13" ht="21" customHeight="1">
      <c r="A48" s="36" t="s">
        <v>86</v>
      </c>
      <c r="B48" s="64">
        <v>64</v>
      </c>
      <c r="C48" s="65">
        <v>45</v>
      </c>
      <c r="D48" s="65">
        <v>19</v>
      </c>
      <c r="E48" s="64">
        <v>5</v>
      </c>
      <c r="F48" s="65">
        <v>1</v>
      </c>
      <c r="G48" s="66">
        <v>4</v>
      </c>
      <c r="H48" s="65">
        <v>1167</v>
      </c>
      <c r="I48" s="65">
        <v>643</v>
      </c>
      <c r="J48" s="65">
        <v>524</v>
      </c>
      <c r="K48" s="64">
        <v>1098</v>
      </c>
      <c r="L48" s="77">
        <v>597</v>
      </c>
      <c r="M48" s="78">
        <v>501</v>
      </c>
    </row>
    <row r="49" spans="1:13">
      <c r="A49" s="15" t="s">
        <v>88</v>
      </c>
      <c r="B49" s="67">
        <v>45</v>
      </c>
      <c r="C49" s="68">
        <v>4</v>
      </c>
      <c r="D49" s="68">
        <v>41</v>
      </c>
      <c r="E49" s="67">
        <v>0</v>
      </c>
      <c r="F49" s="68">
        <v>0</v>
      </c>
      <c r="G49" s="69">
        <v>0</v>
      </c>
      <c r="H49" s="68">
        <v>292</v>
      </c>
      <c r="I49" s="68">
        <v>144</v>
      </c>
      <c r="J49" s="68">
        <v>148</v>
      </c>
      <c r="K49" s="67">
        <v>247</v>
      </c>
      <c r="L49" s="79">
        <v>140</v>
      </c>
      <c r="M49" s="80">
        <v>107</v>
      </c>
    </row>
    <row r="50" spans="1:13">
      <c r="A50" s="15" t="s">
        <v>90</v>
      </c>
      <c r="B50" s="67">
        <v>-9</v>
      </c>
      <c r="C50" s="68">
        <v>14</v>
      </c>
      <c r="D50" s="68">
        <v>-23</v>
      </c>
      <c r="E50" s="67">
        <v>0</v>
      </c>
      <c r="F50" s="68">
        <v>0</v>
      </c>
      <c r="G50" s="69">
        <v>0</v>
      </c>
      <c r="H50" s="68">
        <v>246</v>
      </c>
      <c r="I50" s="68">
        <v>137</v>
      </c>
      <c r="J50" s="68">
        <v>109</v>
      </c>
      <c r="K50" s="67">
        <v>255</v>
      </c>
      <c r="L50" s="79">
        <v>123</v>
      </c>
      <c r="M50" s="80">
        <v>132</v>
      </c>
    </row>
    <row r="51" spans="1:13">
      <c r="A51" s="15" t="s">
        <v>92</v>
      </c>
      <c r="B51" s="67">
        <v>7</v>
      </c>
      <c r="C51" s="68">
        <v>18</v>
      </c>
      <c r="D51" s="68">
        <v>-11</v>
      </c>
      <c r="E51" s="67">
        <v>1</v>
      </c>
      <c r="F51" s="68">
        <v>1</v>
      </c>
      <c r="G51" s="69">
        <v>0</v>
      </c>
      <c r="H51" s="68">
        <v>222</v>
      </c>
      <c r="I51" s="68">
        <v>128</v>
      </c>
      <c r="J51" s="68">
        <v>94</v>
      </c>
      <c r="K51" s="67">
        <v>214</v>
      </c>
      <c r="L51" s="79">
        <v>109</v>
      </c>
      <c r="M51" s="80">
        <v>105</v>
      </c>
    </row>
    <row r="52" spans="1:13">
      <c r="A52" s="15" t="s">
        <v>94</v>
      </c>
      <c r="B52" s="67">
        <v>3</v>
      </c>
      <c r="C52" s="68">
        <v>0</v>
      </c>
      <c r="D52" s="68">
        <v>3</v>
      </c>
      <c r="E52" s="67">
        <v>3</v>
      </c>
      <c r="F52" s="68">
        <v>0</v>
      </c>
      <c r="G52" s="69">
        <v>3</v>
      </c>
      <c r="H52" s="68">
        <v>202</v>
      </c>
      <c r="I52" s="68">
        <v>113</v>
      </c>
      <c r="J52" s="68">
        <v>89</v>
      </c>
      <c r="K52" s="67">
        <v>196</v>
      </c>
      <c r="L52" s="79">
        <v>113</v>
      </c>
      <c r="M52" s="80">
        <v>83</v>
      </c>
    </row>
    <row r="53" spans="1:13">
      <c r="A53" s="15" t="s">
        <v>96</v>
      </c>
      <c r="B53" s="67">
        <v>18</v>
      </c>
      <c r="C53" s="68">
        <v>9</v>
      </c>
      <c r="D53" s="68">
        <v>9</v>
      </c>
      <c r="E53" s="67">
        <v>1</v>
      </c>
      <c r="F53" s="68">
        <v>0</v>
      </c>
      <c r="G53" s="69">
        <v>1</v>
      </c>
      <c r="H53" s="68">
        <v>205</v>
      </c>
      <c r="I53" s="68">
        <v>121</v>
      </c>
      <c r="J53" s="68">
        <v>84</v>
      </c>
      <c r="K53" s="67">
        <v>186</v>
      </c>
      <c r="L53" s="79">
        <v>112</v>
      </c>
      <c r="M53" s="80">
        <v>74</v>
      </c>
    </row>
    <row r="54" spans="1:13" ht="21" customHeight="1">
      <c r="A54" s="36" t="s">
        <v>98</v>
      </c>
      <c r="B54" s="64">
        <v>44</v>
      </c>
      <c r="C54" s="65">
        <v>34</v>
      </c>
      <c r="D54" s="65">
        <v>10</v>
      </c>
      <c r="E54" s="64">
        <v>12</v>
      </c>
      <c r="F54" s="65">
        <v>8</v>
      </c>
      <c r="G54" s="66">
        <v>4</v>
      </c>
      <c r="H54" s="65">
        <v>775</v>
      </c>
      <c r="I54" s="65">
        <v>447</v>
      </c>
      <c r="J54" s="65">
        <v>328</v>
      </c>
      <c r="K54" s="64">
        <v>719</v>
      </c>
      <c r="L54" s="77">
        <v>405</v>
      </c>
      <c r="M54" s="78">
        <v>314</v>
      </c>
    </row>
    <row r="55" spans="1:13">
      <c r="A55" s="15" t="s">
        <v>100</v>
      </c>
      <c r="B55" s="67">
        <v>33</v>
      </c>
      <c r="C55" s="68">
        <v>25</v>
      </c>
      <c r="D55" s="68">
        <v>8</v>
      </c>
      <c r="E55" s="67">
        <v>1</v>
      </c>
      <c r="F55" s="68">
        <v>1</v>
      </c>
      <c r="G55" s="69">
        <v>0</v>
      </c>
      <c r="H55" s="68">
        <v>197</v>
      </c>
      <c r="I55" s="68">
        <v>119</v>
      </c>
      <c r="J55" s="68">
        <v>78</v>
      </c>
      <c r="K55" s="67">
        <v>163</v>
      </c>
      <c r="L55" s="79">
        <v>93</v>
      </c>
      <c r="M55" s="80">
        <v>70</v>
      </c>
    </row>
    <row r="56" spans="1:13">
      <c r="A56" s="15" t="s">
        <v>102</v>
      </c>
      <c r="B56" s="67">
        <v>-7</v>
      </c>
      <c r="C56" s="68">
        <v>-10</v>
      </c>
      <c r="D56" s="68">
        <v>3</v>
      </c>
      <c r="E56" s="67">
        <v>2</v>
      </c>
      <c r="F56" s="68">
        <v>2</v>
      </c>
      <c r="G56" s="69">
        <v>0</v>
      </c>
      <c r="H56" s="68">
        <v>147</v>
      </c>
      <c r="I56" s="68">
        <v>77</v>
      </c>
      <c r="J56" s="68">
        <v>70</v>
      </c>
      <c r="K56" s="67">
        <v>152</v>
      </c>
      <c r="L56" s="79">
        <v>85</v>
      </c>
      <c r="M56" s="80">
        <v>67</v>
      </c>
    </row>
    <row r="57" spans="1:13">
      <c r="A57" s="15" t="s">
        <v>104</v>
      </c>
      <c r="B57" s="67">
        <v>-5</v>
      </c>
      <c r="C57" s="68">
        <v>4</v>
      </c>
      <c r="D57" s="68">
        <v>-9</v>
      </c>
      <c r="E57" s="67">
        <v>2</v>
      </c>
      <c r="F57" s="68">
        <v>2</v>
      </c>
      <c r="G57" s="69">
        <v>0</v>
      </c>
      <c r="H57" s="68">
        <v>153</v>
      </c>
      <c r="I57" s="68">
        <v>91</v>
      </c>
      <c r="J57" s="68">
        <v>62</v>
      </c>
      <c r="K57" s="67">
        <v>156</v>
      </c>
      <c r="L57" s="79">
        <v>85</v>
      </c>
      <c r="M57" s="80">
        <v>71</v>
      </c>
    </row>
    <row r="58" spans="1:13">
      <c r="A58" s="15" t="s">
        <v>106</v>
      </c>
      <c r="B58" s="67">
        <v>11</v>
      </c>
      <c r="C58" s="68">
        <v>11</v>
      </c>
      <c r="D58" s="68">
        <v>0</v>
      </c>
      <c r="E58" s="67">
        <v>3</v>
      </c>
      <c r="F58" s="68">
        <v>1</v>
      </c>
      <c r="G58" s="69">
        <v>2</v>
      </c>
      <c r="H58" s="68">
        <v>139</v>
      </c>
      <c r="I58" s="68">
        <v>80</v>
      </c>
      <c r="J58" s="68">
        <v>59</v>
      </c>
      <c r="K58" s="67">
        <v>125</v>
      </c>
      <c r="L58" s="79">
        <v>68</v>
      </c>
      <c r="M58" s="80">
        <v>57</v>
      </c>
    </row>
    <row r="59" spans="1:13">
      <c r="A59" s="15" t="s">
        <v>108</v>
      </c>
      <c r="B59" s="67">
        <v>12</v>
      </c>
      <c r="C59" s="68">
        <v>4</v>
      </c>
      <c r="D59" s="68">
        <v>8</v>
      </c>
      <c r="E59" s="67">
        <v>4</v>
      </c>
      <c r="F59" s="68">
        <v>2</v>
      </c>
      <c r="G59" s="69">
        <v>2</v>
      </c>
      <c r="H59" s="68">
        <v>139</v>
      </c>
      <c r="I59" s="68">
        <v>80</v>
      </c>
      <c r="J59" s="68">
        <v>59</v>
      </c>
      <c r="K59" s="67">
        <v>123</v>
      </c>
      <c r="L59" s="79">
        <v>74</v>
      </c>
      <c r="M59" s="80">
        <v>49</v>
      </c>
    </row>
    <row r="60" spans="1:13" ht="21" customHeight="1">
      <c r="A60" s="36" t="s">
        <v>110</v>
      </c>
      <c r="B60" s="64">
        <v>-60</v>
      </c>
      <c r="C60" s="65">
        <v>-37</v>
      </c>
      <c r="D60" s="65">
        <v>-23</v>
      </c>
      <c r="E60" s="64">
        <v>22</v>
      </c>
      <c r="F60" s="65">
        <v>16</v>
      </c>
      <c r="G60" s="66">
        <v>6</v>
      </c>
      <c r="H60" s="65">
        <v>606</v>
      </c>
      <c r="I60" s="65">
        <v>343</v>
      </c>
      <c r="J60" s="65">
        <v>263</v>
      </c>
      <c r="K60" s="64">
        <v>644</v>
      </c>
      <c r="L60" s="77">
        <v>364</v>
      </c>
      <c r="M60" s="78">
        <v>280</v>
      </c>
    </row>
    <row r="61" spans="1:13">
      <c r="A61" s="15" t="s">
        <v>112</v>
      </c>
      <c r="B61" s="67">
        <v>-11</v>
      </c>
      <c r="C61" s="68">
        <v>-4</v>
      </c>
      <c r="D61" s="68">
        <v>-7</v>
      </c>
      <c r="E61" s="67">
        <v>4</v>
      </c>
      <c r="F61" s="68">
        <v>4</v>
      </c>
      <c r="G61" s="69">
        <v>0</v>
      </c>
      <c r="H61" s="68">
        <v>120</v>
      </c>
      <c r="I61" s="68">
        <v>79</v>
      </c>
      <c r="J61" s="68">
        <v>41</v>
      </c>
      <c r="K61" s="67">
        <v>127</v>
      </c>
      <c r="L61" s="79">
        <v>79</v>
      </c>
      <c r="M61" s="80">
        <v>48</v>
      </c>
    </row>
    <row r="62" spans="1:13">
      <c r="A62" s="15" t="s">
        <v>114</v>
      </c>
      <c r="B62" s="67">
        <v>-43</v>
      </c>
      <c r="C62" s="68">
        <v>-26</v>
      </c>
      <c r="D62" s="68">
        <v>-17</v>
      </c>
      <c r="E62" s="67">
        <v>1</v>
      </c>
      <c r="F62" s="68">
        <v>1</v>
      </c>
      <c r="G62" s="69">
        <v>0</v>
      </c>
      <c r="H62" s="68">
        <v>117</v>
      </c>
      <c r="I62" s="68">
        <v>63</v>
      </c>
      <c r="J62" s="68">
        <v>54</v>
      </c>
      <c r="K62" s="67">
        <v>159</v>
      </c>
      <c r="L62" s="79">
        <v>88</v>
      </c>
      <c r="M62" s="80">
        <v>71</v>
      </c>
    </row>
    <row r="63" spans="1:13">
      <c r="A63" s="15" t="s">
        <v>116</v>
      </c>
      <c r="B63" s="67">
        <v>0</v>
      </c>
      <c r="C63" s="68">
        <v>-8</v>
      </c>
      <c r="D63" s="68">
        <v>8</v>
      </c>
      <c r="E63" s="67">
        <v>5</v>
      </c>
      <c r="F63" s="68">
        <v>4</v>
      </c>
      <c r="G63" s="69">
        <v>1</v>
      </c>
      <c r="H63" s="68">
        <v>116</v>
      </c>
      <c r="I63" s="68">
        <v>59</v>
      </c>
      <c r="J63" s="68">
        <v>57</v>
      </c>
      <c r="K63" s="67">
        <v>111</v>
      </c>
      <c r="L63" s="79">
        <v>63</v>
      </c>
      <c r="M63" s="80">
        <v>48</v>
      </c>
    </row>
    <row r="64" spans="1:13">
      <c r="A64" s="15" t="s">
        <v>118</v>
      </c>
      <c r="B64" s="67">
        <v>29</v>
      </c>
      <c r="C64" s="68">
        <v>26</v>
      </c>
      <c r="D64" s="68">
        <v>3</v>
      </c>
      <c r="E64" s="67">
        <v>3</v>
      </c>
      <c r="F64" s="68">
        <v>0</v>
      </c>
      <c r="G64" s="69">
        <v>3</v>
      </c>
      <c r="H64" s="68">
        <v>147</v>
      </c>
      <c r="I64" s="68">
        <v>91</v>
      </c>
      <c r="J64" s="68">
        <v>56</v>
      </c>
      <c r="K64" s="67">
        <v>115</v>
      </c>
      <c r="L64" s="79">
        <v>65</v>
      </c>
      <c r="M64" s="80">
        <v>50</v>
      </c>
    </row>
    <row r="65" spans="1:13">
      <c r="A65" s="19" t="s">
        <v>120</v>
      </c>
      <c r="B65" s="70">
        <v>-35</v>
      </c>
      <c r="C65" s="71">
        <v>-25</v>
      </c>
      <c r="D65" s="71">
        <v>-10</v>
      </c>
      <c r="E65" s="70">
        <v>9</v>
      </c>
      <c r="F65" s="71">
        <v>7</v>
      </c>
      <c r="G65" s="72">
        <v>2</v>
      </c>
      <c r="H65" s="71">
        <v>106</v>
      </c>
      <c r="I65" s="71">
        <v>51</v>
      </c>
      <c r="J65" s="71">
        <v>55</v>
      </c>
      <c r="K65" s="70">
        <v>132</v>
      </c>
      <c r="L65" s="81">
        <v>69</v>
      </c>
      <c r="M65" s="82">
        <v>63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888</v>
      </c>
      <c r="C69" s="50">
        <v>950</v>
      </c>
      <c r="D69" s="84">
        <v>938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58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0</v>
      </c>
      <c r="C75" s="65">
        <v>-14</v>
      </c>
      <c r="D75" s="65">
        <v>4</v>
      </c>
      <c r="E75" s="64">
        <v>35</v>
      </c>
      <c r="F75" s="65">
        <v>20</v>
      </c>
      <c r="G75" s="66">
        <v>15</v>
      </c>
      <c r="H75" s="65">
        <v>532</v>
      </c>
      <c r="I75" s="65">
        <v>283</v>
      </c>
      <c r="J75" s="65">
        <v>249</v>
      </c>
      <c r="K75" s="64">
        <v>507</v>
      </c>
      <c r="L75" s="77">
        <v>277</v>
      </c>
      <c r="M75" s="78">
        <v>230</v>
      </c>
    </row>
    <row r="76" spans="1:13">
      <c r="A76" s="27" t="s">
        <v>5</v>
      </c>
      <c r="B76" s="67">
        <v>30</v>
      </c>
      <c r="C76" s="68">
        <v>2</v>
      </c>
      <c r="D76" s="68">
        <v>28</v>
      </c>
      <c r="E76" s="67">
        <v>7</v>
      </c>
      <c r="F76" s="68">
        <v>3</v>
      </c>
      <c r="G76" s="69">
        <v>4</v>
      </c>
      <c r="H76" s="68">
        <v>147</v>
      </c>
      <c r="I76" s="68">
        <v>75</v>
      </c>
      <c r="J76" s="68">
        <v>72</v>
      </c>
      <c r="K76" s="67">
        <v>110</v>
      </c>
      <c r="L76" s="79">
        <v>70</v>
      </c>
      <c r="M76" s="80">
        <v>40</v>
      </c>
    </row>
    <row r="77" spans="1:13">
      <c r="A77" s="27" t="s">
        <v>7</v>
      </c>
      <c r="B77" s="67">
        <v>-8</v>
      </c>
      <c r="C77" s="68">
        <v>8</v>
      </c>
      <c r="D77" s="68">
        <v>-16</v>
      </c>
      <c r="E77" s="67">
        <v>6</v>
      </c>
      <c r="F77" s="68">
        <v>2</v>
      </c>
      <c r="G77" s="69">
        <v>4</v>
      </c>
      <c r="H77" s="68">
        <v>99</v>
      </c>
      <c r="I77" s="68">
        <v>54</v>
      </c>
      <c r="J77" s="68">
        <v>45</v>
      </c>
      <c r="K77" s="67">
        <v>101</v>
      </c>
      <c r="L77" s="79">
        <v>44</v>
      </c>
      <c r="M77" s="80">
        <v>57</v>
      </c>
    </row>
    <row r="78" spans="1:13">
      <c r="A78" s="27" t="s">
        <v>9</v>
      </c>
      <c r="B78" s="67">
        <v>-4</v>
      </c>
      <c r="C78" s="68">
        <v>-5</v>
      </c>
      <c r="D78" s="68">
        <v>1</v>
      </c>
      <c r="E78" s="67">
        <v>6</v>
      </c>
      <c r="F78" s="68">
        <v>4</v>
      </c>
      <c r="G78" s="69">
        <v>2</v>
      </c>
      <c r="H78" s="68">
        <v>94</v>
      </c>
      <c r="I78" s="68">
        <v>41</v>
      </c>
      <c r="J78" s="68">
        <v>53</v>
      </c>
      <c r="K78" s="67">
        <v>92</v>
      </c>
      <c r="L78" s="79">
        <v>42</v>
      </c>
      <c r="M78" s="80">
        <v>50</v>
      </c>
    </row>
    <row r="79" spans="1:13">
      <c r="A79" s="27" t="s">
        <v>11</v>
      </c>
      <c r="B79" s="67">
        <v>-6</v>
      </c>
      <c r="C79" s="68">
        <v>-6</v>
      </c>
      <c r="D79" s="68">
        <v>0</v>
      </c>
      <c r="E79" s="67">
        <v>6</v>
      </c>
      <c r="F79" s="68">
        <v>5</v>
      </c>
      <c r="G79" s="69">
        <v>1</v>
      </c>
      <c r="H79" s="68">
        <v>97</v>
      </c>
      <c r="I79" s="68">
        <v>57</v>
      </c>
      <c r="J79" s="68">
        <v>40</v>
      </c>
      <c r="K79" s="67">
        <v>97</v>
      </c>
      <c r="L79" s="79">
        <v>58</v>
      </c>
      <c r="M79" s="80">
        <v>39</v>
      </c>
    </row>
    <row r="80" spans="1:13">
      <c r="A80" s="27" t="s">
        <v>13</v>
      </c>
      <c r="B80" s="67">
        <v>-22</v>
      </c>
      <c r="C80" s="68">
        <v>-13</v>
      </c>
      <c r="D80" s="68">
        <v>-9</v>
      </c>
      <c r="E80" s="67">
        <v>10</v>
      </c>
      <c r="F80" s="68">
        <v>6</v>
      </c>
      <c r="G80" s="69">
        <v>4</v>
      </c>
      <c r="H80" s="68">
        <v>95</v>
      </c>
      <c r="I80" s="68">
        <v>56</v>
      </c>
      <c r="J80" s="68">
        <v>39</v>
      </c>
      <c r="K80" s="67">
        <v>107</v>
      </c>
      <c r="L80" s="79">
        <v>63</v>
      </c>
      <c r="M80" s="80">
        <v>44</v>
      </c>
    </row>
    <row r="81" spans="1:13" ht="21" customHeight="1">
      <c r="A81" s="38" t="s">
        <v>15</v>
      </c>
      <c r="B81" s="64">
        <v>-103</v>
      </c>
      <c r="C81" s="65">
        <v>-75</v>
      </c>
      <c r="D81" s="65">
        <v>-28</v>
      </c>
      <c r="E81" s="64">
        <v>69</v>
      </c>
      <c r="F81" s="65">
        <v>45</v>
      </c>
      <c r="G81" s="66">
        <v>24</v>
      </c>
      <c r="H81" s="65">
        <v>338</v>
      </c>
      <c r="I81" s="65">
        <v>188</v>
      </c>
      <c r="J81" s="65">
        <v>150</v>
      </c>
      <c r="K81" s="64">
        <v>372</v>
      </c>
      <c r="L81" s="77">
        <v>218</v>
      </c>
      <c r="M81" s="78">
        <v>154</v>
      </c>
    </row>
    <row r="82" spans="1:13">
      <c r="A82" s="27" t="s">
        <v>17</v>
      </c>
      <c r="B82" s="67">
        <v>-16</v>
      </c>
      <c r="C82" s="68">
        <v>-15</v>
      </c>
      <c r="D82" s="68">
        <v>-1</v>
      </c>
      <c r="E82" s="67">
        <v>14</v>
      </c>
      <c r="F82" s="68">
        <v>10</v>
      </c>
      <c r="G82" s="69">
        <v>4</v>
      </c>
      <c r="H82" s="68">
        <v>91</v>
      </c>
      <c r="I82" s="68">
        <v>47</v>
      </c>
      <c r="J82" s="68">
        <v>44</v>
      </c>
      <c r="K82" s="67">
        <v>93</v>
      </c>
      <c r="L82" s="79">
        <v>52</v>
      </c>
      <c r="M82" s="80">
        <v>41</v>
      </c>
    </row>
    <row r="83" spans="1:13">
      <c r="A83" s="27" t="s">
        <v>19</v>
      </c>
      <c r="B83" s="67">
        <v>-29</v>
      </c>
      <c r="C83" s="68">
        <v>-26</v>
      </c>
      <c r="D83" s="68">
        <v>-3</v>
      </c>
      <c r="E83" s="67">
        <v>10</v>
      </c>
      <c r="F83" s="68">
        <v>9</v>
      </c>
      <c r="G83" s="69">
        <v>1</v>
      </c>
      <c r="H83" s="68">
        <v>51</v>
      </c>
      <c r="I83" s="68">
        <v>25</v>
      </c>
      <c r="J83" s="68">
        <v>26</v>
      </c>
      <c r="K83" s="67">
        <v>70</v>
      </c>
      <c r="L83" s="79">
        <v>42</v>
      </c>
      <c r="M83" s="80">
        <v>28</v>
      </c>
    </row>
    <row r="84" spans="1:13">
      <c r="A84" s="27" t="s">
        <v>21</v>
      </c>
      <c r="B84" s="67">
        <v>-22</v>
      </c>
      <c r="C84" s="68">
        <v>-4</v>
      </c>
      <c r="D84" s="68">
        <v>-18</v>
      </c>
      <c r="E84" s="67">
        <v>15</v>
      </c>
      <c r="F84" s="68">
        <v>7</v>
      </c>
      <c r="G84" s="69">
        <v>8</v>
      </c>
      <c r="H84" s="68">
        <v>77</v>
      </c>
      <c r="I84" s="68">
        <v>53</v>
      </c>
      <c r="J84" s="68">
        <v>24</v>
      </c>
      <c r="K84" s="67">
        <v>84</v>
      </c>
      <c r="L84" s="79">
        <v>50</v>
      </c>
      <c r="M84" s="80">
        <v>34</v>
      </c>
    </row>
    <row r="85" spans="1:13">
      <c r="A85" s="27" t="s">
        <v>23</v>
      </c>
      <c r="B85" s="67">
        <v>-23</v>
      </c>
      <c r="C85" s="68">
        <v>-23</v>
      </c>
      <c r="D85" s="68">
        <v>0</v>
      </c>
      <c r="E85" s="67">
        <v>17</v>
      </c>
      <c r="F85" s="68">
        <v>11</v>
      </c>
      <c r="G85" s="69">
        <v>6</v>
      </c>
      <c r="H85" s="68">
        <v>59</v>
      </c>
      <c r="I85" s="68">
        <v>29</v>
      </c>
      <c r="J85" s="68">
        <v>30</v>
      </c>
      <c r="K85" s="67">
        <v>65</v>
      </c>
      <c r="L85" s="79">
        <v>41</v>
      </c>
      <c r="M85" s="80">
        <v>24</v>
      </c>
    </row>
    <row r="86" spans="1:13">
      <c r="A86" s="27" t="s">
        <v>25</v>
      </c>
      <c r="B86" s="67">
        <v>-13</v>
      </c>
      <c r="C86" s="68">
        <v>-7</v>
      </c>
      <c r="D86" s="68">
        <v>-6</v>
      </c>
      <c r="E86" s="67">
        <v>13</v>
      </c>
      <c r="F86" s="68">
        <v>8</v>
      </c>
      <c r="G86" s="69">
        <v>5</v>
      </c>
      <c r="H86" s="68">
        <v>60</v>
      </c>
      <c r="I86" s="68">
        <v>34</v>
      </c>
      <c r="J86" s="68">
        <v>26</v>
      </c>
      <c r="K86" s="67">
        <v>60</v>
      </c>
      <c r="L86" s="79">
        <v>33</v>
      </c>
      <c r="M86" s="80">
        <v>27</v>
      </c>
    </row>
    <row r="87" spans="1:13" ht="21" customHeight="1">
      <c r="A87" s="38" t="s">
        <v>27</v>
      </c>
      <c r="B87" s="64">
        <v>-157</v>
      </c>
      <c r="C87" s="65">
        <v>-101</v>
      </c>
      <c r="D87" s="65">
        <v>-56</v>
      </c>
      <c r="E87" s="64">
        <v>89</v>
      </c>
      <c r="F87" s="65">
        <v>61</v>
      </c>
      <c r="G87" s="66">
        <v>28</v>
      </c>
      <c r="H87" s="65">
        <v>241</v>
      </c>
      <c r="I87" s="65">
        <v>134</v>
      </c>
      <c r="J87" s="65">
        <v>107</v>
      </c>
      <c r="K87" s="64">
        <v>309</v>
      </c>
      <c r="L87" s="77">
        <v>174</v>
      </c>
      <c r="M87" s="78">
        <v>135</v>
      </c>
    </row>
    <row r="88" spans="1:13">
      <c r="A88" s="27" t="s">
        <v>29</v>
      </c>
      <c r="B88" s="67">
        <v>-58</v>
      </c>
      <c r="C88" s="68">
        <v>-33</v>
      </c>
      <c r="D88" s="68">
        <v>-25</v>
      </c>
      <c r="E88" s="67">
        <v>18</v>
      </c>
      <c r="F88" s="68">
        <v>12</v>
      </c>
      <c r="G88" s="69">
        <v>6</v>
      </c>
      <c r="H88" s="68">
        <v>49</v>
      </c>
      <c r="I88" s="68">
        <v>30</v>
      </c>
      <c r="J88" s="68">
        <v>19</v>
      </c>
      <c r="K88" s="67">
        <v>89</v>
      </c>
      <c r="L88" s="79">
        <v>51</v>
      </c>
      <c r="M88" s="80">
        <v>38</v>
      </c>
    </row>
    <row r="89" spans="1:13">
      <c r="A89" s="27" t="s">
        <v>31</v>
      </c>
      <c r="B89" s="67">
        <v>-39</v>
      </c>
      <c r="C89" s="68">
        <v>-22</v>
      </c>
      <c r="D89" s="68">
        <v>-17</v>
      </c>
      <c r="E89" s="67">
        <v>18</v>
      </c>
      <c r="F89" s="68">
        <v>12</v>
      </c>
      <c r="G89" s="69">
        <v>6</v>
      </c>
      <c r="H89" s="68">
        <v>55</v>
      </c>
      <c r="I89" s="68">
        <v>33</v>
      </c>
      <c r="J89" s="68">
        <v>22</v>
      </c>
      <c r="K89" s="67">
        <v>76</v>
      </c>
      <c r="L89" s="79">
        <v>43</v>
      </c>
      <c r="M89" s="80">
        <v>33</v>
      </c>
    </row>
    <row r="90" spans="1:13">
      <c r="A90" s="27" t="s">
        <v>33</v>
      </c>
      <c r="B90" s="67">
        <v>-20</v>
      </c>
      <c r="C90" s="68">
        <v>-20</v>
      </c>
      <c r="D90" s="68">
        <v>0</v>
      </c>
      <c r="E90" s="67">
        <v>23</v>
      </c>
      <c r="F90" s="68">
        <v>21</v>
      </c>
      <c r="G90" s="69">
        <v>2</v>
      </c>
      <c r="H90" s="68">
        <v>48</v>
      </c>
      <c r="I90" s="68">
        <v>25</v>
      </c>
      <c r="J90" s="68">
        <v>23</v>
      </c>
      <c r="K90" s="67">
        <v>45</v>
      </c>
      <c r="L90" s="79">
        <v>24</v>
      </c>
      <c r="M90" s="80">
        <v>21</v>
      </c>
    </row>
    <row r="91" spans="1:13">
      <c r="A91" s="27" t="s">
        <v>35</v>
      </c>
      <c r="B91" s="67">
        <v>-26</v>
      </c>
      <c r="C91" s="68">
        <v>-20</v>
      </c>
      <c r="D91" s="68">
        <v>-6</v>
      </c>
      <c r="E91" s="67">
        <v>13</v>
      </c>
      <c r="F91" s="68">
        <v>8</v>
      </c>
      <c r="G91" s="69">
        <v>5</v>
      </c>
      <c r="H91" s="68">
        <v>41</v>
      </c>
      <c r="I91" s="68">
        <v>19</v>
      </c>
      <c r="J91" s="68">
        <v>22</v>
      </c>
      <c r="K91" s="67">
        <v>54</v>
      </c>
      <c r="L91" s="79">
        <v>31</v>
      </c>
      <c r="M91" s="80">
        <v>23</v>
      </c>
    </row>
    <row r="92" spans="1:13">
      <c r="A92" s="27" t="s">
        <v>37</v>
      </c>
      <c r="B92" s="67">
        <v>-14</v>
      </c>
      <c r="C92" s="68">
        <v>-6</v>
      </c>
      <c r="D92" s="68">
        <v>-8</v>
      </c>
      <c r="E92" s="67">
        <v>17</v>
      </c>
      <c r="F92" s="68">
        <v>8</v>
      </c>
      <c r="G92" s="69">
        <v>9</v>
      </c>
      <c r="H92" s="68">
        <v>48</v>
      </c>
      <c r="I92" s="68">
        <v>27</v>
      </c>
      <c r="J92" s="68">
        <v>21</v>
      </c>
      <c r="K92" s="67">
        <v>45</v>
      </c>
      <c r="L92" s="79">
        <v>25</v>
      </c>
      <c r="M92" s="80">
        <v>20</v>
      </c>
    </row>
    <row r="93" spans="1:13" ht="21" customHeight="1">
      <c r="A93" s="38" t="s">
        <v>39</v>
      </c>
      <c r="B93" s="64">
        <v>-130</v>
      </c>
      <c r="C93" s="65">
        <v>-82</v>
      </c>
      <c r="D93" s="65">
        <v>-48</v>
      </c>
      <c r="E93" s="64">
        <v>109</v>
      </c>
      <c r="F93" s="65">
        <v>73</v>
      </c>
      <c r="G93" s="66">
        <v>36</v>
      </c>
      <c r="H93" s="65">
        <v>177</v>
      </c>
      <c r="I93" s="65">
        <v>96</v>
      </c>
      <c r="J93" s="65">
        <v>81</v>
      </c>
      <c r="K93" s="64">
        <v>198</v>
      </c>
      <c r="L93" s="77">
        <v>105</v>
      </c>
      <c r="M93" s="78">
        <v>93</v>
      </c>
    </row>
    <row r="94" spans="1:13">
      <c r="A94" s="27" t="s">
        <v>41</v>
      </c>
      <c r="B94" s="67">
        <v>-18</v>
      </c>
      <c r="C94" s="68">
        <v>-17</v>
      </c>
      <c r="D94" s="68">
        <v>-1</v>
      </c>
      <c r="E94" s="67">
        <v>19</v>
      </c>
      <c r="F94" s="68">
        <v>12</v>
      </c>
      <c r="G94" s="69">
        <v>7</v>
      </c>
      <c r="H94" s="68">
        <v>43</v>
      </c>
      <c r="I94" s="68">
        <v>22</v>
      </c>
      <c r="J94" s="68">
        <v>21</v>
      </c>
      <c r="K94" s="67">
        <v>42</v>
      </c>
      <c r="L94" s="79">
        <v>27</v>
      </c>
      <c r="M94" s="80">
        <v>15</v>
      </c>
    </row>
    <row r="95" spans="1:13">
      <c r="A95" s="27" t="s">
        <v>43</v>
      </c>
      <c r="B95" s="67">
        <v>-34</v>
      </c>
      <c r="C95" s="68">
        <v>-20</v>
      </c>
      <c r="D95" s="68">
        <v>-14</v>
      </c>
      <c r="E95" s="67">
        <v>21</v>
      </c>
      <c r="F95" s="68">
        <v>12</v>
      </c>
      <c r="G95" s="69">
        <v>9</v>
      </c>
      <c r="H95" s="68">
        <v>38</v>
      </c>
      <c r="I95" s="68">
        <v>22</v>
      </c>
      <c r="J95" s="68">
        <v>16</v>
      </c>
      <c r="K95" s="67">
        <v>51</v>
      </c>
      <c r="L95" s="79">
        <v>30</v>
      </c>
      <c r="M95" s="80">
        <v>21</v>
      </c>
    </row>
    <row r="96" spans="1:13">
      <c r="A96" s="27" t="s">
        <v>45</v>
      </c>
      <c r="B96" s="67">
        <v>-23</v>
      </c>
      <c r="C96" s="68">
        <v>-13</v>
      </c>
      <c r="D96" s="68">
        <v>-10</v>
      </c>
      <c r="E96" s="67">
        <v>17</v>
      </c>
      <c r="F96" s="68">
        <v>9</v>
      </c>
      <c r="G96" s="69">
        <v>8</v>
      </c>
      <c r="H96" s="68">
        <v>30</v>
      </c>
      <c r="I96" s="68">
        <v>14</v>
      </c>
      <c r="J96" s="68">
        <v>16</v>
      </c>
      <c r="K96" s="67">
        <v>36</v>
      </c>
      <c r="L96" s="79">
        <v>18</v>
      </c>
      <c r="M96" s="80">
        <v>18</v>
      </c>
    </row>
    <row r="97" spans="1:13">
      <c r="A97" s="27" t="s">
        <v>47</v>
      </c>
      <c r="B97" s="67">
        <v>-31</v>
      </c>
      <c r="C97" s="68">
        <v>-18</v>
      </c>
      <c r="D97" s="68">
        <v>-13</v>
      </c>
      <c r="E97" s="67">
        <v>21</v>
      </c>
      <c r="F97" s="68">
        <v>15</v>
      </c>
      <c r="G97" s="69">
        <v>6</v>
      </c>
      <c r="H97" s="68">
        <v>32</v>
      </c>
      <c r="I97" s="68">
        <v>17</v>
      </c>
      <c r="J97" s="68">
        <v>15</v>
      </c>
      <c r="K97" s="67">
        <v>42</v>
      </c>
      <c r="L97" s="79">
        <v>20</v>
      </c>
      <c r="M97" s="80">
        <v>22</v>
      </c>
    </row>
    <row r="98" spans="1:13">
      <c r="A98" s="27" t="s">
        <v>49</v>
      </c>
      <c r="B98" s="67">
        <v>-24</v>
      </c>
      <c r="C98" s="68">
        <v>-14</v>
      </c>
      <c r="D98" s="68">
        <v>-10</v>
      </c>
      <c r="E98" s="67">
        <v>31</v>
      </c>
      <c r="F98" s="68">
        <v>25</v>
      </c>
      <c r="G98" s="69">
        <v>6</v>
      </c>
      <c r="H98" s="68">
        <v>34</v>
      </c>
      <c r="I98" s="68">
        <v>21</v>
      </c>
      <c r="J98" s="68">
        <v>13</v>
      </c>
      <c r="K98" s="67">
        <v>27</v>
      </c>
      <c r="L98" s="79">
        <v>10</v>
      </c>
      <c r="M98" s="80">
        <v>17</v>
      </c>
    </row>
    <row r="99" spans="1:13" ht="21" customHeight="1">
      <c r="A99" s="38" t="s">
        <v>51</v>
      </c>
      <c r="B99" s="64">
        <v>-236</v>
      </c>
      <c r="C99" s="65">
        <v>-162</v>
      </c>
      <c r="D99" s="65">
        <v>-74</v>
      </c>
      <c r="E99" s="64">
        <v>252</v>
      </c>
      <c r="F99" s="65">
        <v>175</v>
      </c>
      <c r="G99" s="66">
        <v>77</v>
      </c>
      <c r="H99" s="65">
        <v>220</v>
      </c>
      <c r="I99" s="65">
        <v>116</v>
      </c>
      <c r="J99" s="65">
        <v>104</v>
      </c>
      <c r="K99" s="64">
        <v>204</v>
      </c>
      <c r="L99" s="77">
        <v>103</v>
      </c>
      <c r="M99" s="78">
        <v>101</v>
      </c>
    </row>
    <row r="100" spans="1:13">
      <c r="A100" s="27" t="s">
        <v>53</v>
      </c>
      <c r="B100" s="67">
        <v>-38</v>
      </c>
      <c r="C100" s="68">
        <v>-18</v>
      </c>
      <c r="D100" s="68">
        <v>-20</v>
      </c>
      <c r="E100" s="67">
        <v>31</v>
      </c>
      <c r="F100" s="68">
        <v>23</v>
      </c>
      <c r="G100" s="69">
        <v>8</v>
      </c>
      <c r="H100" s="68">
        <v>35</v>
      </c>
      <c r="I100" s="68">
        <v>23</v>
      </c>
      <c r="J100" s="68">
        <v>12</v>
      </c>
      <c r="K100" s="67">
        <v>42</v>
      </c>
      <c r="L100" s="79">
        <v>18</v>
      </c>
      <c r="M100" s="80">
        <v>24</v>
      </c>
    </row>
    <row r="101" spans="1:13">
      <c r="A101" s="27" t="s">
        <v>55</v>
      </c>
      <c r="B101" s="67">
        <v>-26</v>
      </c>
      <c r="C101" s="68">
        <v>-23</v>
      </c>
      <c r="D101" s="68">
        <v>-3</v>
      </c>
      <c r="E101" s="67">
        <v>34</v>
      </c>
      <c r="F101" s="68">
        <v>27</v>
      </c>
      <c r="G101" s="69">
        <v>7</v>
      </c>
      <c r="H101" s="68">
        <v>52</v>
      </c>
      <c r="I101" s="68">
        <v>31</v>
      </c>
      <c r="J101" s="68">
        <v>21</v>
      </c>
      <c r="K101" s="67">
        <v>44</v>
      </c>
      <c r="L101" s="79">
        <v>27</v>
      </c>
      <c r="M101" s="80">
        <v>17</v>
      </c>
    </row>
    <row r="102" spans="1:13">
      <c r="A102" s="27" t="s">
        <v>57</v>
      </c>
      <c r="B102" s="67">
        <v>-49</v>
      </c>
      <c r="C102" s="68">
        <v>-42</v>
      </c>
      <c r="D102" s="68">
        <v>-7</v>
      </c>
      <c r="E102" s="67">
        <v>54</v>
      </c>
      <c r="F102" s="68">
        <v>39</v>
      </c>
      <c r="G102" s="69">
        <v>15</v>
      </c>
      <c r="H102" s="68">
        <v>40</v>
      </c>
      <c r="I102" s="68">
        <v>15</v>
      </c>
      <c r="J102" s="68">
        <v>25</v>
      </c>
      <c r="K102" s="67">
        <v>35</v>
      </c>
      <c r="L102" s="79">
        <v>18</v>
      </c>
      <c r="M102" s="80">
        <v>17</v>
      </c>
    </row>
    <row r="103" spans="1:13">
      <c r="A103" s="27" t="s">
        <v>59</v>
      </c>
      <c r="B103" s="67">
        <v>-42</v>
      </c>
      <c r="C103" s="68">
        <v>-23</v>
      </c>
      <c r="D103" s="68">
        <v>-19</v>
      </c>
      <c r="E103" s="67">
        <v>57</v>
      </c>
      <c r="F103" s="68">
        <v>32</v>
      </c>
      <c r="G103" s="69">
        <v>25</v>
      </c>
      <c r="H103" s="68">
        <v>50</v>
      </c>
      <c r="I103" s="68">
        <v>28</v>
      </c>
      <c r="J103" s="68">
        <v>22</v>
      </c>
      <c r="K103" s="67">
        <v>35</v>
      </c>
      <c r="L103" s="79">
        <v>19</v>
      </c>
      <c r="M103" s="80">
        <v>16</v>
      </c>
    </row>
    <row r="104" spans="1:13">
      <c r="A104" s="27" t="s">
        <v>61</v>
      </c>
      <c r="B104" s="67">
        <v>-81</v>
      </c>
      <c r="C104" s="68">
        <v>-56</v>
      </c>
      <c r="D104" s="68">
        <v>-25</v>
      </c>
      <c r="E104" s="67">
        <v>76</v>
      </c>
      <c r="F104" s="68">
        <v>54</v>
      </c>
      <c r="G104" s="69">
        <v>22</v>
      </c>
      <c r="H104" s="68">
        <v>43</v>
      </c>
      <c r="I104" s="68">
        <v>19</v>
      </c>
      <c r="J104" s="68">
        <v>24</v>
      </c>
      <c r="K104" s="67">
        <v>48</v>
      </c>
      <c r="L104" s="79">
        <v>21</v>
      </c>
      <c r="M104" s="80">
        <v>27</v>
      </c>
    </row>
    <row r="105" spans="1:13" ht="21" customHeight="1">
      <c r="A105" s="38" t="s">
        <v>63</v>
      </c>
      <c r="B105" s="64">
        <v>-288</v>
      </c>
      <c r="C105" s="65">
        <v>-210</v>
      </c>
      <c r="D105" s="65">
        <v>-78</v>
      </c>
      <c r="E105" s="64">
        <v>326</v>
      </c>
      <c r="F105" s="65">
        <v>225</v>
      </c>
      <c r="G105" s="66">
        <v>101</v>
      </c>
      <c r="H105" s="65">
        <v>181</v>
      </c>
      <c r="I105" s="65">
        <v>74</v>
      </c>
      <c r="J105" s="65">
        <v>107</v>
      </c>
      <c r="K105" s="64">
        <v>143</v>
      </c>
      <c r="L105" s="77">
        <v>59</v>
      </c>
      <c r="M105" s="78">
        <v>84</v>
      </c>
    </row>
    <row r="106" spans="1:13">
      <c r="A106" s="27" t="s">
        <v>65</v>
      </c>
      <c r="B106" s="67">
        <v>-41</v>
      </c>
      <c r="C106" s="68">
        <v>-32</v>
      </c>
      <c r="D106" s="68">
        <v>-9</v>
      </c>
      <c r="E106" s="67">
        <v>54</v>
      </c>
      <c r="F106" s="68">
        <v>37</v>
      </c>
      <c r="G106" s="69">
        <v>17</v>
      </c>
      <c r="H106" s="68">
        <v>54</v>
      </c>
      <c r="I106" s="68">
        <v>24</v>
      </c>
      <c r="J106" s="68">
        <v>30</v>
      </c>
      <c r="K106" s="67">
        <v>41</v>
      </c>
      <c r="L106" s="79">
        <v>19</v>
      </c>
      <c r="M106" s="80">
        <v>22</v>
      </c>
    </row>
    <row r="107" spans="1:13">
      <c r="A107" s="27" t="s">
        <v>67</v>
      </c>
      <c r="B107" s="67">
        <v>-51</v>
      </c>
      <c r="C107" s="68">
        <v>-35</v>
      </c>
      <c r="D107" s="68">
        <v>-16</v>
      </c>
      <c r="E107" s="67">
        <v>60</v>
      </c>
      <c r="F107" s="68">
        <v>43</v>
      </c>
      <c r="G107" s="69">
        <v>17</v>
      </c>
      <c r="H107" s="68">
        <v>31</v>
      </c>
      <c r="I107" s="68">
        <v>15</v>
      </c>
      <c r="J107" s="68">
        <v>16</v>
      </c>
      <c r="K107" s="67">
        <v>22</v>
      </c>
      <c r="L107" s="79">
        <v>7</v>
      </c>
      <c r="M107" s="80">
        <v>15</v>
      </c>
    </row>
    <row r="108" spans="1:13">
      <c r="A108" s="27" t="s">
        <v>69</v>
      </c>
      <c r="B108" s="67">
        <v>-54</v>
      </c>
      <c r="C108" s="68">
        <v>-42</v>
      </c>
      <c r="D108" s="68">
        <v>-12</v>
      </c>
      <c r="E108" s="67">
        <v>55</v>
      </c>
      <c r="F108" s="68">
        <v>39</v>
      </c>
      <c r="G108" s="69">
        <v>16</v>
      </c>
      <c r="H108" s="68">
        <v>33</v>
      </c>
      <c r="I108" s="68">
        <v>13</v>
      </c>
      <c r="J108" s="68">
        <v>20</v>
      </c>
      <c r="K108" s="67">
        <v>32</v>
      </c>
      <c r="L108" s="79">
        <v>16</v>
      </c>
      <c r="M108" s="80">
        <v>16</v>
      </c>
    </row>
    <row r="109" spans="1:13">
      <c r="A109" s="27" t="s">
        <v>71</v>
      </c>
      <c r="B109" s="67">
        <v>-50</v>
      </c>
      <c r="C109" s="68">
        <v>-37</v>
      </c>
      <c r="D109" s="68">
        <v>-13</v>
      </c>
      <c r="E109" s="67">
        <v>64</v>
      </c>
      <c r="F109" s="68">
        <v>42</v>
      </c>
      <c r="G109" s="69">
        <v>22</v>
      </c>
      <c r="H109" s="68">
        <v>35</v>
      </c>
      <c r="I109" s="68">
        <v>13</v>
      </c>
      <c r="J109" s="68">
        <v>22</v>
      </c>
      <c r="K109" s="67">
        <v>21</v>
      </c>
      <c r="L109" s="79">
        <v>8</v>
      </c>
      <c r="M109" s="80">
        <v>13</v>
      </c>
    </row>
    <row r="110" spans="1:13">
      <c r="A110" s="27" t="s">
        <v>73</v>
      </c>
      <c r="B110" s="67">
        <v>-92</v>
      </c>
      <c r="C110" s="68">
        <v>-64</v>
      </c>
      <c r="D110" s="68">
        <v>-28</v>
      </c>
      <c r="E110" s="67">
        <v>93</v>
      </c>
      <c r="F110" s="68">
        <v>64</v>
      </c>
      <c r="G110" s="69">
        <v>29</v>
      </c>
      <c r="H110" s="68">
        <v>28</v>
      </c>
      <c r="I110" s="68">
        <v>9</v>
      </c>
      <c r="J110" s="68">
        <v>19</v>
      </c>
      <c r="K110" s="67">
        <v>27</v>
      </c>
      <c r="L110" s="79">
        <v>9</v>
      </c>
      <c r="M110" s="80">
        <v>18</v>
      </c>
    </row>
    <row r="111" spans="1:13" ht="21" customHeight="1">
      <c r="A111" s="38" t="s">
        <v>75</v>
      </c>
      <c r="B111" s="64">
        <v>-437</v>
      </c>
      <c r="C111" s="65">
        <v>-277</v>
      </c>
      <c r="D111" s="65">
        <v>-160</v>
      </c>
      <c r="E111" s="64">
        <v>491</v>
      </c>
      <c r="F111" s="65">
        <v>294</v>
      </c>
      <c r="G111" s="66">
        <v>197</v>
      </c>
      <c r="H111" s="65">
        <v>198</v>
      </c>
      <c r="I111" s="65">
        <v>69</v>
      </c>
      <c r="J111" s="65">
        <v>129</v>
      </c>
      <c r="K111" s="64">
        <v>144</v>
      </c>
      <c r="L111" s="77">
        <v>52</v>
      </c>
      <c r="M111" s="78">
        <v>92</v>
      </c>
    </row>
    <row r="112" spans="1:13">
      <c r="A112" s="27" t="s">
        <v>77</v>
      </c>
      <c r="B112" s="67">
        <v>-86</v>
      </c>
      <c r="C112" s="68">
        <v>-59</v>
      </c>
      <c r="D112" s="68">
        <v>-27</v>
      </c>
      <c r="E112" s="67">
        <v>100</v>
      </c>
      <c r="F112" s="68">
        <v>66</v>
      </c>
      <c r="G112" s="69">
        <v>34</v>
      </c>
      <c r="H112" s="68">
        <v>49</v>
      </c>
      <c r="I112" s="68">
        <v>20</v>
      </c>
      <c r="J112" s="68">
        <v>29</v>
      </c>
      <c r="K112" s="67">
        <v>35</v>
      </c>
      <c r="L112" s="79">
        <v>13</v>
      </c>
      <c r="M112" s="80">
        <v>22</v>
      </c>
    </row>
    <row r="113" spans="1:13">
      <c r="A113" s="27" t="s">
        <v>79</v>
      </c>
      <c r="B113" s="67">
        <v>-94</v>
      </c>
      <c r="C113" s="68">
        <v>-63</v>
      </c>
      <c r="D113" s="68">
        <v>-31</v>
      </c>
      <c r="E113" s="67">
        <v>98</v>
      </c>
      <c r="F113" s="68">
        <v>60</v>
      </c>
      <c r="G113" s="69">
        <v>38</v>
      </c>
      <c r="H113" s="68">
        <v>39</v>
      </c>
      <c r="I113" s="68">
        <v>11</v>
      </c>
      <c r="J113" s="68">
        <v>28</v>
      </c>
      <c r="K113" s="67">
        <v>35</v>
      </c>
      <c r="L113" s="79">
        <v>14</v>
      </c>
      <c r="M113" s="80">
        <v>21</v>
      </c>
    </row>
    <row r="114" spans="1:13">
      <c r="A114" s="27" t="s">
        <v>81</v>
      </c>
      <c r="B114" s="67">
        <v>-90</v>
      </c>
      <c r="C114" s="68">
        <v>-49</v>
      </c>
      <c r="D114" s="68">
        <v>-41</v>
      </c>
      <c r="E114" s="67">
        <v>91</v>
      </c>
      <c r="F114" s="68">
        <v>52</v>
      </c>
      <c r="G114" s="69">
        <v>39</v>
      </c>
      <c r="H114" s="68">
        <v>30</v>
      </c>
      <c r="I114" s="68">
        <v>13</v>
      </c>
      <c r="J114" s="68">
        <v>17</v>
      </c>
      <c r="K114" s="67">
        <v>29</v>
      </c>
      <c r="L114" s="79">
        <v>10</v>
      </c>
      <c r="M114" s="80">
        <v>19</v>
      </c>
    </row>
    <row r="115" spans="1:13">
      <c r="A115" s="27" t="s">
        <v>83</v>
      </c>
      <c r="B115" s="67">
        <v>-74</v>
      </c>
      <c r="C115" s="68">
        <v>-51</v>
      </c>
      <c r="D115" s="68">
        <v>-23</v>
      </c>
      <c r="E115" s="67">
        <v>93</v>
      </c>
      <c r="F115" s="68">
        <v>56</v>
      </c>
      <c r="G115" s="69">
        <v>37</v>
      </c>
      <c r="H115" s="68">
        <v>44</v>
      </c>
      <c r="I115" s="68">
        <v>14</v>
      </c>
      <c r="J115" s="68">
        <v>30</v>
      </c>
      <c r="K115" s="67">
        <v>25</v>
      </c>
      <c r="L115" s="79">
        <v>9</v>
      </c>
      <c r="M115" s="80">
        <v>16</v>
      </c>
    </row>
    <row r="116" spans="1:13">
      <c r="A116" s="27" t="s">
        <v>85</v>
      </c>
      <c r="B116" s="67">
        <v>-93</v>
      </c>
      <c r="C116" s="68">
        <v>-55</v>
      </c>
      <c r="D116" s="68">
        <v>-38</v>
      </c>
      <c r="E116" s="67">
        <v>109</v>
      </c>
      <c r="F116" s="68">
        <v>60</v>
      </c>
      <c r="G116" s="69">
        <v>49</v>
      </c>
      <c r="H116" s="68">
        <v>36</v>
      </c>
      <c r="I116" s="68">
        <v>11</v>
      </c>
      <c r="J116" s="68">
        <v>25</v>
      </c>
      <c r="K116" s="67">
        <v>20</v>
      </c>
      <c r="L116" s="79">
        <v>6</v>
      </c>
      <c r="M116" s="80">
        <v>14</v>
      </c>
    </row>
    <row r="117" spans="1:13" ht="21" customHeight="1">
      <c r="A117" s="38" t="s">
        <v>87</v>
      </c>
      <c r="B117" s="64">
        <v>-534</v>
      </c>
      <c r="C117" s="65">
        <v>-291</v>
      </c>
      <c r="D117" s="65">
        <v>-243</v>
      </c>
      <c r="E117" s="64">
        <v>606</v>
      </c>
      <c r="F117" s="65">
        <v>316</v>
      </c>
      <c r="G117" s="66">
        <v>290</v>
      </c>
      <c r="H117" s="65">
        <v>178</v>
      </c>
      <c r="I117" s="65">
        <v>50</v>
      </c>
      <c r="J117" s="65">
        <v>128</v>
      </c>
      <c r="K117" s="64">
        <v>106</v>
      </c>
      <c r="L117" s="77">
        <v>25</v>
      </c>
      <c r="M117" s="78">
        <v>81</v>
      </c>
    </row>
    <row r="118" spans="1:13">
      <c r="A118" s="27" t="s">
        <v>89</v>
      </c>
      <c r="B118" s="67">
        <v>-72</v>
      </c>
      <c r="C118" s="68">
        <v>-50</v>
      </c>
      <c r="D118" s="68">
        <v>-22</v>
      </c>
      <c r="E118" s="67">
        <v>90</v>
      </c>
      <c r="F118" s="68">
        <v>48</v>
      </c>
      <c r="G118" s="69">
        <v>42</v>
      </c>
      <c r="H118" s="68">
        <v>37</v>
      </c>
      <c r="I118" s="68">
        <v>4</v>
      </c>
      <c r="J118" s="68">
        <v>33</v>
      </c>
      <c r="K118" s="67">
        <v>19</v>
      </c>
      <c r="L118" s="79">
        <v>6</v>
      </c>
      <c r="M118" s="80">
        <v>13</v>
      </c>
    </row>
    <row r="119" spans="1:13">
      <c r="A119" s="27" t="s">
        <v>91</v>
      </c>
      <c r="B119" s="67">
        <v>-126</v>
      </c>
      <c r="C119" s="68">
        <v>-70</v>
      </c>
      <c r="D119" s="68">
        <v>-56</v>
      </c>
      <c r="E119" s="67">
        <v>134</v>
      </c>
      <c r="F119" s="68">
        <v>79</v>
      </c>
      <c r="G119" s="69">
        <v>55</v>
      </c>
      <c r="H119" s="68">
        <v>34</v>
      </c>
      <c r="I119" s="68">
        <v>12</v>
      </c>
      <c r="J119" s="68">
        <v>22</v>
      </c>
      <c r="K119" s="67">
        <v>26</v>
      </c>
      <c r="L119" s="79">
        <v>3</v>
      </c>
      <c r="M119" s="80">
        <v>23</v>
      </c>
    </row>
    <row r="120" spans="1:13">
      <c r="A120" s="27" t="s">
        <v>93</v>
      </c>
      <c r="B120" s="67">
        <v>-116</v>
      </c>
      <c r="C120" s="68">
        <v>-53</v>
      </c>
      <c r="D120" s="68">
        <v>-63</v>
      </c>
      <c r="E120" s="67">
        <v>138</v>
      </c>
      <c r="F120" s="68">
        <v>69</v>
      </c>
      <c r="G120" s="69">
        <v>69</v>
      </c>
      <c r="H120" s="68">
        <v>50</v>
      </c>
      <c r="I120" s="68">
        <v>21</v>
      </c>
      <c r="J120" s="68">
        <v>29</v>
      </c>
      <c r="K120" s="67">
        <v>28</v>
      </c>
      <c r="L120" s="79">
        <v>5</v>
      </c>
      <c r="M120" s="80">
        <v>23</v>
      </c>
    </row>
    <row r="121" spans="1:13">
      <c r="A121" s="27" t="s">
        <v>95</v>
      </c>
      <c r="B121" s="67">
        <v>-115</v>
      </c>
      <c r="C121" s="68">
        <v>-60</v>
      </c>
      <c r="D121" s="68">
        <v>-55</v>
      </c>
      <c r="E121" s="67">
        <v>118</v>
      </c>
      <c r="F121" s="68">
        <v>59</v>
      </c>
      <c r="G121" s="69">
        <v>59</v>
      </c>
      <c r="H121" s="68">
        <v>28</v>
      </c>
      <c r="I121" s="68">
        <v>6</v>
      </c>
      <c r="J121" s="68">
        <v>22</v>
      </c>
      <c r="K121" s="67">
        <v>25</v>
      </c>
      <c r="L121" s="79">
        <v>7</v>
      </c>
      <c r="M121" s="80">
        <v>18</v>
      </c>
    </row>
    <row r="122" spans="1:13">
      <c r="A122" s="27" t="s">
        <v>97</v>
      </c>
      <c r="B122" s="67">
        <v>-105</v>
      </c>
      <c r="C122" s="68">
        <v>-58</v>
      </c>
      <c r="D122" s="68">
        <v>-47</v>
      </c>
      <c r="E122" s="67">
        <v>126</v>
      </c>
      <c r="F122" s="68">
        <v>61</v>
      </c>
      <c r="G122" s="69">
        <v>65</v>
      </c>
      <c r="H122" s="68">
        <v>29</v>
      </c>
      <c r="I122" s="68">
        <v>7</v>
      </c>
      <c r="J122" s="68">
        <v>22</v>
      </c>
      <c r="K122" s="67">
        <v>8</v>
      </c>
      <c r="L122" s="79">
        <v>4</v>
      </c>
      <c r="M122" s="80">
        <v>4</v>
      </c>
    </row>
    <row r="123" spans="1:13" ht="21" customHeight="1">
      <c r="A123" s="38" t="s">
        <v>99</v>
      </c>
      <c r="B123" s="64">
        <v>-519</v>
      </c>
      <c r="C123" s="65">
        <v>-211</v>
      </c>
      <c r="D123" s="65">
        <v>-308</v>
      </c>
      <c r="E123" s="64">
        <v>536</v>
      </c>
      <c r="F123" s="65">
        <v>216</v>
      </c>
      <c r="G123" s="66">
        <v>320</v>
      </c>
      <c r="H123" s="65">
        <v>103</v>
      </c>
      <c r="I123" s="65">
        <v>26</v>
      </c>
      <c r="J123" s="65">
        <v>77</v>
      </c>
      <c r="K123" s="64">
        <v>86</v>
      </c>
      <c r="L123" s="77">
        <v>21</v>
      </c>
      <c r="M123" s="78">
        <v>65</v>
      </c>
    </row>
    <row r="124" spans="1:13">
      <c r="A124" s="27" t="s">
        <v>101</v>
      </c>
      <c r="B124" s="67">
        <v>-117</v>
      </c>
      <c r="C124" s="68">
        <v>-48</v>
      </c>
      <c r="D124" s="68">
        <v>-69</v>
      </c>
      <c r="E124" s="67">
        <v>114</v>
      </c>
      <c r="F124" s="68">
        <v>47</v>
      </c>
      <c r="G124" s="69">
        <v>67</v>
      </c>
      <c r="H124" s="68">
        <v>26</v>
      </c>
      <c r="I124" s="68">
        <v>9</v>
      </c>
      <c r="J124" s="68">
        <v>17</v>
      </c>
      <c r="K124" s="67">
        <v>29</v>
      </c>
      <c r="L124" s="79">
        <v>10</v>
      </c>
      <c r="M124" s="80">
        <v>19</v>
      </c>
    </row>
    <row r="125" spans="1:13">
      <c r="A125" s="27" t="s">
        <v>103</v>
      </c>
      <c r="B125" s="67">
        <v>-122</v>
      </c>
      <c r="C125" s="68">
        <v>-56</v>
      </c>
      <c r="D125" s="68">
        <v>-66</v>
      </c>
      <c r="E125" s="67">
        <v>122</v>
      </c>
      <c r="F125" s="68">
        <v>58</v>
      </c>
      <c r="G125" s="69">
        <v>64</v>
      </c>
      <c r="H125" s="68">
        <v>20</v>
      </c>
      <c r="I125" s="68">
        <v>6</v>
      </c>
      <c r="J125" s="68">
        <v>14</v>
      </c>
      <c r="K125" s="67">
        <v>20</v>
      </c>
      <c r="L125" s="79">
        <v>4</v>
      </c>
      <c r="M125" s="80">
        <v>16</v>
      </c>
    </row>
    <row r="126" spans="1:13">
      <c r="A126" s="27" t="s">
        <v>105</v>
      </c>
      <c r="B126" s="67">
        <v>-112</v>
      </c>
      <c r="C126" s="68">
        <v>-46</v>
      </c>
      <c r="D126" s="68">
        <v>-66</v>
      </c>
      <c r="E126" s="67">
        <v>118</v>
      </c>
      <c r="F126" s="68">
        <v>46</v>
      </c>
      <c r="G126" s="69">
        <v>72</v>
      </c>
      <c r="H126" s="68">
        <v>21</v>
      </c>
      <c r="I126" s="68">
        <v>3</v>
      </c>
      <c r="J126" s="68">
        <v>18</v>
      </c>
      <c r="K126" s="67">
        <v>15</v>
      </c>
      <c r="L126" s="79">
        <v>3</v>
      </c>
      <c r="M126" s="80">
        <v>12</v>
      </c>
    </row>
    <row r="127" spans="1:13">
      <c r="A127" s="27" t="s">
        <v>107</v>
      </c>
      <c r="B127" s="67">
        <v>-88</v>
      </c>
      <c r="C127" s="68">
        <v>-34</v>
      </c>
      <c r="D127" s="68">
        <v>-54</v>
      </c>
      <c r="E127" s="67">
        <v>94</v>
      </c>
      <c r="F127" s="68">
        <v>36</v>
      </c>
      <c r="G127" s="69">
        <v>58</v>
      </c>
      <c r="H127" s="68">
        <v>23</v>
      </c>
      <c r="I127" s="68">
        <v>6</v>
      </c>
      <c r="J127" s="68">
        <v>17</v>
      </c>
      <c r="K127" s="67">
        <v>17</v>
      </c>
      <c r="L127" s="79">
        <v>4</v>
      </c>
      <c r="M127" s="80">
        <v>13</v>
      </c>
    </row>
    <row r="128" spans="1:13">
      <c r="A128" s="27" t="s">
        <v>109</v>
      </c>
      <c r="B128" s="67">
        <v>-80</v>
      </c>
      <c r="C128" s="68">
        <v>-27</v>
      </c>
      <c r="D128" s="68">
        <v>-53</v>
      </c>
      <c r="E128" s="67">
        <v>88</v>
      </c>
      <c r="F128" s="68">
        <v>29</v>
      </c>
      <c r="G128" s="69">
        <v>59</v>
      </c>
      <c r="H128" s="68">
        <v>13</v>
      </c>
      <c r="I128" s="68">
        <v>2</v>
      </c>
      <c r="J128" s="68">
        <v>11</v>
      </c>
      <c r="K128" s="67">
        <v>5</v>
      </c>
      <c r="L128" s="79">
        <v>0</v>
      </c>
      <c r="M128" s="80">
        <v>5</v>
      </c>
    </row>
    <row r="129" spans="1:14" ht="21" customHeight="1">
      <c r="A129" s="38" t="s">
        <v>111</v>
      </c>
      <c r="B129" s="64">
        <v>-321</v>
      </c>
      <c r="C129" s="65">
        <v>-103</v>
      </c>
      <c r="D129" s="65">
        <v>-218</v>
      </c>
      <c r="E129" s="64">
        <v>314</v>
      </c>
      <c r="F129" s="65">
        <v>97</v>
      </c>
      <c r="G129" s="66">
        <v>217</v>
      </c>
      <c r="H129" s="65">
        <v>20</v>
      </c>
      <c r="I129" s="65">
        <v>3</v>
      </c>
      <c r="J129" s="65">
        <v>17</v>
      </c>
      <c r="K129" s="64">
        <v>27</v>
      </c>
      <c r="L129" s="77">
        <v>9</v>
      </c>
      <c r="M129" s="78">
        <v>18</v>
      </c>
    </row>
    <row r="130" spans="1:14">
      <c r="A130" s="27" t="s">
        <v>113</v>
      </c>
      <c r="B130" s="67">
        <v>-97</v>
      </c>
      <c r="C130" s="68">
        <v>-41</v>
      </c>
      <c r="D130" s="68">
        <v>-56</v>
      </c>
      <c r="E130" s="67">
        <v>96</v>
      </c>
      <c r="F130" s="68">
        <v>38</v>
      </c>
      <c r="G130" s="69">
        <v>58</v>
      </c>
      <c r="H130" s="68">
        <v>7</v>
      </c>
      <c r="I130" s="68">
        <v>1</v>
      </c>
      <c r="J130" s="68">
        <v>6</v>
      </c>
      <c r="K130" s="67">
        <v>8</v>
      </c>
      <c r="L130" s="79">
        <v>4</v>
      </c>
      <c r="M130" s="80">
        <v>4</v>
      </c>
    </row>
    <row r="131" spans="1:14">
      <c r="A131" s="27" t="s">
        <v>115</v>
      </c>
      <c r="B131" s="67">
        <v>-69</v>
      </c>
      <c r="C131" s="68">
        <v>-26</v>
      </c>
      <c r="D131" s="68">
        <v>-43</v>
      </c>
      <c r="E131" s="67">
        <v>69</v>
      </c>
      <c r="F131" s="68">
        <v>24</v>
      </c>
      <c r="G131" s="69">
        <v>45</v>
      </c>
      <c r="H131" s="68">
        <v>8</v>
      </c>
      <c r="I131" s="68">
        <v>1</v>
      </c>
      <c r="J131" s="68">
        <v>7</v>
      </c>
      <c r="K131" s="67">
        <v>8</v>
      </c>
      <c r="L131" s="79">
        <v>3</v>
      </c>
      <c r="M131" s="80">
        <v>5</v>
      </c>
    </row>
    <row r="132" spans="1:14">
      <c r="A132" s="27" t="s">
        <v>117</v>
      </c>
      <c r="B132" s="67">
        <v>-75</v>
      </c>
      <c r="C132" s="68">
        <v>-19</v>
      </c>
      <c r="D132" s="68">
        <v>-56</v>
      </c>
      <c r="E132" s="67">
        <v>74</v>
      </c>
      <c r="F132" s="68">
        <v>17</v>
      </c>
      <c r="G132" s="69">
        <v>57</v>
      </c>
      <c r="H132" s="68">
        <v>4</v>
      </c>
      <c r="I132" s="68">
        <v>0</v>
      </c>
      <c r="J132" s="68">
        <v>4</v>
      </c>
      <c r="K132" s="67">
        <v>5</v>
      </c>
      <c r="L132" s="79">
        <v>2</v>
      </c>
      <c r="M132" s="80">
        <v>3</v>
      </c>
    </row>
    <row r="133" spans="1:14">
      <c r="A133" s="27" t="s">
        <v>119</v>
      </c>
      <c r="B133" s="67">
        <v>-50</v>
      </c>
      <c r="C133" s="68">
        <v>-13</v>
      </c>
      <c r="D133" s="68">
        <v>-37</v>
      </c>
      <c r="E133" s="67">
        <v>47</v>
      </c>
      <c r="F133" s="68">
        <v>13</v>
      </c>
      <c r="G133" s="69">
        <v>34</v>
      </c>
      <c r="H133" s="68">
        <v>0</v>
      </c>
      <c r="I133" s="68">
        <v>0</v>
      </c>
      <c r="J133" s="68">
        <v>0</v>
      </c>
      <c r="K133" s="67">
        <v>3</v>
      </c>
      <c r="L133" s="79">
        <v>0</v>
      </c>
      <c r="M133" s="80">
        <v>3</v>
      </c>
    </row>
    <row r="134" spans="1:14">
      <c r="A134" s="27" t="s">
        <v>121</v>
      </c>
      <c r="B134" s="67">
        <v>-30</v>
      </c>
      <c r="C134" s="68">
        <v>-4</v>
      </c>
      <c r="D134" s="68">
        <v>-26</v>
      </c>
      <c r="E134" s="67">
        <v>28</v>
      </c>
      <c r="F134" s="68">
        <v>5</v>
      </c>
      <c r="G134" s="69">
        <v>23</v>
      </c>
      <c r="H134" s="68">
        <v>1</v>
      </c>
      <c r="I134" s="68">
        <v>1</v>
      </c>
      <c r="J134" s="68">
        <v>0</v>
      </c>
      <c r="K134" s="67">
        <v>3</v>
      </c>
      <c r="L134" s="79">
        <v>0</v>
      </c>
      <c r="M134" s="80">
        <v>3</v>
      </c>
    </row>
    <row r="135" spans="1:14" ht="21" customHeight="1">
      <c r="A135" s="39" t="s">
        <v>122</v>
      </c>
      <c r="B135" s="42">
        <v>-56</v>
      </c>
      <c r="C135" s="40">
        <v>-11</v>
      </c>
      <c r="D135" s="40">
        <v>-45</v>
      </c>
      <c r="E135" s="42">
        <v>58</v>
      </c>
      <c r="F135" s="40">
        <v>12</v>
      </c>
      <c r="G135" s="43">
        <v>46</v>
      </c>
      <c r="H135" s="40">
        <v>3</v>
      </c>
      <c r="I135" s="40">
        <v>1</v>
      </c>
      <c r="J135" s="40">
        <v>2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59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8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910</v>
      </c>
      <c r="C5" s="62">
        <v>-689</v>
      </c>
      <c r="D5" s="62">
        <v>-221</v>
      </c>
      <c r="E5" s="61">
        <v>2432</v>
      </c>
      <c r="F5" s="62">
        <v>1280</v>
      </c>
      <c r="G5" s="63">
        <v>1152</v>
      </c>
      <c r="H5" s="62">
        <v>9623</v>
      </c>
      <c r="I5" s="62">
        <v>4996</v>
      </c>
      <c r="J5" s="62">
        <v>4627</v>
      </c>
      <c r="K5" s="61">
        <v>9333</v>
      </c>
      <c r="L5" s="75">
        <v>4990</v>
      </c>
      <c r="M5" s="76">
        <v>4343</v>
      </c>
    </row>
    <row r="6" spans="1:13" ht="23.25" customHeight="1">
      <c r="A6" s="36" t="s">
        <v>2</v>
      </c>
      <c r="B6" s="64">
        <v>1353</v>
      </c>
      <c r="C6" s="65">
        <v>629</v>
      </c>
      <c r="D6" s="65">
        <v>724</v>
      </c>
      <c r="E6" s="64">
        <v>2</v>
      </c>
      <c r="F6" s="65">
        <v>1</v>
      </c>
      <c r="G6" s="66">
        <v>1</v>
      </c>
      <c r="H6" s="65">
        <v>561</v>
      </c>
      <c r="I6" s="65">
        <v>288</v>
      </c>
      <c r="J6" s="65">
        <v>273</v>
      </c>
      <c r="K6" s="64">
        <v>438</v>
      </c>
      <c r="L6" s="77">
        <v>243</v>
      </c>
      <c r="M6" s="78">
        <v>195</v>
      </c>
    </row>
    <row r="7" spans="1:13">
      <c r="A7" s="15" t="s">
        <v>4</v>
      </c>
      <c r="B7" s="67">
        <v>1262</v>
      </c>
      <c r="C7" s="68">
        <v>587</v>
      </c>
      <c r="D7" s="68">
        <v>675</v>
      </c>
      <c r="E7" s="67">
        <v>1</v>
      </c>
      <c r="F7" s="68">
        <v>1</v>
      </c>
      <c r="G7" s="69">
        <v>0</v>
      </c>
      <c r="H7" s="68">
        <v>93</v>
      </c>
      <c r="I7" s="68">
        <v>37</v>
      </c>
      <c r="J7" s="68">
        <v>56</v>
      </c>
      <c r="K7" s="67">
        <v>62</v>
      </c>
      <c r="L7" s="79">
        <v>34</v>
      </c>
      <c r="M7" s="80">
        <v>28</v>
      </c>
    </row>
    <row r="8" spans="1:13">
      <c r="A8" s="15" t="s">
        <v>6</v>
      </c>
      <c r="B8" s="67">
        <v>26</v>
      </c>
      <c r="C8" s="68">
        <v>8</v>
      </c>
      <c r="D8" s="68">
        <v>18</v>
      </c>
      <c r="E8" s="67">
        <v>1</v>
      </c>
      <c r="F8" s="68">
        <v>0</v>
      </c>
      <c r="G8" s="69">
        <v>1</v>
      </c>
      <c r="H8" s="68">
        <v>151</v>
      </c>
      <c r="I8" s="68">
        <v>78</v>
      </c>
      <c r="J8" s="68">
        <v>73</v>
      </c>
      <c r="K8" s="67">
        <v>124</v>
      </c>
      <c r="L8" s="79">
        <v>70</v>
      </c>
      <c r="M8" s="80">
        <v>54</v>
      </c>
    </row>
    <row r="9" spans="1:13">
      <c r="A9" s="15" t="s">
        <v>8</v>
      </c>
      <c r="B9" s="67">
        <v>9</v>
      </c>
      <c r="C9" s="68">
        <v>6</v>
      </c>
      <c r="D9" s="68">
        <v>3</v>
      </c>
      <c r="E9" s="67">
        <v>0</v>
      </c>
      <c r="F9" s="68">
        <v>0</v>
      </c>
      <c r="G9" s="69">
        <v>0</v>
      </c>
      <c r="H9" s="68">
        <v>117</v>
      </c>
      <c r="I9" s="68">
        <v>70</v>
      </c>
      <c r="J9" s="68">
        <v>47</v>
      </c>
      <c r="K9" s="67">
        <v>108</v>
      </c>
      <c r="L9" s="79">
        <v>64</v>
      </c>
      <c r="M9" s="80">
        <v>44</v>
      </c>
    </row>
    <row r="10" spans="1:13">
      <c r="A10" s="15" t="s">
        <v>10</v>
      </c>
      <c r="B10" s="67">
        <v>17</v>
      </c>
      <c r="C10" s="68">
        <v>7</v>
      </c>
      <c r="D10" s="68">
        <v>10</v>
      </c>
      <c r="E10" s="67">
        <v>0</v>
      </c>
      <c r="F10" s="68">
        <v>0</v>
      </c>
      <c r="G10" s="69">
        <v>0</v>
      </c>
      <c r="H10" s="68">
        <v>106</v>
      </c>
      <c r="I10" s="68">
        <v>57</v>
      </c>
      <c r="J10" s="68">
        <v>49</v>
      </c>
      <c r="K10" s="67">
        <v>89</v>
      </c>
      <c r="L10" s="79">
        <v>50</v>
      </c>
      <c r="M10" s="80">
        <v>39</v>
      </c>
    </row>
    <row r="11" spans="1:13">
      <c r="A11" s="15" t="s">
        <v>12</v>
      </c>
      <c r="B11" s="67">
        <v>39</v>
      </c>
      <c r="C11" s="68">
        <v>21</v>
      </c>
      <c r="D11" s="68">
        <v>18</v>
      </c>
      <c r="E11" s="67">
        <v>0</v>
      </c>
      <c r="F11" s="68">
        <v>0</v>
      </c>
      <c r="G11" s="69">
        <v>0</v>
      </c>
      <c r="H11" s="68">
        <v>94</v>
      </c>
      <c r="I11" s="68">
        <v>46</v>
      </c>
      <c r="J11" s="68">
        <v>48</v>
      </c>
      <c r="K11" s="67">
        <v>55</v>
      </c>
      <c r="L11" s="79">
        <v>25</v>
      </c>
      <c r="M11" s="80">
        <v>30</v>
      </c>
    </row>
    <row r="12" spans="1:13" ht="21" customHeight="1">
      <c r="A12" s="36" t="s">
        <v>14</v>
      </c>
      <c r="B12" s="64">
        <v>58</v>
      </c>
      <c r="C12" s="65">
        <v>23</v>
      </c>
      <c r="D12" s="65">
        <v>35</v>
      </c>
      <c r="E12" s="64">
        <v>0</v>
      </c>
      <c r="F12" s="65">
        <v>0</v>
      </c>
      <c r="G12" s="66">
        <v>0</v>
      </c>
      <c r="H12" s="65">
        <v>282</v>
      </c>
      <c r="I12" s="65">
        <v>142</v>
      </c>
      <c r="J12" s="65">
        <v>140</v>
      </c>
      <c r="K12" s="64">
        <v>224</v>
      </c>
      <c r="L12" s="77">
        <v>119</v>
      </c>
      <c r="M12" s="78">
        <v>105</v>
      </c>
    </row>
    <row r="13" spans="1:13">
      <c r="A13" s="15" t="s">
        <v>16</v>
      </c>
      <c r="B13" s="67">
        <v>16</v>
      </c>
      <c r="C13" s="68">
        <v>9</v>
      </c>
      <c r="D13" s="68">
        <v>7</v>
      </c>
      <c r="E13" s="67">
        <v>0</v>
      </c>
      <c r="F13" s="68">
        <v>0</v>
      </c>
      <c r="G13" s="69">
        <v>0</v>
      </c>
      <c r="H13" s="68">
        <v>80</v>
      </c>
      <c r="I13" s="68">
        <v>41</v>
      </c>
      <c r="J13" s="68">
        <v>39</v>
      </c>
      <c r="K13" s="67">
        <v>64</v>
      </c>
      <c r="L13" s="79">
        <v>32</v>
      </c>
      <c r="M13" s="80">
        <v>32</v>
      </c>
    </row>
    <row r="14" spans="1:13">
      <c r="A14" s="15" t="s">
        <v>18</v>
      </c>
      <c r="B14" s="67">
        <v>8</v>
      </c>
      <c r="C14" s="68">
        <v>-5</v>
      </c>
      <c r="D14" s="68">
        <v>13</v>
      </c>
      <c r="E14" s="67">
        <v>0</v>
      </c>
      <c r="F14" s="68">
        <v>0</v>
      </c>
      <c r="G14" s="69">
        <v>0</v>
      </c>
      <c r="H14" s="68">
        <v>65</v>
      </c>
      <c r="I14" s="68">
        <v>31</v>
      </c>
      <c r="J14" s="68">
        <v>34</v>
      </c>
      <c r="K14" s="67">
        <v>57</v>
      </c>
      <c r="L14" s="79">
        <v>36</v>
      </c>
      <c r="M14" s="80">
        <v>21</v>
      </c>
    </row>
    <row r="15" spans="1:13">
      <c r="A15" s="15" t="s">
        <v>20</v>
      </c>
      <c r="B15" s="67">
        <v>17</v>
      </c>
      <c r="C15" s="68">
        <v>9</v>
      </c>
      <c r="D15" s="68">
        <v>8</v>
      </c>
      <c r="E15" s="67">
        <v>0</v>
      </c>
      <c r="F15" s="68">
        <v>0</v>
      </c>
      <c r="G15" s="69">
        <v>0</v>
      </c>
      <c r="H15" s="68">
        <v>59</v>
      </c>
      <c r="I15" s="68">
        <v>30</v>
      </c>
      <c r="J15" s="68">
        <v>29</v>
      </c>
      <c r="K15" s="67">
        <v>42</v>
      </c>
      <c r="L15" s="79">
        <v>21</v>
      </c>
      <c r="M15" s="80">
        <v>21</v>
      </c>
    </row>
    <row r="16" spans="1:13">
      <c r="A16" s="15" t="s">
        <v>22</v>
      </c>
      <c r="B16" s="67">
        <v>3</v>
      </c>
      <c r="C16" s="68">
        <v>8</v>
      </c>
      <c r="D16" s="68">
        <v>-5</v>
      </c>
      <c r="E16" s="67">
        <v>0</v>
      </c>
      <c r="F16" s="68">
        <v>0</v>
      </c>
      <c r="G16" s="69">
        <v>0</v>
      </c>
      <c r="H16" s="68">
        <v>34</v>
      </c>
      <c r="I16" s="68">
        <v>21</v>
      </c>
      <c r="J16" s="68">
        <v>13</v>
      </c>
      <c r="K16" s="67">
        <v>31</v>
      </c>
      <c r="L16" s="79">
        <v>13</v>
      </c>
      <c r="M16" s="80">
        <v>18</v>
      </c>
    </row>
    <row r="17" spans="1:13">
      <c r="A17" s="15" t="s">
        <v>24</v>
      </c>
      <c r="B17" s="67">
        <v>14</v>
      </c>
      <c r="C17" s="68">
        <v>2</v>
      </c>
      <c r="D17" s="68">
        <v>12</v>
      </c>
      <c r="E17" s="67">
        <v>0</v>
      </c>
      <c r="F17" s="68">
        <v>0</v>
      </c>
      <c r="G17" s="69">
        <v>0</v>
      </c>
      <c r="H17" s="68">
        <v>44</v>
      </c>
      <c r="I17" s="68">
        <v>19</v>
      </c>
      <c r="J17" s="68">
        <v>25</v>
      </c>
      <c r="K17" s="67">
        <v>30</v>
      </c>
      <c r="L17" s="79">
        <v>17</v>
      </c>
      <c r="M17" s="80">
        <v>13</v>
      </c>
    </row>
    <row r="18" spans="1:13" ht="21" customHeight="1">
      <c r="A18" s="36" t="s">
        <v>26</v>
      </c>
      <c r="B18" s="64">
        <v>24</v>
      </c>
      <c r="C18" s="65">
        <v>13</v>
      </c>
      <c r="D18" s="65">
        <v>11</v>
      </c>
      <c r="E18" s="64">
        <v>0</v>
      </c>
      <c r="F18" s="65">
        <v>0</v>
      </c>
      <c r="G18" s="66">
        <v>0</v>
      </c>
      <c r="H18" s="65">
        <v>149</v>
      </c>
      <c r="I18" s="65">
        <v>78</v>
      </c>
      <c r="J18" s="65">
        <v>71</v>
      </c>
      <c r="K18" s="64">
        <v>125</v>
      </c>
      <c r="L18" s="77">
        <v>65</v>
      </c>
      <c r="M18" s="78">
        <v>60</v>
      </c>
    </row>
    <row r="19" spans="1:13">
      <c r="A19" s="15" t="s">
        <v>28</v>
      </c>
      <c r="B19" s="67">
        <v>-1</v>
      </c>
      <c r="C19" s="68">
        <v>-4</v>
      </c>
      <c r="D19" s="68">
        <v>3</v>
      </c>
      <c r="E19" s="67">
        <v>0</v>
      </c>
      <c r="F19" s="68">
        <v>0</v>
      </c>
      <c r="G19" s="69">
        <v>0</v>
      </c>
      <c r="H19" s="68">
        <v>27</v>
      </c>
      <c r="I19" s="68">
        <v>12</v>
      </c>
      <c r="J19" s="68">
        <v>15</v>
      </c>
      <c r="K19" s="67">
        <v>28</v>
      </c>
      <c r="L19" s="79">
        <v>16</v>
      </c>
      <c r="M19" s="80">
        <v>12</v>
      </c>
    </row>
    <row r="20" spans="1:13">
      <c r="A20" s="15" t="s">
        <v>30</v>
      </c>
      <c r="B20" s="67">
        <v>-1</v>
      </c>
      <c r="C20" s="68">
        <v>1</v>
      </c>
      <c r="D20" s="68">
        <v>-2</v>
      </c>
      <c r="E20" s="67">
        <v>0</v>
      </c>
      <c r="F20" s="68">
        <v>0</v>
      </c>
      <c r="G20" s="69">
        <v>0</v>
      </c>
      <c r="H20" s="68">
        <v>28</v>
      </c>
      <c r="I20" s="68">
        <v>21</v>
      </c>
      <c r="J20" s="68">
        <v>7</v>
      </c>
      <c r="K20" s="67">
        <v>29</v>
      </c>
      <c r="L20" s="79">
        <v>20</v>
      </c>
      <c r="M20" s="80">
        <v>9</v>
      </c>
    </row>
    <row r="21" spans="1:13">
      <c r="A21" s="15" t="s">
        <v>32</v>
      </c>
      <c r="B21" s="67">
        <v>13</v>
      </c>
      <c r="C21" s="68">
        <v>7</v>
      </c>
      <c r="D21" s="68">
        <v>6</v>
      </c>
      <c r="E21" s="67">
        <v>0</v>
      </c>
      <c r="F21" s="68">
        <v>0</v>
      </c>
      <c r="G21" s="69">
        <v>0</v>
      </c>
      <c r="H21" s="68">
        <v>29</v>
      </c>
      <c r="I21" s="68">
        <v>13</v>
      </c>
      <c r="J21" s="68">
        <v>16</v>
      </c>
      <c r="K21" s="67">
        <v>16</v>
      </c>
      <c r="L21" s="79">
        <v>6</v>
      </c>
      <c r="M21" s="80">
        <v>10</v>
      </c>
    </row>
    <row r="22" spans="1:13">
      <c r="A22" s="15" t="s">
        <v>34</v>
      </c>
      <c r="B22" s="67">
        <v>4</v>
      </c>
      <c r="C22" s="68">
        <v>6</v>
      </c>
      <c r="D22" s="68">
        <v>-2</v>
      </c>
      <c r="E22" s="67">
        <v>0</v>
      </c>
      <c r="F22" s="68">
        <v>0</v>
      </c>
      <c r="G22" s="69">
        <v>0</v>
      </c>
      <c r="H22" s="68">
        <v>35</v>
      </c>
      <c r="I22" s="68">
        <v>17</v>
      </c>
      <c r="J22" s="68">
        <v>18</v>
      </c>
      <c r="K22" s="67">
        <v>31</v>
      </c>
      <c r="L22" s="79">
        <v>11</v>
      </c>
      <c r="M22" s="80">
        <v>20</v>
      </c>
    </row>
    <row r="23" spans="1:13">
      <c r="A23" s="15" t="s">
        <v>36</v>
      </c>
      <c r="B23" s="67">
        <v>9</v>
      </c>
      <c r="C23" s="68">
        <v>3</v>
      </c>
      <c r="D23" s="68">
        <v>6</v>
      </c>
      <c r="E23" s="67">
        <v>0</v>
      </c>
      <c r="F23" s="68">
        <v>0</v>
      </c>
      <c r="G23" s="69">
        <v>0</v>
      </c>
      <c r="H23" s="68">
        <v>30</v>
      </c>
      <c r="I23" s="68">
        <v>15</v>
      </c>
      <c r="J23" s="68">
        <v>15</v>
      </c>
      <c r="K23" s="67">
        <v>21</v>
      </c>
      <c r="L23" s="79">
        <v>12</v>
      </c>
      <c r="M23" s="80">
        <v>9</v>
      </c>
    </row>
    <row r="24" spans="1:13" ht="21" customHeight="1">
      <c r="A24" s="36" t="s">
        <v>38</v>
      </c>
      <c r="B24" s="64">
        <v>22</v>
      </c>
      <c r="C24" s="65">
        <v>2</v>
      </c>
      <c r="D24" s="65">
        <v>20</v>
      </c>
      <c r="E24" s="64">
        <v>1</v>
      </c>
      <c r="F24" s="65">
        <v>1</v>
      </c>
      <c r="G24" s="66">
        <v>0</v>
      </c>
      <c r="H24" s="65">
        <v>233</v>
      </c>
      <c r="I24" s="65">
        <v>109</v>
      </c>
      <c r="J24" s="65">
        <v>124</v>
      </c>
      <c r="K24" s="64">
        <v>210</v>
      </c>
      <c r="L24" s="77">
        <v>106</v>
      </c>
      <c r="M24" s="78">
        <v>104</v>
      </c>
    </row>
    <row r="25" spans="1:13">
      <c r="A25" s="15" t="s">
        <v>40</v>
      </c>
      <c r="B25" s="67">
        <v>5</v>
      </c>
      <c r="C25" s="68">
        <v>2</v>
      </c>
      <c r="D25" s="68">
        <v>3</v>
      </c>
      <c r="E25" s="67">
        <v>0</v>
      </c>
      <c r="F25" s="68">
        <v>0</v>
      </c>
      <c r="G25" s="69">
        <v>0</v>
      </c>
      <c r="H25" s="68">
        <v>27</v>
      </c>
      <c r="I25" s="68">
        <v>11</v>
      </c>
      <c r="J25" s="68">
        <v>16</v>
      </c>
      <c r="K25" s="67">
        <v>22</v>
      </c>
      <c r="L25" s="79">
        <v>9</v>
      </c>
      <c r="M25" s="80">
        <v>13</v>
      </c>
    </row>
    <row r="26" spans="1:13">
      <c r="A26" s="15" t="s">
        <v>42</v>
      </c>
      <c r="B26" s="67">
        <v>4</v>
      </c>
      <c r="C26" s="68">
        <v>-6</v>
      </c>
      <c r="D26" s="68">
        <v>10</v>
      </c>
      <c r="E26" s="67">
        <v>0</v>
      </c>
      <c r="F26" s="68">
        <v>0</v>
      </c>
      <c r="G26" s="69">
        <v>0</v>
      </c>
      <c r="H26" s="68">
        <v>36</v>
      </c>
      <c r="I26" s="68">
        <v>15</v>
      </c>
      <c r="J26" s="68">
        <v>21</v>
      </c>
      <c r="K26" s="67">
        <v>32</v>
      </c>
      <c r="L26" s="79">
        <v>21</v>
      </c>
      <c r="M26" s="80">
        <v>11</v>
      </c>
    </row>
    <row r="27" spans="1:13">
      <c r="A27" s="15" t="s">
        <v>44</v>
      </c>
      <c r="B27" s="67">
        <v>6</v>
      </c>
      <c r="C27" s="68">
        <v>-2</v>
      </c>
      <c r="D27" s="68">
        <v>8</v>
      </c>
      <c r="E27" s="67">
        <v>1</v>
      </c>
      <c r="F27" s="68">
        <v>1</v>
      </c>
      <c r="G27" s="69">
        <v>0</v>
      </c>
      <c r="H27" s="68">
        <v>22</v>
      </c>
      <c r="I27" s="68">
        <v>8</v>
      </c>
      <c r="J27" s="68">
        <v>14</v>
      </c>
      <c r="K27" s="67">
        <v>15</v>
      </c>
      <c r="L27" s="79">
        <v>9</v>
      </c>
      <c r="M27" s="80">
        <v>6</v>
      </c>
    </row>
    <row r="28" spans="1:13">
      <c r="A28" s="15" t="s">
        <v>46</v>
      </c>
      <c r="B28" s="67">
        <v>12</v>
      </c>
      <c r="C28" s="68">
        <v>7</v>
      </c>
      <c r="D28" s="68">
        <v>5</v>
      </c>
      <c r="E28" s="67">
        <v>0</v>
      </c>
      <c r="F28" s="68">
        <v>0</v>
      </c>
      <c r="G28" s="69">
        <v>0</v>
      </c>
      <c r="H28" s="68">
        <v>54</v>
      </c>
      <c r="I28" s="68">
        <v>25</v>
      </c>
      <c r="J28" s="68">
        <v>29</v>
      </c>
      <c r="K28" s="67">
        <v>42</v>
      </c>
      <c r="L28" s="79">
        <v>18</v>
      </c>
      <c r="M28" s="80">
        <v>24</v>
      </c>
    </row>
    <row r="29" spans="1:13">
      <c r="A29" s="15" t="s">
        <v>48</v>
      </c>
      <c r="B29" s="67">
        <v>-5</v>
      </c>
      <c r="C29" s="68">
        <v>1</v>
      </c>
      <c r="D29" s="68">
        <v>-6</v>
      </c>
      <c r="E29" s="67">
        <v>0</v>
      </c>
      <c r="F29" s="68">
        <v>0</v>
      </c>
      <c r="G29" s="69">
        <v>0</v>
      </c>
      <c r="H29" s="68">
        <v>94</v>
      </c>
      <c r="I29" s="68">
        <v>50</v>
      </c>
      <c r="J29" s="68">
        <v>44</v>
      </c>
      <c r="K29" s="67">
        <v>99</v>
      </c>
      <c r="L29" s="79">
        <v>49</v>
      </c>
      <c r="M29" s="80">
        <v>50</v>
      </c>
    </row>
    <row r="30" spans="1:13" ht="21" customHeight="1">
      <c r="A30" s="36" t="s">
        <v>50</v>
      </c>
      <c r="B30" s="64">
        <v>-82</v>
      </c>
      <c r="C30" s="65">
        <v>-69</v>
      </c>
      <c r="D30" s="65">
        <v>-13</v>
      </c>
      <c r="E30" s="64">
        <v>5</v>
      </c>
      <c r="F30" s="65">
        <v>4</v>
      </c>
      <c r="G30" s="66">
        <v>1</v>
      </c>
      <c r="H30" s="65">
        <v>1196</v>
      </c>
      <c r="I30" s="65">
        <v>588</v>
      </c>
      <c r="J30" s="65">
        <v>608</v>
      </c>
      <c r="K30" s="64">
        <v>1273</v>
      </c>
      <c r="L30" s="77">
        <v>653</v>
      </c>
      <c r="M30" s="78">
        <v>620</v>
      </c>
    </row>
    <row r="31" spans="1:13">
      <c r="A31" s="15" t="s">
        <v>52</v>
      </c>
      <c r="B31" s="67">
        <v>-7</v>
      </c>
      <c r="C31" s="68">
        <v>-13</v>
      </c>
      <c r="D31" s="68">
        <v>6</v>
      </c>
      <c r="E31" s="67">
        <v>1</v>
      </c>
      <c r="F31" s="68">
        <v>0</v>
      </c>
      <c r="G31" s="69">
        <v>1</v>
      </c>
      <c r="H31" s="68">
        <v>93</v>
      </c>
      <c r="I31" s="68">
        <v>42</v>
      </c>
      <c r="J31" s="68">
        <v>51</v>
      </c>
      <c r="K31" s="67">
        <v>99</v>
      </c>
      <c r="L31" s="79">
        <v>55</v>
      </c>
      <c r="M31" s="80">
        <v>44</v>
      </c>
    </row>
    <row r="32" spans="1:13">
      <c r="A32" s="15" t="s">
        <v>54</v>
      </c>
      <c r="B32" s="67">
        <v>34</v>
      </c>
      <c r="C32" s="68">
        <v>15</v>
      </c>
      <c r="D32" s="68">
        <v>19</v>
      </c>
      <c r="E32" s="67">
        <v>0</v>
      </c>
      <c r="F32" s="68">
        <v>0</v>
      </c>
      <c r="G32" s="69">
        <v>0</v>
      </c>
      <c r="H32" s="68">
        <v>172</v>
      </c>
      <c r="I32" s="68">
        <v>80</v>
      </c>
      <c r="J32" s="68">
        <v>92</v>
      </c>
      <c r="K32" s="67">
        <v>138</v>
      </c>
      <c r="L32" s="79">
        <v>65</v>
      </c>
      <c r="M32" s="80">
        <v>73</v>
      </c>
    </row>
    <row r="33" spans="1:13">
      <c r="A33" s="15" t="s">
        <v>56</v>
      </c>
      <c r="B33" s="67">
        <v>-20</v>
      </c>
      <c r="C33" s="68">
        <v>-9</v>
      </c>
      <c r="D33" s="68">
        <v>-11</v>
      </c>
      <c r="E33" s="67">
        <v>2</v>
      </c>
      <c r="F33" s="68">
        <v>2</v>
      </c>
      <c r="G33" s="69">
        <v>0</v>
      </c>
      <c r="H33" s="68">
        <v>198</v>
      </c>
      <c r="I33" s="68">
        <v>103</v>
      </c>
      <c r="J33" s="68">
        <v>95</v>
      </c>
      <c r="K33" s="67">
        <v>216</v>
      </c>
      <c r="L33" s="79">
        <v>110</v>
      </c>
      <c r="M33" s="80">
        <v>106</v>
      </c>
    </row>
    <row r="34" spans="1:13">
      <c r="A34" s="15" t="s">
        <v>58</v>
      </c>
      <c r="B34" s="67">
        <v>-78</v>
      </c>
      <c r="C34" s="68">
        <v>-43</v>
      </c>
      <c r="D34" s="68">
        <v>-35</v>
      </c>
      <c r="E34" s="67">
        <v>2</v>
      </c>
      <c r="F34" s="68">
        <v>2</v>
      </c>
      <c r="G34" s="69">
        <v>0</v>
      </c>
      <c r="H34" s="68">
        <v>356</v>
      </c>
      <c r="I34" s="68">
        <v>175</v>
      </c>
      <c r="J34" s="68">
        <v>181</v>
      </c>
      <c r="K34" s="67">
        <v>432</v>
      </c>
      <c r="L34" s="79">
        <v>216</v>
      </c>
      <c r="M34" s="80">
        <v>216</v>
      </c>
    </row>
    <row r="35" spans="1:13">
      <c r="A35" s="15" t="s">
        <v>60</v>
      </c>
      <c r="B35" s="67">
        <v>-11</v>
      </c>
      <c r="C35" s="68">
        <v>-19</v>
      </c>
      <c r="D35" s="68">
        <v>8</v>
      </c>
      <c r="E35" s="67">
        <v>0</v>
      </c>
      <c r="F35" s="68">
        <v>0</v>
      </c>
      <c r="G35" s="69">
        <v>0</v>
      </c>
      <c r="H35" s="68">
        <v>377</v>
      </c>
      <c r="I35" s="68">
        <v>188</v>
      </c>
      <c r="J35" s="68">
        <v>189</v>
      </c>
      <c r="K35" s="67">
        <v>388</v>
      </c>
      <c r="L35" s="79">
        <v>207</v>
      </c>
      <c r="M35" s="80">
        <v>181</v>
      </c>
    </row>
    <row r="36" spans="1:13" ht="21" customHeight="1">
      <c r="A36" s="36" t="s">
        <v>62</v>
      </c>
      <c r="B36" s="64">
        <v>-95</v>
      </c>
      <c r="C36" s="65">
        <v>-86</v>
      </c>
      <c r="D36" s="65">
        <v>-9</v>
      </c>
      <c r="E36" s="64">
        <v>6</v>
      </c>
      <c r="F36" s="65">
        <v>3</v>
      </c>
      <c r="G36" s="66">
        <v>3</v>
      </c>
      <c r="H36" s="65">
        <v>1939</v>
      </c>
      <c r="I36" s="65">
        <v>977</v>
      </c>
      <c r="J36" s="65">
        <v>962</v>
      </c>
      <c r="K36" s="64">
        <v>2028</v>
      </c>
      <c r="L36" s="77">
        <v>1060</v>
      </c>
      <c r="M36" s="78">
        <v>968</v>
      </c>
    </row>
    <row r="37" spans="1:13">
      <c r="A37" s="15" t="s">
        <v>64</v>
      </c>
      <c r="B37" s="67">
        <v>-26</v>
      </c>
      <c r="C37" s="68">
        <v>-31</v>
      </c>
      <c r="D37" s="68">
        <v>5</v>
      </c>
      <c r="E37" s="67">
        <v>5</v>
      </c>
      <c r="F37" s="68">
        <v>2</v>
      </c>
      <c r="G37" s="69">
        <v>3</v>
      </c>
      <c r="H37" s="68">
        <v>416</v>
      </c>
      <c r="I37" s="68">
        <v>226</v>
      </c>
      <c r="J37" s="68">
        <v>190</v>
      </c>
      <c r="K37" s="67">
        <v>437</v>
      </c>
      <c r="L37" s="79">
        <v>255</v>
      </c>
      <c r="M37" s="80">
        <v>182</v>
      </c>
    </row>
    <row r="38" spans="1:13">
      <c r="A38" s="15" t="s">
        <v>66</v>
      </c>
      <c r="B38" s="67">
        <v>-32</v>
      </c>
      <c r="C38" s="68">
        <v>-26</v>
      </c>
      <c r="D38" s="68">
        <v>-6</v>
      </c>
      <c r="E38" s="67">
        <v>0</v>
      </c>
      <c r="F38" s="68">
        <v>0</v>
      </c>
      <c r="G38" s="69">
        <v>0</v>
      </c>
      <c r="H38" s="68">
        <v>417</v>
      </c>
      <c r="I38" s="68">
        <v>214</v>
      </c>
      <c r="J38" s="68">
        <v>203</v>
      </c>
      <c r="K38" s="67">
        <v>449</v>
      </c>
      <c r="L38" s="79">
        <v>240</v>
      </c>
      <c r="M38" s="80">
        <v>209</v>
      </c>
    </row>
    <row r="39" spans="1:13">
      <c r="A39" s="15" t="s">
        <v>68</v>
      </c>
      <c r="B39" s="67">
        <v>-19</v>
      </c>
      <c r="C39" s="68">
        <v>-6</v>
      </c>
      <c r="D39" s="68">
        <v>-13</v>
      </c>
      <c r="E39" s="67">
        <v>0</v>
      </c>
      <c r="F39" s="68">
        <v>0</v>
      </c>
      <c r="G39" s="69">
        <v>0</v>
      </c>
      <c r="H39" s="68">
        <v>384</v>
      </c>
      <c r="I39" s="68">
        <v>184</v>
      </c>
      <c r="J39" s="68">
        <v>200</v>
      </c>
      <c r="K39" s="67">
        <v>403</v>
      </c>
      <c r="L39" s="79">
        <v>190</v>
      </c>
      <c r="M39" s="80">
        <v>213</v>
      </c>
    </row>
    <row r="40" spans="1:13">
      <c r="A40" s="15" t="s">
        <v>70</v>
      </c>
      <c r="B40" s="67">
        <v>-48</v>
      </c>
      <c r="C40" s="68">
        <v>-16</v>
      </c>
      <c r="D40" s="68">
        <v>-32</v>
      </c>
      <c r="E40" s="67">
        <v>1</v>
      </c>
      <c r="F40" s="68">
        <v>1</v>
      </c>
      <c r="G40" s="69">
        <v>0</v>
      </c>
      <c r="H40" s="68">
        <v>356</v>
      </c>
      <c r="I40" s="68">
        <v>184</v>
      </c>
      <c r="J40" s="68">
        <v>172</v>
      </c>
      <c r="K40" s="67">
        <v>403</v>
      </c>
      <c r="L40" s="79">
        <v>199</v>
      </c>
      <c r="M40" s="80">
        <v>204</v>
      </c>
    </row>
    <row r="41" spans="1:13">
      <c r="A41" s="15" t="s">
        <v>72</v>
      </c>
      <c r="B41" s="67">
        <v>30</v>
      </c>
      <c r="C41" s="68">
        <v>-7</v>
      </c>
      <c r="D41" s="68">
        <v>37</v>
      </c>
      <c r="E41" s="67">
        <v>0</v>
      </c>
      <c r="F41" s="68">
        <v>0</v>
      </c>
      <c r="G41" s="69">
        <v>0</v>
      </c>
      <c r="H41" s="68">
        <v>366</v>
      </c>
      <c r="I41" s="68">
        <v>169</v>
      </c>
      <c r="J41" s="68">
        <v>197</v>
      </c>
      <c r="K41" s="67">
        <v>336</v>
      </c>
      <c r="L41" s="79">
        <v>176</v>
      </c>
      <c r="M41" s="80">
        <v>160</v>
      </c>
    </row>
    <row r="42" spans="1:13" ht="21" customHeight="1">
      <c r="A42" s="36" t="s">
        <v>74</v>
      </c>
      <c r="B42" s="64">
        <v>104</v>
      </c>
      <c r="C42" s="65">
        <v>52</v>
      </c>
      <c r="D42" s="65">
        <v>52</v>
      </c>
      <c r="E42" s="64">
        <v>3</v>
      </c>
      <c r="F42" s="65">
        <v>3</v>
      </c>
      <c r="G42" s="66">
        <v>0</v>
      </c>
      <c r="H42" s="65">
        <v>1429</v>
      </c>
      <c r="I42" s="65">
        <v>752</v>
      </c>
      <c r="J42" s="65">
        <v>677</v>
      </c>
      <c r="K42" s="64">
        <v>1322</v>
      </c>
      <c r="L42" s="77">
        <v>697</v>
      </c>
      <c r="M42" s="78">
        <v>625</v>
      </c>
    </row>
    <row r="43" spans="1:13">
      <c r="A43" s="15" t="s">
        <v>76</v>
      </c>
      <c r="B43" s="67">
        <v>33</v>
      </c>
      <c r="C43" s="68">
        <v>1</v>
      </c>
      <c r="D43" s="68">
        <v>32</v>
      </c>
      <c r="E43" s="67">
        <v>0</v>
      </c>
      <c r="F43" s="68">
        <v>0</v>
      </c>
      <c r="G43" s="69">
        <v>0</v>
      </c>
      <c r="H43" s="68">
        <v>336</v>
      </c>
      <c r="I43" s="68">
        <v>155</v>
      </c>
      <c r="J43" s="68">
        <v>181</v>
      </c>
      <c r="K43" s="67">
        <v>303</v>
      </c>
      <c r="L43" s="79">
        <v>154</v>
      </c>
      <c r="M43" s="80">
        <v>149</v>
      </c>
    </row>
    <row r="44" spans="1:13">
      <c r="A44" s="15" t="s">
        <v>78</v>
      </c>
      <c r="B44" s="67">
        <v>16</v>
      </c>
      <c r="C44" s="68">
        <v>5</v>
      </c>
      <c r="D44" s="68">
        <v>11</v>
      </c>
      <c r="E44" s="67">
        <v>1</v>
      </c>
      <c r="F44" s="68">
        <v>1</v>
      </c>
      <c r="G44" s="69">
        <v>0</v>
      </c>
      <c r="H44" s="68">
        <v>323</v>
      </c>
      <c r="I44" s="68">
        <v>160</v>
      </c>
      <c r="J44" s="68">
        <v>163</v>
      </c>
      <c r="K44" s="67">
        <v>306</v>
      </c>
      <c r="L44" s="79">
        <v>154</v>
      </c>
      <c r="M44" s="80">
        <v>152</v>
      </c>
    </row>
    <row r="45" spans="1:13">
      <c r="A45" s="15" t="s">
        <v>80</v>
      </c>
      <c r="B45" s="67">
        <v>26</v>
      </c>
      <c r="C45" s="68">
        <v>24</v>
      </c>
      <c r="D45" s="68">
        <v>2</v>
      </c>
      <c r="E45" s="67">
        <v>0</v>
      </c>
      <c r="F45" s="68">
        <v>0</v>
      </c>
      <c r="G45" s="69">
        <v>0</v>
      </c>
      <c r="H45" s="68">
        <v>292</v>
      </c>
      <c r="I45" s="68">
        <v>167</v>
      </c>
      <c r="J45" s="68">
        <v>125</v>
      </c>
      <c r="K45" s="67">
        <v>266</v>
      </c>
      <c r="L45" s="79">
        <v>143</v>
      </c>
      <c r="M45" s="80">
        <v>123</v>
      </c>
    </row>
    <row r="46" spans="1:13">
      <c r="A46" s="15" t="s">
        <v>82</v>
      </c>
      <c r="B46" s="67">
        <v>20</v>
      </c>
      <c r="C46" s="68">
        <v>22</v>
      </c>
      <c r="D46" s="68">
        <v>-2</v>
      </c>
      <c r="E46" s="67">
        <v>0</v>
      </c>
      <c r="F46" s="68">
        <v>0</v>
      </c>
      <c r="G46" s="69">
        <v>0</v>
      </c>
      <c r="H46" s="68">
        <v>262</v>
      </c>
      <c r="I46" s="68">
        <v>154</v>
      </c>
      <c r="J46" s="68">
        <v>108</v>
      </c>
      <c r="K46" s="67">
        <v>242</v>
      </c>
      <c r="L46" s="79">
        <v>132</v>
      </c>
      <c r="M46" s="80">
        <v>110</v>
      </c>
    </row>
    <row r="47" spans="1:13">
      <c r="A47" s="15" t="s">
        <v>84</v>
      </c>
      <c r="B47" s="67">
        <v>9</v>
      </c>
      <c r="C47" s="68">
        <v>0</v>
      </c>
      <c r="D47" s="68">
        <v>9</v>
      </c>
      <c r="E47" s="67">
        <v>2</v>
      </c>
      <c r="F47" s="68">
        <v>2</v>
      </c>
      <c r="G47" s="69">
        <v>0</v>
      </c>
      <c r="H47" s="68">
        <v>216</v>
      </c>
      <c r="I47" s="68">
        <v>116</v>
      </c>
      <c r="J47" s="68">
        <v>100</v>
      </c>
      <c r="K47" s="67">
        <v>205</v>
      </c>
      <c r="L47" s="79">
        <v>114</v>
      </c>
      <c r="M47" s="80">
        <v>91</v>
      </c>
    </row>
    <row r="48" spans="1:13" ht="21" customHeight="1">
      <c r="A48" s="36" t="s">
        <v>86</v>
      </c>
      <c r="B48" s="64">
        <v>82</v>
      </c>
      <c r="C48" s="65">
        <v>14</v>
      </c>
      <c r="D48" s="65">
        <v>68</v>
      </c>
      <c r="E48" s="64">
        <v>6</v>
      </c>
      <c r="F48" s="65">
        <v>3</v>
      </c>
      <c r="G48" s="66">
        <v>3</v>
      </c>
      <c r="H48" s="65">
        <v>893</v>
      </c>
      <c r="I48" s="65">
        <v>487</v>
      </c>
      <c r="J48" s="65">
        <v>406</v>
      </c>
      <c r="K48" s="64">
        <v>805</v>
      </c>
      <c r="L48" s="77">
        <v>470</v>
      </c>
      <c r="M48" s="78">
        <v>335</v>
      </c>
    </row>
    <row r="49" spans="1:13">
      <c r="A49" s="15" t="s">
        <v>88</v>
      </c>
      <c r="B49" s="67">
        <v>39</v>
      </c>
      <c r="C49" s="68">
        <v>27</v>
      </c>
      <c r="D49" s="68">
        <v>12</v>
      </c>
      <c r="E49" s="67">
        <v>0</v>
      </c>
      <c r="F49" s="68">
        <v>0</v>
      </c>
      <c r="G49" s="69">
        <v>0</v>
      </c>
      <c r="H49" s="68">
        <v>230</v>
      </c>
      <c r="I49" s="68">
        <v>133</v>
      </c>
      <c r="J49" s="68">
        <v>97</v>
      </c>
      <c r="K49" s="67">
        <v>191</v>
      </c>
      <c r="L49" s="79">
        <v>106</v>
      </c>
      <c r="M49" s="80">
        <v>85</v>
      </c>
    </row>
    <row r="50" spans="1:13">
      <c r="A50" s="15" t="s">
        <v>90</v>
      </c>
      <c r="B50" s="67">
        <v>21</v>
      </c>
      <c r="C50" s="68">
        <v>-7</v>
      </c>
      <c r="D50" s="68">
        <v>28</v>
      </c>
      <c r="E50" s="67">
        <v>1</v>
      </c>
      <c r="F50" s="68">
        <v>0</v>
      </c>
      <c r="G50" s="69">
        <v>1</v>
      </c>
      <c r="H50" s="68">
        <v>197</v>
      </c>
      <c r="I50" s="68">
        <v>108</v>
      </c>
      <c r="J50" s="68">
        <v>89</v>
      </c>
      <c r="K50" s="67">
        <v>175</v>
      </c>
      <c r="L50" s="79">
        <v>115</v>
      </c>
      <c r="M50" s="80">
        <v>60</v>
      </c>
    </row>
    <row r="51" spans="1:13">
      <c r="A51" s="15" t="s">
        <v>92</v>
      </c>
      <c r="B51" s="67">
        <v>16</v>
      </c>
      <c r="C51" s="68">
        <v>3</v>
      </c>
      <c r="D51" s="68">
        <v>13</v>
      </c>
      <c r="E51" s="67">
        <v>1</v>
      </c>
      <c r="F51" s="68">
        <v>1</v>
      </c>
      <c r="G51" s="69">
        <v>0</v>
      </c>
      <c r="H51" s="68">
        <v>160</v>
      </c>
      <c r="I51" s="68">
        <v>82</v>
      </c>
      <c r="J51" s="68">
        <v>78</v>
      </c>
      <c r="K51" s="67">
        <v>143</v>
      </c>
      <c r="L51" s="79">
        <v>78</v>
      </c>
      <c r="M51" s="80">
        <v>65</v>
      </c>
    </row>
    <row r="52" spans="1:13">
      <c r="A52" s="15" t="s">
        <v>94</v>
      </c>
      <c r="B52" s="67">
        <v>11</v>
      </c>
      <c r="C52" s="68">
        <v>0</v>
      </c>
      <c r="D52" s="68">
        <v>11</v>
      </c>
      <c r="E52" s="67">
        <v>2</v>
      </c>
      <c r="F52" s="68">
        <v>2</v>
      </c>
      <c r="G52" s="69">
        <v>0</v>
      </c>
      <c r="H52" s="68">
        <v>167</v>
      </c>
      <c r="I52" s="68">
        <v>93</v>
      </c>
      <c r="J52" s="68">
        <v>74</v>
      </c>
      <c r="K52" s="67">
        <v>154</v>
      </c>
      <c r="L52" s="79">
        <v>91</v>
      </c>
      <c r="M52" s="80">
        <v>63</v>
      </c>
    </row>
    <row r="53" spans="1:13">
      <c r="A53" s="15" t="s">
        <v>96</v>
      </c>
      <c r="B53" s="67">
        <v>-5</v>
      </c>
      <c r="C53" s="68">
        <v>-9</v>
      </c>
      <c r="D53" s="68">
        <v>4</v>
      </c>
      <c r="E53" s="67">
        <v>2</v>
      </c>
      <c r="F53" s="68">
        <v>0</v>
      </c>
      <c r="G53" s="69">
        <v>2</v>
      </c>
      <c r="H53" s="68">
        <v>139</v>
      </c>
      <c r="I53" s="68">
        <v>71</v>
      </c>
      <c r="J53" s="68">
        <v>68</v>
      </c>
      <c r="K53" s="67">
        <v>142</v>
      </c>
      <c r="L53" s="79">
        <v>80</v>
      </c>
      <c r="M53" s="80">
        <v>62</v>
      </c>
    </row>
    <row r="54" spans="1:13" ht="21" customHeight="1">
      <c r="A54" s="36" t="s">
        <v>98</v>
      </c>
      <c r="B54" s="64">
        <v>68</v>
      </c>
      <c r="C54" s="65">
        <v>57</v>
      </c>
      <c r="D54" s="65">
        <v>11</v>
      </c>
      <c r="E54" s="64">
        <v>6</v>
      </c>
      <c r="F54" s="65">
        <v>3</v>
      </c>
      <c r="G54" s="66">
        <v>3</v>
      </c>
      <c r="H54" s="65">
        <v>623</v>
      </c>
      <c r="I54" s="65">
        <v>368</v>
      </c>
      <c r="J54" s="65">
        <v>255</v>
      </c>
      <c r="K54" s="64">
        <v>549</v>
      </c>
      <c r="L54" s="77">
        <v>308</v>
      </c>
      <c r="M54" s="78">
        <v>241</v>
      </c>
    </row>
    <row r="55" spans="1:13">
      <c r="A55" s="15" t="s">
        <v>100</v>
      </c>
      <c r="B55" s="67">
        <v>32</v>
      </c>
      <c r="C55" s="68">
        <v>17</v>
      </c>
      <c r="D55" s="68">
        <v>15</v>
      </c>
      <c r="E55" s="67">
        <v>0</v>
      </c>
      <c r="F55" s="68">
        <v>0</v>
      </c>
      <c r="G55" s="69">
        <v>0</v>
      </c>
      <c r="H55" s="68">
        <v>147</v>
      </c>
      <c r="I55" s="68">
        <v>86</v>
      </c>
      <c r="J55" s="68">
        <v>61</v>
      </c>
      <c r="K55" s="67">
        <v>115</v>
      </c>
      <c r="L55" s="79">
        <v>69</v>
      </c>
      <c r="M55" s="80">
        <v>46</v>
      </c>
    </row>
    <row r="56" spans="1:13">
      <c r="A56" s="15" t="s">
        <v>102</v>
      </c>
      <c r="B56" s="67">
        <v>1</v>
      </c>
      <c r="C56" s="68">
        <v>-1</v>
      </c>
      <c r="D56" s="68">
        <v>2</v>
      </c>
      <c r="E56" s="67">
        <v>0</v>
      </c>
      <c r="F56" s="68">
        <v>0</v>
      </c>
      <c r="G56" s="69">
        <v>0</v>
      </c>
      <c r="H56" s="68">
        <v>127</v>
      </c>
      <c r="I56" s="68">
        <v>75</v>
      </c>
      <c r="J56" s="68">
        <v>52</v>
      </c>
      <c r="K56" s="67">
        <v>126</v>
      </c>
      <c r="L56" s="79">
        <v>76</v>
      </c>
      <c r="M56" s="80">
        <v>50</v>
      </c>
    </row>
    <row r="57" spans="1:13">
      <c r="A57" s="15" t="s">
        <v>104</v>
      </c>
      <c r="B57" s="67">
        <v>6</v>
      </c>
      <c r="C57" s="68">
        <v>0</v>
      </c>
      <c r="D57" s="68">
        <v>6</v>
      </c>
      <c r="E57" s="67">
        <v>2</v>
      </c>
      <c r="F57" s="68">
        <v>0</v>
      </c>
      <c r="G57" s="69">
        <v>2</v>
      </c>
      <c r="H57" s="68">
        <v>110</v>
      </c>
      <c r="I57" s="68">
        <v>61</v>
      </c>
      <c r="J57" s="68">
        <v>49</v>
      </c>
      <c r="K57" s="67">
        <v>102</v>
      </c>
      <c r="L57" s="79">
        <v>61</v>
      </c>
      <c r="M57" s="80">
        <v>41</v>
      </c>
    </row>
    <row r="58" spans="1:13">
      <c r="A58" s="15" t="s">
        <v>106</v>
      </c>
      <c r="B58" s="67">
        <v>-1</v>
      </c>
      <c r="C58" s="68">
        <v>16</v>
      </c>
      <c r="D58" s="68">
        <v>-17</v>
      </c>
      <c r="E58" s="67">
        <v>2</v>
      </c>
      <c r="F58" s="68">
        <v>1</v>
      </c>
      <c r="G58" s="69">
        <v>1</v>
      </c>
      <c r="H58" s="68">
        <v>106</v>
      </c>
      <c r="I58" s="68">
        <v>69</v>
      </c>
      <c r="J58" s="68">
        <v>37</v>
      </c>
      <c r="K58" s="67">
        <v>105</v>
      </c>
      <c r="L58" s="79">
        <v>52</v>
      </c>
      <c r="M58" s="80">
        <v>53</v>
      </c>
    </row>
    <row r="59" spans="1:13">
      <c r="A59" s="15" t="s">
        <v>108</v>
      </c>
      <c r="B59" s="67">
        <v>30</v>
      </c>
      <c r="C59" s="68">
        <v>25</v>
      </c>
      <c r="D59" s="68">
        <v>5</v>
      </c>
      <c r="E59" s="67">
        <v>2</v>
      </c>
      <c r="F59" s="68">
        <v>2</v>
      </c>
      <c r="G59" s="69">
        <v>0</v>
      </c>
      <c r="H59" s="68">
        <v>133</v>
      </c>
      <c r="I59" s="68">
        <v>77</v>
      </c>
      <c r="J59" s="68">
        <v>56</v>
      </c>
      <c r="K59" s="67">
        <v>101</v>
      </c>
      <c r="L59" s="79">
        <v>50</v>
      </c>
      <c r="M59" s="80">
        <v>51</v>
      </c>
    </row>
    <row r="60" spans="1:13" ht="21" customHeight="1">
      <c r="A60" s="36" t="s">
        <v>110</v>
      </c>
      <c r="B60" s="64">
        <v>-20</v>
      </c>
      <c r="C60" s="65">
        <v>-25</v>
      </c>
      <c r="D60" s="65">
        <v>5</v>
      </c>
      <c r="E60" s="64">
        <v>25</v>
      </c>
      <c r="F60" s="65">
        <v>16</v>
      </c>
      <c r="G60" s="66">
        <v>9</v>
      </c>
      <c r="H60" s="65">
        <v>465</v>
      </c>
      <c r="I60" s="65">
        <v>278</v>
      </c>
      <c r="J60" s="65">
        <v>187</v>
      </c>
      <c r="K60" s="64">
        <v>460</v>
      </c>
      <c r="L60" s="77">
        <v>287</v>
      </c>
      <c r="M60" s="78">
        <v>173</v>
      </c>
    </row>
    <row r="61" spans="1:13">
      <c r="A61" s="15" t="s">
        <v>112</v>
      </c>
      <c r="B61" s="67">
        <v>-28</v>
      </c>
      <c r="C61" s="68">
        <v>-6</v>
      </c>
      <c r="D61" s="68">
        <v>-22</v>
      </c>
      <c r="E61" s="67">
        <v>0</v>
      </c>
      <c r="F61" s="68">
        <v>0</v>
      </c>
      <c r="G61" s="69">
        <v>0</v>
      </c>
      <c r="H61" s="68">
        <v>86</v>
      </c>
      <c r="I61" s="68">
        <v>55</v>
      </c>
      <c r="J61" s="68">
        <v>31</v>
      </c>
      <c r="K61" s="67">
        <v>114</v>
      </c>
      <c r="L61" s="79">
        <v>61</v>
      </c>
      <c r="M61" s="80">
        <v>53</v>
      </c>
    </row>
    <row r="62" spans="1:13">
      <c r="A62" s="15" t="s">
        <v>114</v>
      </c>
      <c r="B62" s="67">
        <v>36</v>
      </c>
      <c r="C62" s="68">
        <v>14</v>
      </c>
      <c r="D62" s="68">
        <v>22</v>
      </c>
      <c r="E62" s="67">
        <v>6</v>
      </c>
      <c r="F62" s="68">
        <v>4</v>
      </c>
      <c r="G62" s="69">
        <v>2</v>
      </c>
      <c r="H62" s="68">
        <v>112</v>
      </c>
      <c r="I62" s="68">
        <v>68</v>
      </c>
      <c r="J62" s="68">
        <v>44</v>
      </c>
      <c r="K62" s="67">
        <v>70</v>
      </c>
      <c r="L62" s="79">
        <v>50</v>
      </c>
      <c r="M62" s="80">
        <v>20</v>
      </c>
    </row>
    <row r="63" spans="1:13">
      <c r="A63" s="15" t="s">
        <v>116</v>
      </c>
      <c r="B63" s="67">
        <v>-19</v>
      </c>
      <c r="C63" s="68">
        <v>-22</v>
      </c>
      <c r="D63" s="68">
        <v>3</v>
      </c>
      <c r="E63" s="67">
        <v>10</v>
      </c>
      <c r="F63" s="68">
        <v>6</v>
      </c>
      <c r="G63" s="69">
        <v>4</v>
      </c>
      <c r="H63" s="68">
        <v>76</v>
      </c>
      <c r="I63" s="68">
        <v>45</v>
      </c>
      <c r="J63" s="68">
        <v>31</v>
      </c>
      <c r="K63" s="67">
        <v>85</v>
      </c>
      <c r="L63" s="79">
        <v>61</v>
      </c>
      <c r="M63" s="80">
        <v>24</v>
      </c>
    </row>
    <row r="64" spans="1:13">
      <c r="A64" s="15" t="s">
        <v>118</v>
      </c>
      <c r="B64" s="67">
        <v>-29</v>
      </c>
      <c r="C64" s="68">
        <v>-14</v>
      </c>
      <c r="D64" s="68">
        <v>-15</v>
      </c>
      <c r="E64" s="67">
        <v>4</v>
      </c>
      <c r="F64" s="68">
        <v>2</v>
      </c>
      <c r="G64" s="69">
        <v>2</v>
      </c>
      <c r="H64" s="68">
        <v>85</v>
      </c>
      <c r="I64" s="68">
        <v>51</v>
      </c>
      <c r="J64" s="68">
        <v>34</v>
      </c>
      <c r="K64" s="67">
        <v>110</v>
      </c>
      <c r="L64" s="79">
        <v>63</v>
      </c>
      <c r="M64" s="80">
        <v>47</v>
      </c>
    </row>
    <row r="65" spans="1:13">
      <c r="A65" s="19" t="s">
        <v>120</v>
      </c>
      <c r="B65" s="70">
        <v>20</v>
      </c>
      <c r="C65" s="71">
        <v>3</v>
      </c>
      <c r="D65" s="71">
        <v>17</v>
      </c>
      <c r="E65" s="70">
        <v>5</v>
      </c>
      <c r="F65" s="71">
        <v>4</v>
      </c>
      <c r="G65" s="72">
        <v>1</v>
      </c>
      <c r="H65" s="71">
        <v>106</v>
      </c>
      <c r="I65" s="71">
        <v>59</v>
      </c>
      <c r="J65" s="71">
        <v>47</v>
      </c>
      <c r="K65" s="70">
        <v>81</v>
      </c>
      <c r="L65" s="81">
        <v>52</v>
      </c>
      <c r="M65" s="82">
        <v>29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232</v>
      </c>
      <c r="C69" s="50">
        <v>585</v>
      </c>
      <c r="D69" s="84">
        <v>647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8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59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94</v>
      </c>
      <c r="C75" s="65">
        <v>-68</v>
      </c>
      <c r="D75" s="65">
        <v>-26</v>
      </c>
      <c r="E75" s="64">
        <v>29</v>
      </c>
      <c r="F75" s="65">
        <v>18</v>
      </c>
      <c r="G75" s="66">
        <v>11</v>
      </c>
      <c r="H75" s="65">
        <v>404</v>
      </c>
      <c r="I75" s="65">
        <v>217</v>
      </c>
      <c r="J75" s="65">
        <v>187</v>
      </c>
      <c r="K75" s="64">
        <v>469</v>
      </c>
      <c r="L75" s="77">
        <v>267</v>
      </c>
      <c r="M75" s="78">
        <v>202</v>
      </c>
    </row>
    <row r="76" spans="1:13">
      <c r="A76" s="27" t="s">
        <v>5</v>
      </c>
      <c r="B76" s="67">
        <v>-20</v>
      </c>
      <c r="C76" s="68">
        <v>-23</v>
      </c>
      <c r="D76" s="68">
        <v>3</v>
      </c>
      <c r="E76" s="67">
        <v>4</v>
      </c>
      <c r="F76" s="68">
        <v>3</v>
      </c>
      <c r="G76" s="69">
        <v>1</v>
      </c>
      <c r="H76" s="68">
        <v>94</v>
      </c>
      <c r="I76" s="68">
        <v>46</v>
      </c>
      <c r="J76" s="68">
        <v>48</v>
      </c>
      <c r="K76" s="67">
        <v>110</v>
      </c>
      <c r="L76" s="79">
        <v>66</v>
      </c>
      <c r="M76" s="80">
        <v>44</v>
      </c>
    </row>
    <row r="77" spans="1:13">
      <c r="A77" s="27" t="s">
        <v>7</v>
      </c>
      <c r="B77" s="67">
        <v>-10</v>
      </c>
      <c r="C77" s="68">
        <v>-9</v>
      </c>
      <c r="D77" s="68">
        <v>-1</v>
      </c>
      <c r="E77" s="67">
        <v>5</v>
      </c>
      <c r="F77" s="68">
        <v>5</v>
      </c>
      <c r="G77" s="69">
        <v>0</v>
      </c>
      <c r="H77" s="68">
        <v>80</v>
      </c>
      <c r="I77" s="68">
        <v>47</v>
      </c>
      <c r="J77" s="68">
        <v>33</v>
      </c>
      <c r="K77" s="67">
        <v>85</v>
      </c>
      <c r="L77" s="79">
        <v>51</v>
      </c>
      <c r="M77" s="80">
        <v>34</v>
      </c>
    </row>
    <row r="78" spans="1:13">
      <c r="A78" s="27" t="s">
        <v>9</v>
      </c>
      <c r="B78" s="67">
        <v>-16</v>
      </c>
      <c r="C78" s="68">
        <v>-18</v>
      </c>
      <c r="D78" s="68">
        <v>2</v>
      </c>
      <c r="E78" s="67">
        <v>7</v>
      </c>
      <c r="F78" s="68">
        <v>2</v>
      </c>
      <c r="G78" s="69">
        <v>5</v>
      </c>
      <c r="H78" s="68">
        <v>87</v>
      </c>
      <c r="I78" s="68">
        <v>39</v>
      </c>
      <c r="J78" s="68">
        <v>48</v>
      </c>
      <c r="K78" s="67">
        <v>96</v>
      </c>
      <c r="L78" s="79">
        <v>55</v>
      </c>
      <c r="M78" s="80">
        <v>41</v>
      </c>
    </row>
    <row r="79" spans="1:13">
      <c r="A79" s="27" t="s">
        <v>11</v>
      </c>
      <c r="B79" s="67">
        <v>-23</v>
      </c>
      <c r="C79" s="68">
        <v>-15</v>
      </c>
      <c r="D79" s="68">
        <v>-8</v>
      </c>
      <c r="E79" s="67">
        <v>6</v>
      </c>
      <c r="F79" s="68">
        <v>4</v>
      </c>
      <c r="G79" s="69">
        <v>2</v>
      </c>
      <c r="H79" s="68">
        <v>83</v>
      </c>
      <c r="I79" s="68">
        <v>46</v>
      </c>
      <c r="J79" s="68">
        <v>37</v>
      </c>
      <c r="K79" s="67">
        <v>100</v>
      </c>
      <c r="L79" s="79">
        <v>57</v>
      </c>
      <c r="M79" s="80">
        <v>43</v>
      </c>
    </row>
    <row r="80" spans="1:13">
      <c r="A80" s="27" t="s">
        <v>13</v>
      </c>
      <c r="B80" s="67">
        <v>-25</v>
      </c>
      <c r="C80" s="68">
        <v>-3</v>
      </c>
      <c r="D80" s="68">
        <v>-22</v>
      </c>
      <c r="E80" s="67">
        <v>7</v>
      </c>
      <c r="F80" s="68">
        <v>4</v>
      </c>
      <c r="G80" s="69">
        <v>3</v>
      </c>
      <c r="H80" s="68">
        <v>60</v>
      </c>
      <c r="I80" s="68">
        <v>39</v>
      </c>
      <c r="J80" s="68">
        <v>21</v>
      </c>
      <c r="K80" s="67">
        <v>78</v>
      </c>
      <c r="L80" s="79">
        <v>38</v>
      </c>
      <c r="M80" s="80">
        <v>40</v>
      </c>
    </row>
    <row r="81" spans="1:13" ht="21" customHeight="1">
      <c r="A81" s="38" t="s">
        <v>15</v>
      </c>
      <c r="B81" s="64">
        <v>-27</v>
      </c>
      <c r="C81" s="65">
        <v>-28</v>
      </c>
      <c r="D81" s="65">
        <v>1</v>
      </c>
      <c r="E81" s="64">
        <v>48</v>
      </c>
      <c r="F81" s="65">
        <v>29</v>
      </c>
      <c r="G81" s="66">
        <v>19</v>
      </c>
      <c r="H81" s="65">
        <v>370</v>
      </c>
      <c r="I81" s="65">
        <v>211</v>
      </c>
      <c r="J81" s="65">
        <v>159</v>
      </c>
      <c r="K81" s="64">
        <v>349</v>
      </c>
      <c r="L81" s="77">
        <v>210</v>
      </c>
      <c r="M81" s="78">
        <v>139</v>
      </c>
    </row>
    <row r="82" spans="1:13">
      <c r="A82" s="27" t="s">
        <v>17</v>
      </c>
      <c r="B82" s="67">
        <v>15</v>
      </c>
      <c r="C82" s="68">
        <v>3</v>
      </c>
      <c r="D82" s="68">
        <v>12</v>
      </c>
      <c r="E82" s="67">
        <v>11</v>
      </c>
      <c r="F82" s="68">
        <v>6</v>
      </c>
      <c r="G82" s="69">
        <v>5</v>
      </c>
      <c r="H82" s="68">
        <v>101</v>
      </c>
      <c r="I82" s="68">
        <v>59</v>
      </c>
      <c r="J82" s="68">
        <v>42</v>
      </c>
      <c r="K82" s="67">
        <v>75</v>
      </c>
      <c r="L82" s="79">
        <v>50</v>
      </c>
      <c r="M82" s="80">
        <v>25</v>
      </c>
    </row>
    <row r="83" spans="1:13">
      <c r="A83" s="27" t="s">
        <v>19</v>
      </c>
      <c r="B83" s="67">
        <v>-12</v>
      </c>
      <c r="C83" s="68">
        <v>-12</v>
      </c>
      <c r="D83" s="68">
        <v>0</v>
      </c>
      <c r="E83" s="67">
        <v>6</v>
      </c>
      <c r="F83" s="68">
        <v>3</v>
      </c>
      <c r="G83" s="69">
        <v>3</v>
      </c>
      <c r="H83" s="68">
        <v>63</v>
      </c>
      <c r="I83" s="68">
        <v>36</v>
      </c>
      <c r="J83" s="68">
        <v>27</v>
      </c>
      <c r="K83" s="67">
        <v>69</v>
      </c>
      <c r="L83" s="79">
        <v>45</v>
      </c>
      <c r="M83" s="80">
        <v>24</v>
      </c>
    </row>
    <row r="84" spans="1:13">
      <c r="A84" s="27" t="s">
        <v>21</v>
      </c>
      <c r="B84" s="67">
        <v>-18</v>
      </c>
      <c r="C84" s="68">
        <v>-7</v>
      </c>
      <c r="D84" s="68">
        <v>-11</v>
      </c>
      <c r="E84" s="67">
        <v>7</v>
      </c>
      <c r="F84" s="68">
        <v>4</v>
      </c>
      <c r="G84" s="69">
        <v>3</v>
      </c>
      <c r="H84" s="68">
        <v>73</v>
      </c>
      <c r="I84" s="68">
        <v>41</v>
      </c>
      <c r="J84" s="68">
        <v>32</v>
      </c>
      <c r="K84" s="67">
        <v>84</v>
      </c>
      <c r="L84" s="79">
        <v>44</v>
      </c>
      <c r="M84" s="80">
        <v>40</v>
      </c>
    </row>
    <row r="85" spans="1:13">
      <c r="A85" s="27" t="s">
        <v>23</v>
      </c>
      <c r="B85" s="67">
        <v>-8</v>
      </c>
      <c r="C85" s="68">
        <v>-16</v>
      </c>
      <c r="D85" s="68">
        <v>8</v>
      </c>
      <c r="E85" s="67">
        <v>16</v>
      </c>
      <c r="F85" s="68">
        <v>11</v>
      </c>
      <c r="G85" s="69">
        <v>5</v>
      </c>
      <c r="H85" s="68">
        <v>74</v>
      </c>
      <c r="I85" s="68">
        <v>39</v>
      </c>
      <c r="J85" s="68">
        <v>35</v>
      </c>
      <c r="K85" s="67">
        <v>66</v>
      </c>
      <c r="L85" s="79">
        <v>44</v>
      </c>
      <c r="M85" s="80">
        <v>22</v>
      </c>
    </row>
    <row r="86" spans="1:13">
      <c r="A86" s="27" t="s">
        <v>25</v>
      </c>
      <c r="B86" s="67">
        <v>-4</v>
      </c>
      <c r="C86" s="68">
        <v>4</v>
      </c>
      <c r="D86" s="68">
        <v>-8</v>
      </c>
      <c r="E86" s="67">
        <v>8</v>
      </c>
      <c r="F86" s="68">
        <v>5</v>
      </c>
      <c r="G86" s="69">
        <v>3</v>
      </c>
      <c r="H86" s="68">
        <v>59</v>
      </c>
      <c r="I86" s="68">
        <v>36</v>
      </c>
      <c r="J86" s="68">
        <v>23</v>
      </c>
      <c r="K86" s="67">
        <v>55</v>
      </c>
      <c r="L86" s="79">
        <v>27</v>
      </c>
      <c r="M86" s="80">
        <v>28</v>
      </c>
    </row>
    <row r="87" spans="1:13" ht="21" customHeight="1">
      <c r="A87" s="38" t="s">
        <v>27</v>
      </c>
      <c r="B87" s="64">
        <v>-42</v>
      </c>
      <c r="C87" s="65">
        <v>-16</v>
      </c>
      <c r="D87" s="65">
        <v>-26</v>
      </c>
      <c r="E87" s="64">
        <v>63</v>
      </c>
      <c r="F87" s="65">
        <v>40</v>
      </c>
      <c r="G87" s="66">
        <v>23</v>
      </c>
      <c r="H87" s="65">
        <v>277</v>
      </c>
      <c r="I87" s="65">
        <v>169</v>
      </c>
      <c r="J87" s="65">
        <v>108</v>
      </c>
      <c r="K87" s="64">
        <v>256</v>
      </c>
      <c r="L87" s="77">
        <v>145</v>
      </c>
      <c r="M87" s="78">
        <v>111</v>
      </c>
    </row>
    <row r="88" spans="1:13">
      <c r="A88" s="27" t="s">
        <v>29</v>
      </c>
      <c r="B88" s="67">
        <v>-2</v>
      </c>
      <c r="C88" s="68">
        <v>8</v>
      </c>
      <c r="D88" s="68">
        <v>-10</v>
      </c>
      <c r="E88" s="67">
        <v>5</v>
      </c>
      <c r="F88" s="68">
        <v>1</v>
      </c>
      <c r="G88" s="69">
        <v>4</v>
      </c>
      <c r="H88" s="68">
        <v>71</v>
      </c>
      <c r="I88" s="68">
        <v>48</v>
      </c>
      <c r="J88" s="68">
        <v>23</v>
      </c>
      <c r="K88" s="67">
        <v>68</v>
      </c>
      <c r="L88" s="79">
        <v>39</v>
      </c>
      <c r="M88" s="80">
        <v>29</v>
      </c>
    </row>
    <row r="89" spans="1:13">
      <c r="A89" s="27" t="s">
        <v>31</v>
      </c>
      <c r="B89" s="67">
        <v>-6</v>
      </c>
      <c r="C89" s="68">
        <v>-7</v>
      </c>
      <c r="D89" s="68">
        <v>1</v>
      </c>
      <c r="E89" s="67">
        <v>15</v>
      </c>
      <c r="F89" s="68">
        <v>11</v>
      </c>
      <c r="G89" s="69">
        <v>4</v>
      </c>
      <c r="H89" s="68">
        <v>61</v>
      </c>
      <c r="I89" s="68">
        <v>38</v>
      </c>
      <c r="J89" s="68">
        <v>23</v>
      </c>
      <c r="K89" s="67">
        <v>52</v>
      </c>
      <c r="L89" s="79">
        <v>34</v>
      </c>
      <c r="M89" s="80">
        <v>18</v>
      </c>
    </row>
    <row r="90" spans="1:13">
      <c r="A90" s="27" t="s">
        <v>33</v>
      </c>
      <c r="B90" s="67">
        <v>-9</v>
      </c>
      <c r="C90" s="68">
        <v>-6</v>
      </c>
      <c r="D90" s="68">
        <v>-3</v>
      </c>
      <c r="E90" s="67">
        <v>18</v>
      </c>
      <c r="F90" s="68">
        <v>11</v>
      </c>
      <c r="G90" s="69">
        <v>7</v>
      </c>
      <c r="H90" s="68">
        <v>62</v>
      </c>
      <c r="I90" s="68">
        <v>35</v>
      </c>
      <c r="J90" s="68">
        <v>27</v>
      </c>
      <c r="K90" s="67">
        <v>53</v>
      </c>
      <c r="L90" s="79">
        <v>30</v>
      </c>
      <c r="M90" s="80">
        <v>23</v>
      </c>
    </row>
    <row r="91" spans="1:13">
      <c r="A91" s="27" t="s">
        <v>35</v>
      </c>
      <c r="B91" s="67">
        <v>-13</v>
      </c>
      <c r="C91" s="68">
        <v>-5</v>
      </c>
      <c r="D91" s="68">
        <v>-8</v>
      </c>
      <c r="E91" s="67">
        <v>12</v>
      </c>
      <c r="F91" s="68">
        <v>5</v>
      </c>
      <c r="G91" s="69">
        <v>7</v>
      </c>
      <c r="H91" s="68">
        <v>45</v>
      </c>
      <c r="I91" s="68">
        <v>27</v>
      </c>
      <c r="J91" s="68">
        <v>18</v>
      </c>
      <c r="K91" s="67">
        <v>46</v>
      </c>
      <c r="L91" s="79">
        <v>27</v>
      </c>
      <c r="M91" s="80">
        <v>19</v>
      </c>
    </row>
    <row r="92" spans="1:13">
      <c r="A92" s="27" t="s">
        <v>37</v>
      </c>
      <c r="B92" s="67">
        <v>-12</v>
      </c>
      <c r="C92" s="68">
        <v>-6</v>
      </c>
      <c r="D92" s="68">
        <v>-6</v>
      </c>
      <c r="E92" s="67">
        <v>13</v>
      </c>
      <c r="F92" s="68">
        <v>12</v>
      </c>
      <c r="G92" s="69">
        <v>1</v>
      </c>
      <c r="H92" s="68">
        <v>38</v>
      </c>
      <c r="I92" s="68">
        <v>21</v>
      </c>
      <c r="J92" s="68">
        <v>17</v>
      </c>
      <c r="K92" s="67">
        <v>37</v>
      </c>
      <c r="L92" s="79">
        <v>15</v>
      </c>
      <c r="M92" s="80">
        <v>22</v>
      </c>
    </row>
    <row r="93" spans="1:13" ht="21" customHeight="1">
      <c r="A93" s="38" t="s">
        <v>39</v>
      </c>
      <c r="B93" s="64">
        <v>-103</v>
      </c>
      <c r="C93" s="65">
        <v>-74</v>
      </c>
      <c r="D93" s="65">
        <v>-29</v>
      </c>
      <c r="E93" s="64">
        <v>82</v>
      </c>
      <c r="F93" s="65">
        <v>56</v>
      </c>
      <c r="G93" s="66">
        <v>26</v>
      </c>
      <c r="H93" s="65">
        <v>155</v>
      </c>
      <c r="I93" s="65">
        <v>76</v>
      </c>
      <c r="J93" s="65">
        <v>79</v>
      </c>
      <c r="K93" s="64">
        <v>176</v>
      </c>
      <c r="L93" s="77">
        <v>94</v>
      </c>
      <c r="M93" s="78">
        <v>82</v>
      </c>
    </row>
    <row r="94" spans="1:13">
      <c r="A94" s="27" t="s">
        <v>41</v>
      </c>
      <c r="B94" s="67">
        <v>-9</v>
      </c>
      <c r="C94" s="68">
        <v>-9</v>
      </c>
      <c r="D94" s="68">
        <v>0</v>
      </c>
      <c r="E94" s="67">
        <v>13</v>
      </c>
      <c r="F94" s="68">
        <v>8</v>
      </c>
      <c r="G94" s="69">
        <v>5</v>
      </c>
      <c r="H94" s="68">
        <v>36</v>
      </c>
      <c r="I94" s="68">
        <v>21</v>
      </c>
      <c r="J94" s="68">
        <v>15</v>
      </c>
      <c r="K94" s="67">
        <v>32</v>
      </c>
      <c r="L94" s="79">
        <v>22</v>
      </c>
      <c r="M94" s="80">
        <v>10</v>
      </c>
    </row>
    <row r="95" spans="1:13">
      <c r="A95" s="27" t="s">
        <v>43</v>
      </c>
      <c r="B95" s="67">
        <v>-26</v>
      </c>
      <c r="C95" s="68">
        <v>-23</v>
      </c>
      <c r="D95" s="68">
        <v>-3</v>
      </c>
      <c r="E95" s="67">
        <v>18</v>
      </c>
      <c r="F95" s="68">
        <v>14</v>
      </c>
      <c r="G95" s="69">
        <v>4</v>
      </c>
      <c r="H95" s="68">
        <v>28</v>
      </c>
      <c r="I95" s="68">
        <v>14</v>
      </c>
      <c r="J95" s="68">
        <v>14</v>
      </c>
      <c r="K95" s="67">
        <v>36</v>
      </c>
      <c r="L95" s="79">
        <v>23</v>
      </c>
      <c r="M95" s="80">
        <v>13</v>
      </c>
    </row>
    <row r="96" spans="1:13">
      <c r="A96" s="27" t="s">
        <v>45</v>
      </c>
      <c r="B96" s="67">
        <v>-21</v>
      </c>
      <c r="C96" s="68">
        <v>-11</v>
      </c>
      <c r="D96" s="68">
        <v>-10</v>
      </c>
      <c r="E96" s="67">
        <v>14</v>
      </c>
      <c r="F96" s="68">
        <v>12</v>
      </c>
      <c r="G96" s="69">
        <v>2</v>
      </c>
      <c r="H96" s="68">
        <v>26</v>
      </c>
      <c r="I96" s="68">
        <v>14</v>
      </c>
      <c r="J96" s="68">
        <v>12</v>
      </c>
      <c r="K96" s="67">
        <v>33</v>
      </c>
      <c r="L96" s="79">
        <v>13</v>
      </c>
      <c r="M96" s="80">
        <v>20</v>
      </c>
    </row>
    <row r="97" spans="1:13">
      <c r="A97" s="27" t="s">
        <v>47</v>
      </c>
      <c r="B97" s="67">
        <v>-18</v>
      </c>
      <c r="C97" s="68">
        <v>-10</v>
      </c>
      <c r="D97" s="68">
        <v>-8</v>
      </c>
      <c r="E97" s="67">
        <v>18</v>
      </c>
      <c r="F97" s="68">
        <v>12</v>
      </c>
      <c r="G97" s="69">
        <v>6</v>
      </c>
      <c r="H97" s="68">
        <v>38</v>
      </c>
      <c r="I97" s="68">
        <v>18</v>
      </c>
      <c r="J97" s="68">
        <v>20</v>
      </c>
      <c r="K97" s="67">
        <v>38</v>
      </c>
      <c r="L97" s="79">
        <v>16</v>
      </c>
      <c r="M97" s="80">
        <v>22</v>
      </c>
    </row>
    <row r="98" spans="1:13">
      <c r="A98" s="27" t="s">
        <v>49</v>
      </c>
      <c r="B98" s="67">
        <v>-29</v>
      </c>
      <c r="C98" s="68">
        <v>-21</v>
      </c>
      <c r="D98" s="68">
        <v>-8</v>
      </c>
      <c r="E98" s="67">
        <v>19</v>
      </c>
      <c r="F98" s="68">
        <v>10</v>
      </c>
      <c r="G98" s="69">
        <v>9</v>
      </c>
      <c r="H98" s="68">
        <v>27</v>
      </c>
      <c r="I98" s="68">
        <v>9</v>
      </c>
      <c r="J98" s="68">
        <v>18</v>
      </c>
      <c r="K98" s="67">
        <v>37</v>
      </c>
      <c r="L98" s="79">
        <v>20</v>
      </c>
      <c r="M98" s="80">
        <v>17</v>
      </c>
    </row>
    <row r="99" spans="1:13" ht="21" customHeight="1">
      <c r="A99" s="38" t="s">
        <v>51</v>
      </c>
      <c r="B99" s="64">
        <v>-209</v>
      </c>
      <c r="C99" s="65">
        <v>-130</v>
      </c>
      <c r="D99" s="65">
        <v>-79</v>
      </c>
      <c r="E99" s="64">
        <v>189</v>
      </c>
      <c r="F99" s="65">
        <v>129</v>
      </c>
      <c r="G99" s="66">
        <v>60</v>
      </c>
      <c r="H99" s="65">
        <v>164</v>
      </c>
      <c r="I99" s="65">
        <v>86</v>
      </c>
      <c r="J99" s="65">
        <v>78</v>
      </c>
      <c r="K99" s="64">
        <v>184</v>
      </c>
      <c r="L99" s="77">
        <v>87</v>
      </c>
      <c r="M99" s="78">
        <v>97</v>
      </c>
    </row>
    <row r="100" spans="1:13">
      <c r="A100" s="27" t="s">
        <v>53</v>
      </c>
      <c r="B100" s="67">
        <v>-20</v>
      </c>
      <c r="C100" s="68">
        <v>-14</v>
      </c>
      <c r="D100" s="68">
        <v>-6</v>
      </c>
      <c r="E100" s="67">
        <v>20</v>
      </c>
      <c r="F100" s="68">
        <v>14</v>
      </c>
      <c r="G100" s="69">
        <v>6</v>
      </c>
      <c r="H100" s="68">
        <v>30</v>
      </c>
      <c r="I100" s="68">
        <v>16</v>
      </c>
      <c r="J100" s="68">
        <v>14</v>
      </c>
      <c r="K100" s="67">
        <v>30</v>
      </c>
      <c r="L100" s="79">
        <v>16</v>
      </c>
      <c r="M100" s="80">
        <v>14</v>
      </c>
    </row>
    <row r="101" spans="1:13">
      <c r="A101" s="27" t="s">
        <v>55</v>
      </c>
      <c r="B101" s="67">
        <v>-32</v>
      </c>
      <c r="C101" s="68">
        <v>-19</v>
      </c>
      <c r="D101" s="68">
        <v>-13</v>
      </c>
      <c r="E101" s="67">
        <v>39</v>
      </c>
      <c r="F101" s="68">
        <v>30</v>
      </c>
      <c r="G101" s="69">
        <v>9</v>
      </c>
      <c r="H101" s="68">
        <v>34</v>
      </c>
      <c r="I101" s="68">
        <v>23</v>
      </c>
      <c r="J101" s="68">
        <v>11</v>
      </c>
      <c r="K101" s="67">
        <v>27</v>
      </c>
      <c r="L101" s="79">
        <v>12</v>
      </c>
      <c r="M101" s="80">
        <v>15</v>
      </c>
    </row>
    <row r="102" spans="1:13">
      <c r="A102" s="27" t="s">
        <v>57</v>
      </c>
      <c r="B102" s="67">
        <v>-54</v>
      </c>
      <c r="C102" s="68">
        <v>-32</v>
      </c>
      <c r="D102" s="68">
        <v>-22</v>
      </c>
      <c r="E102" s="67">
        <v>40</v>
      </c>
      <c r="F102" s="68">
        <v>28</v>
      </c>
      <c r="G102" s="69">
        <v>12</v>
      </c>
      <c r="H102" s="68">
        <v>28</v>
      </c>
      <c r="I102" s="68">
        <v>11</v>
      </c>
      <c r="J102" s="68">
        <v>17</v>
      </c>
      <c r="K102" s="67">
        <v>42</v>
      </c>
      <c r="L102" s="79">
        <v>15</v>
      </c>
      <c r="M102" s="80">
        <v>27</v>
      </c>
    </row>
    <row r="103" spans="1:13">
      <c r="A103" s="27" t="s">
        <v>59</v>
      </c>
      <c r="B103" s="67">
        <v>-50</v>
      </c>
      <c r="C103" s="68">
        <v>-27</v>
      </c>
      <c r="D103" s="68">
        <v>-23</v>
      </c>
      <c r="E103" s="67">
        <v>42</v>
      </c>
      <c r="F103" s="68">
        <v>27</v>
      </c>
      <c r="G103" s="69">
        <v>15</v>
      </c>
      <c r="H103" s="68">
        <v>36</v>
      </c>
      <c r="I103" s="68">
        <v>20</v>
      </c>
      <c r="J103" s="68">
        <v>16</v>
      </c>
      <c r="K103" s="67">
        <v>44</v>
      </c>
      <c r="L103" s="79">
        <v>20</v>
      </c>
      <c r="M103" s="80">
        <v>24</v>
      </c>
    </row>
    <row r="104" spans="1:13">
      <c r="A104" s="27" t="s">
        <v>61</v>
      </c>
      <c r="B104" s="67">
        <v>-53</v>
      </c>
      <c r="C104" s="68">
        <v>-38</v>
      </c>
      <c r="D104" s="68">
        <v>-15</v>
      </c>
      <c r="E104" s="67">
        <v>48</v>
      </c>
      <c r="F104" s="68">
        <v>30</v>
      </c>
      <c r="G104" s="69">
        <v>18</v>
      </c>
      <c r="H104" s="68">
        <v>36</v>
      </c>
      <c r="I104" s="68">
        <v>16</v>
      </c>
      <c r="J104" s="68">
        <v>20</v>
      </c>
      <c r="K104" s="67">
        <v>41</v>
      </c>
      <c r="L104" s="79">
        <v>24</v>
      </c>
      <c r="M104" s="80">
        <v>17</v>
      </c>
    </row>
    <row r="105" spans="1:13" ht="21" customHeight="1">
      <c r="A105" s="38" t="s">
        <v>63</v>
      </c>
      <c r="B105" s="64">
        <v>-286</v>
      </c>
      <c r="C105" s="65">
        <v>-187</v>
      </c>
      <c r="D105" s="65">
        <v>-99</v>
      </c>
      <c r="E105" s="64">
        <v>266</v>
      </c>
      <c r="F105" s="65">
        <v>165</v>
      </c>
      <c r="G105" s="66">
        <v>101</v>
      </c>
      <c r="H105" s="65">
        <v>130</v>
      </c>
      <c r="I105" s="65">
        <v>55</v>
      </c>
      <c r="J105" s="65">
        <v>75</v>
      </c>
      <c r="K105" s="64">
        <v>150</v>
      </c>
      <c r="L105" s="77">
        <v>77</v>
      </c>
      <c r="M105" s="78">
        <v>73</v>
      </c>
    </row>
    <row r="106" spans="1:13">
      <c r="A106" s="27" t="s">
        <v>65</v>
      </c>
      <c r="B106" s="67">
        <v>-55</v>
      </c>
      <c r="C106" s="68">
        <v>-37</v>
      </c>
      <c r="D106" s="68">
        <v>-18</v>
      </c>
      <c r="E106" s="67">
        <v>53</v>
      </c>
      <c r="F106" s="68">
        <v>37</v>
      </c>
      <c r="G106" s="69">
        <v>16</v>
      </c>
      <c r="H106" s="68">
        <v>35</v>
      </c>
      <c r="I106" s="68">
        <v>17</v>
      </c>
      <c r="J106" s="68">
        <v>18</v>
      </c>
      <c r="K106" s="67">
        <v>37</v>
      </c>
      <c r="L106" s="79">
        <v>17</v>
      </c>
      <c r="M106" s="80">
        <v>20</v>
      </c>
    </row>
    <row r="107" spans="1:13">
      <c r="A107" s="27" t="s">
        <v>67</v>
      </c>
      <c r="B107" s="67">
        <v>-49</v>
      </c>
      <c r="C107" s="68">
        <v>-32</v>
      </c>
      <c r="D107" s="68">
        <v>-17</v>
      </c>
      <c r="E107" s="67">
        <v>41</v>
      </c>
      <c r="F107" s="68">
        <v>25</v>
      </c>
      <c r="G107" s="69">
        <v>16</v>
      </c>
      <c r="H107" s="68">
        <v>23</v>
      </c>
      <c r="I107" s="68">
        <v>11</v>
      </c>
      <c r="J107" s="68">
        <v>12</v>
      </c>
      <c r="K107" s="67">
        <v>31</v>
      </c>
      <c r="L107" s="79">
        <v>18</v>
      </c>
      <c r="M107" s="80">
        <v>13</v>
      </c>
    </row>
    <row r="108" spans="1:13">
      <c r="A108" s="27" t="s">
        <v>69</v>
      </c>
      <c r="B108" s="67">
        <v>-40</v>
      </c>
      <c r="C108" s="68">
        <v>-36</v>
      </c>
      <c r="D108" s="68">
        <v>-4</v>
      </c>
      <c r="E108" s="67">
        <v>40</v>
      </c>
      <c r="F108" s="68">
        <v>29</v>
      </c>
      <c r="G108" s="69">
        <v>11</v>
      </c>
      <c r="H108" s="68">
        <v>20</v>
      </c>
      <c r="I108" s="68">
        <v>5</v>
      </c>
      <c r="J108" s="68">
        <v>15</v>
      </c>
      <c r="K108" s="67">
        <v>20</v>
      </c>
      <c r="L108" s="79">
        <v>12</v>
      </c>
      <c r="M108" s="80">
        <v>8</v>
      </c>
    </row>
    <row r="109" spans="1:13">
      <c r="A109" s="27" t="s">
        <v>71</v>
      </c>
      <c r="B109" s="67">
        <v>-70</v>
      </c>
      <c r="C109" s="68">
        <v>-39</v>
      </c>
      <c r="D109" s="68">
        <v>-31</v>
      </c>
      <c r="E109" s="67">
        <v>62</v>
      </c>
      <c r="F109" s="68">
        <v>35</v>
      </c>
      <c r="G109" s="69">
        <v>27</v>
      </c>
      <c r="H109" s="68">
        <v>26</v>
      </c>
      <c r="I109" s="68">
        <v>12</v>
      </c>
      <c r="J109" s="68">
        <v>14</v>
      </c>
      <c r="K109" s="67">
        <v>34</v>
      </c>
      <c r="L109" s="79">
        <v>16</v>
      </c>
      <c r="M109" s="80">
        <v>18</v>
      </c>
    </row>
    <row r="110" spans="1:13">
      <c r="A110" s="27" t="s">
        <v>73</v>
      </c>
      <c r="B110" s="67">
        <v>-72</v>
      </c>
      <c r="C110" s="68">
        <v>-43</v>
      </c>
      <c r="D110" s="68">
        <v>-29</v>
      </c>
      <c r="E110" s="67">
        <v>70</v>
      </c>
      <c r="F110" s="68">
        <v>39</v>
      </c>
      <c r="G110" s="69">
        <v>31</v>
      </c>
      <c r="H110" s="68">
        <v>26</v>
      </c>
      <c r="I110" s="68">
        <v>10</v>
      </c>
      <c r="J110" s="68">
        <v>16</v>
      </c>
      <c r="K110" s="67">
        <v>28</v>
      </c>
      <c r="L110" s="79">
        <v>14</v>
      </c>
      <c r="M110" s="80">
        <v>14</v>
      </c>
    </row>
    <row r="111" spans="1:13" ht="21" customHeight="1">
      <c r="A111" s="38" t="s">
        <v>75</v>
      </c>
      <c r="B111" s="64">
        <v>-430</v>
      </c>
      <c r="C111" s="65">
        <v>-252</v>
      </c>
      <c r="D111" s="65">
        <v>-178</v>
      </c>
      <c r="E111" s="64">
        <v>455</v>
      </c>
      <c r="F111" s="65">
        <v>273</v>
      </c>
      <c r="G111" s="66">
        <v>182</v>
      </c>
      <c r="H111" s="65">
        <v>140</v>
      </c>
      <c r="I111" s="65">
        <v>57</v>
      </c>
      <c r="J111" s="65">
        <v>83</v>
      </c>
      <c r="K111" s="64">
        <v>115</v>
      </c>
      <c r="L111" s="77">
        <v>36</v>
      </c>
      <c r="M111" s="78">
        <v>79</v>
      </c>
    </row>
    <row r="112" spans="1:13">
      <c r="A112" s="27" t="s">
        <v>77</v>
      </c>
      <c r="B112" s="67">
        <v>-71</v>
      </c>
      <c r="C112" s="68">
        <v>-42</v>
      </c>
      <c r="D112" s="68">
        <v>-29</v>
      </c>
      <c r="E112" s="67">
        <v>83</v>
      </c>
      <c r="F112" s="68">
        <v>49</v>
      </c>
      <c r="G112" s="69">
        <v>34</v>
      </c>
      <c r="H112" s="68">
        <v>35</v>
      </c>
      <c r="I112" s="68">
        <v>18</v>
      </c>
      <c r="J112" s="68">
        <v>17</v>
      </c>
      <c r="K112" s="67">
        <v>23</v>
      </c>
      <c r="L112" s="79">
        <v>11</v>
      </c>
      <c r="M112" s="80">
        <v>12</v>
      </c>
    </row>
    <row r="113" spans="1:13">
      <c r="A113" s="27" t="s">
        <v>79</v>
      </c>
      <c r="B113" s="67">
        <v>-79</v>
      </c>
      <c r="C113" s="68">
        <v>-39</v>
      </c>
      <c r="D113" s="68">
        <v>-40</v>
      </c>
      <c r="E113" s="67">
        <v>85</v>
      </c>
      <c r="F113" s="68">
        <v>46</v>
      </c>
      <c r="G113" s="69">
        <v>39</v>
      </c>
      <c r="H113" s="68">
        <v>33</v>
      </c>
      <c r="I113" s="68">
        <v>15</v>
      </c>
      <c r="J113" s="68">
        <v>18</v>
      </c>
      <c r="K113" s="67">
        <v>27</v>
      </c>
      <c r="L113" s="79">
        <v>8</v>
      </c>
      <c r="M113" s="80">
        <v>19</v>
      </c>
    </row>
    <row r="114" spans="1:13">
      <c r="A114" s="27" t="s">
        <v>81</v>
      </c>
      <c r="B114" s="67">
        <v>-95</v>
      </c>
      <c r="C114" s="68">
        <v>-62</v>
      </c>
      <c r="D114" s="68">
        <v>-33</v>
      </c>
      <c r="E114" s="67">
        <v>97</v>
      </c>
      <c r="F114" s="68">
        <v>66</v>
      </c>
      <c r="G114" s="69">
        <v>31</v>
      </c>
      <c r="H114" s="68">
        <v>28</v>
      </c>
      <c r="I114" s="68">
        <v>9</v>
      </c>
      <c r="J114" s="68">
        <v>19</v>
      </c>
      <c r="K114" s="67">
        <v>26</v>
      </c>
      <c r="L114" s="79">
        <v>5</v>
      </c>
      <c r="M114" s="80">
        <v>21</v>
      </c>
    </row>
    <row r="115" spans="1:13">
      <c r="A115" s="27" t="s">
        <v>83</v>
      </c>
      <c r="B115" s="67">
        <v>-83</v>
      </c>
      <c r="C115" s="68">
        <v>-51</v>
      </c>
      <c r="D115" s="68">
        <v>-32</v>
      </c>
      <c r="E115" s="67">
        <v>87</v>
      </c>
      <c r="F115" s="68">
        <v>56</v>
      </c>
      <c r="G115" s="69">
        <v>31</v>
      </c>
      <c r="H115" s="68">
        <v>19</v>
      </c>
      <c r="I115" s="68">
        <v>7</v>
      </c>
      <c r="J115" s="68">
        <v>12</v>
      </c>
      <c r="K115" s="67">
        <v>15</v>
      </c>
      <c r="L115" s="79">
        <v>2</v>
      </c>
      <c r="M115" s="80">
        <v>13</v>
      </c>
    </row>
    <row r="116" spans="1:13">
      <c r="A116" s="27" t="s">
        <v>85</v>
      </c>
      <c r="B116" s="67">
        <v>-102</v>
      </c>
      <c r="C116" s="68">
        <v>-58</v>
      </c>
      <c r="D116" s="68">
        <v>-44</v>
      </c>
      <c r="E116" s="67">
        <v>103</v>
      </c>
      <c r="F116" s="68">
        <v>56</v>
      </c>
      <c r="G116" s="69">
        <v>47</v>
      </c>
      <c r="H116" s="68">
        <v>25</v>
      </c>
      <c r="I116" s="68">
        <v>8</v>
      </c>
      <c r="J116" s="68">
        <v>17</v>
      </c>
      <c r="K116" s="67">
        <v>24</v>
      </c>
      <c r="L116" s="79">
        <v>10</v>
      </c>
      <c r="M116" s="80">
        <v>14</v>
      </c>
    </row>
    <row r="117" spans="1:13" ht="21" customHeight="1">
      <c r="A117" s="38" t="s">
        <v>87</v>
      </c>
      <c r="B117" s="64">
        <v>-502</v>
      </c>
      <c r="C117" s="65">
        <v>-260</v>
      </c>
      <c r="D117" s="65">
        <v>-242</v>
      </c>
      <c r="E117" s="64">
        <v>502</v>
      </c>
      <c r="F117" s="65">
        <v>252</v>
      </c>
      <c r="G117" s="66">
        <v>250</v>
      </c>
      <c r="H117" s="65">
        <v>120</v>
      </c>
      <c r="I117" s="65">
        <v>28</v>
      </c>
      <c r="J117" s="65">
        <v>92</v>
      </c>
      <c r="K117" s="64">
        <v>120</v>
      </c>
      <c r="L117" s="77">
        <v>36</v>
      </c>
      <c r="M117" s="78">
        <v>84</v>
      </c>
    </row>
    <row r="118" spans="1:13">
      <c r="A118" s="27" t="s">
        <v>89</v>
      </c>
      <c r="B118" s="67">
        <v>-109</v>
      </c>
      <c r="C118" s="68">
        <v>-65</v>
      </c>
      <c r="D118" s="68">
        <v>-44</v>
      </c>
      <c r="E118" s="67">
        <v>110</v>
      </c>
      <c r="F118" s="68">
        <v>67</v>
      </c>
      <c r="G118" s="69">
        <v>43</v>
      </c>
      <c r="H118" s="68">
        <v>26</v>
      </c>
      <c r="I118" s="68">
        <v>6</v>
      </c>
      <c r="J118" s="68">
        <v>20</v>
      </c>
      <c r="K118" s="67">
        <v>25</v>
      </c>
      <c r="L118" s="79">
        <v>4</v>
      </c>
      <c r="M118" s="80">
        <v>21</v>
      </c>
    </row>
    <row r="119" spans="1:13">
      <c r="A119" s="27" t="s">
        <v>91</v>
      </c>
      <c r="B119" s="67">
        <v>-106</v>
      </c>
      <c r="C119" s="68">
        <v>-65</v>
      </c>
      <c r="D119" s="68">
        <v>-41</v>
      </c>
      <c r="E119" s="67">
        <v>91</v>
      </c>
      <c r="F119" s="68">
        <v>53</v>
      </c>
      <c r="G119" s="69">
        <v>38</v>
      </c>
      <c r="H119" s="68">
        <v>18</v>
      </c>
      <c r="I119" s="68">
        <v>1</v>
      </c>
      <c r="J119" s="68">
        <v>17</v>
      </c>
      <c r="K119" s="67">
        <v>33</v>
      </c>
      <c r="L119" s="79">
        <v>13</v>
      </c>
      <c r="M119" s="80">
        <v>20</v>
      </c>
    </row>
    <row r="120" spans="1:13">
      <c r="A120" s="27" t="s">
        <v>93</v>
      </c>
      <c r="B120" s="67">
        <v>-100</v>
      </c>
      <c r="C120" s="68">
        <v>-57</v>
      </c>
      <c r="D120" s="68">
        <v>-43</v>
      </c>
      <c r="E120" s="67">
        <v>104</v>
      </c>
      <c r="F120" s="68">
        <v>56</v>
      </c>
      <c r="G120" s="69">
        <v>48</v>
      </c>
      <c r="H120" s="68">
        <v>29</v>
      </c>
      <c r="I120" s="68">
        <v>7</v>
      </c>
      <c r="J120" s="68">
        <v>22</v>
      </c>
      <c r="K120" s="67">
        <v>25</v>
      </c>
      <c r="L120" s="79">
        <v>8</v>
      </c>
      <c r="M120" s="80">
        <v>17</v>
      </c>
    </row>
    <row r="121" spans="1:13">
      <c r="A121" s="27" t="s">
        <v>95</v>
      </c>
      <c r="B121" s="67">
        <v>-99</v>
      </c>
      <c r="C121" s="68">
        <v>-35</v>
      </c>
      <c r="D121" s="68">
        <v>-64</v>
      </c>
      <c r="E121" s="67">
        <v>99</v>
      </c>
      <c r="F121" s="68">
        <v>38</v>
      </c>
      <c r="G121" s="69">
        <v>61</v>
      </c>
      <c r="H121" s="68">
        <v>20</v>
      </c>
      <c r="I121" s="68">
        <v>6</v>
      </c>
      <c r="J121" s="68">
        <v>14</v>
      </c>
      <c r="K121" s="67">
        <v>20</v>
      </c>
      <c r="L121" s="79">
        <v>3</v>
      </c>
      <c r="M121" s="80">
        <v>17</v>
      </c>
    </row>
    <row r="122" spans="1:13">
      <c r="A122" s="27" t="s">
        <v>97</v>
      </c>
      <c r="B122" s="67">
        <v>-88</v>
      </c>
      <c r="C122" s="68">
        <v>-38</v>
      </c>
      <c r="D122" s="68">
        <v>-50</v>
      </c>
      <c r="E122" s="67">
        <v>98</v>
      </c>
      <c r="F122" s="68">
        <v>38</v>
      </c>
      <c r="G122" s="69">
        <v>60</v>
      </c>
      <c r="H122" s="68">
        <v>27</v>
      </c>
      <c r="I122" s="68">
        <v>8</v>
      </c>
      <c r="J122" s="68">
        <v>19</v>
      </c>
      <c r="K122" s="67">
        <v>17</v>
      </c>
      <c r="L122" s="79">
        <v>8</v>
      </c>
      <c r="M122" s="80">
        <v>9</v>
      </c>
    </row>
    <row r="123" spans="1:13" ht="21" customHeight="1">
      <c r="A123" s="38" t="s">
        <v>99</v>
      </c>
      <c r="B123" s="64">
        <v>-491</v>
      </c>
      <c r="C123" s="65">
        <v>-210</v>
      </c>
      <c r="D123" s="65">
        <v>-281</v>
      </c>
      <c r="E123" s="64">
        <v>499</v>
      </c>
      <c r="F123" s="65">
        <v>213</v>
      </c>
      <c r="G123" s="66">
        <v>286</v>
      </c>
      <c r="H123" s="65">
        <v>69</v>
      </c>
      <c r="I123" s="65">
        <v>27</v>
      </c>
      <c r="J123" s="65">
        <v>42</v>
      </c>
      <c r="K123" s="64">
        <v>61</v>
      </c>
      <c r="L123" s="77">
        <v>24</v>
      </c>
      <c r="M123" s="78">
        <v>37</v>
      </c>
    </row>
    <row r="124" spans="1:13">
      <c r="A124" s="27" t="s">
        <v>101</v>
      </c>
      <c r="B124" s="67">
        <v>-100</v>
      </c>
      <c r="C124" s="68">
        <v>-52</v>
      </c>
      <c r="D124" s="68">
        <v>-48</v>
      </c>
      <c r="E124" s="67">
        <v>109</v>
      </c>
      <c r="F124" s="68">
        <v>56</v>
      </c>
      <c r="G124" s="69">
        <v>53</v>
      </c>
      <c r="H124" s="68">
        <v>29</v>
      </c>
      <c r="I124" s="68">
        <v>11</v>
      </c>
      <c r="J124" s="68">
        <v>18</v>
      </c>
      <c r="K124" s="67">
        <v>20</v>
      </c>
      <c r="L124" s="79">
        <v>7</v>
      </c>
      <c r="M124" s="80">
        <v>13</v>
      </c>
    </row>
    <row r="125" spans="1:13">
      <c r="A125" s="27" t="s">
        <v>103</v>
      </c>
      <c r="B125" s="67">
        <v>-112</v>
      </c>
      <c r="C125" s="68">
        <v>-54</v>
      </c>
      <c r="D125" s="68">
        <v>-58</v>
      </c>
      <c r="E125" s="67">
        <v>111</v>
      </c>
      <c r="F125" s="68">
        <v>49</v>
      </c>
      <c r="G125" s="69">
        <v>62</v>
      </c>
      <c r="H125" s="68">
        <v>14</v>
      </c>
      <c r="I125" s="68">
        <v>3</v>
      </c>
      <c r="J125" s="68">
        <v>11</v>
      </c>
      <c r="K125" s="67">
        <v>15</v>
      </c>
      <c r="L125" s="79">
        <v>8</v>
      </c>
      <c r="M125" s="80">
        <v>7</v>
      </c>
    </row>
    <row r="126" spans="1:13">
      <c r="A126" s="27" t="s">
        <v>105</v>
      </c>
      <c r="B126" s="67">
        <v>-89</v>
      </c>
      <c r="C126" s="68">
        <v>-39</v>
      </c>
      <c r="D126" s="68">
        <v>-50</v>
      </c>
      <c r="E126" s="67">
        <v>85</v>
      </c>
      <c r="F126" s="68">
        <v>37</v>
      </c>
      <c r="G126" s="69">
        <v>48</v>
      </c>
      <c r="H126" s="68">
        <v>8</v>
      </c>
      <c r="I126" s="68">
        <v>2</v>
      </c>
      <c r="J126" s="68">
        <v>6</v>
      </c>
      <c r="K126" s="67">
        <v>12</v>
      </c>
      <c r="L126" s="79">
        <v>4</v>
      </c>
      <c r="M126" s="80">
        <v>8</v>
      </c>
    </row>
    <row r="127" spans="1:13">
      <c r="A127" s="27" t="s">
        <v>107</v>
      </c>
      <c r="B127" s="67">
        <v>-101</v>
      </c>
      <c r="C127" s="68">
        <v>-36</v>
      </c>
      <c r="D127" s="68">
        <v>-65</v>
      </c>
      <c r="E127" s="67">
        <v>103</v>
      </c>
      <c r="F127" s="68">
        <v>37</v>
      </c>
      <c r="G127" s="69">
        <v>66</v>
      </c>
      <c r="H127" s="68">
        <v>11</v>
      </c>
      <c r="I127" s="68">
        <v>5</v>
      </c>
      <c r="J127" s="68">
        <v>6</v>
      </c>
      <c r="K127" s="67">
        <v>9</v>
      </c>
      <c r="L127" s="79">
        <v>4</v>
      </c>
      <c r="M127" s="80">
        <v>5</v>
      </c>
    </row>
    <row r="128" spans="1:13">
      <c r="A128" s="27" t="s">
        <v>109</v>
      </c>
      <c r="B128" s="67">
        <v>-89</v>
      </c>
      <c r="C128" s="68">
        <v>-29</v>
      </c>
      <c r="D128" s="68">
        <v>-60</v>
      </c>
      <c r="E128" s="67">
        <v>91</v>
      </c>
      <c r="F128" s="68">
        <v>34</v>
      </c>
      <c r="G128" s="69">
        <v>57</v>
      </c>
      <c r="H128" s="68">
        <v>7</v>
      </c>
      <c r="I128" s="68">
        <v>6</v>
      </c>
      <c r="J128" s="68">
        <v>1</v>
      </c>
      <c r="K128" s="67">
        <v>5</v>
      </c>
      <c r="L128" s="79">
        <v>1</v>
      </c>
      <c r="M128" s="80">
        <v>4</v>
      </c>
    </row>
    <row r="129" spans="1:14" ht="21" customHeight="1">
      <c r="A129" s="38" t="s">
        <v>111</v>
      </c>
      <c r="B129" s="64">
        <v>-194</v>
      </c>
      <c r="C129" s="65">
        <v>-66</v>
      </c>
      <c r="D129" s="65">
        <v>-128</v>
      </c>
      <c r="E129" s="64">
        <v>198</v>
      </c>
      <c r="F129" s="65">
        <v>63</v>
      </c>
      <c r="G129" s="66">
        <v>135</v>
      </c>
      <c r="H129" s="65">
        <v>23</v>
      </c>
      <c r="I129" s="65">
        <v>3</v>
      </c>
      <c r="J129" s="65">
        <v>20</v>
      </c>
      <c r="K129" s="64">
        <v>19</v>
      </c>
      <c r="L129" s="77">
        <v>6</v>
      </c>
      <c r="M129" s="78">
        <v>13</v>
      </c>
    </row>
    <row r="130" spans="1:14">
      <c r="A130" s="27" t="s">
        <v>113</v>
      </c>
      <c r="B130" s="67">
        <v>-60</v>
      </c>
      <c r="C130" s="68">
        <v>-26</v>
      </c>
      <c r="D130" s="68">
        <v>-34</v>
      </c>
      <c r="E130" s="67">
        <v>61</v>
      </c>
      <c r="F130" s="68">
        <v>25</v>
      </c>
      <c r="G130" s="69">
        <v>36</v>
      </c>
      <c r="H130" s="68">
        <v>8</v>
      </c>
      <c r="I130" s="68">
        <v>1</v>
      </c>
      <c r="J130" s="68">
        <v>7</v>
      </c>
      <c r="K130" s="67">
        <v>7</v>
      </c>
      <c r="L130" s="79">
        <v>2</v>
      </c>
      <c r="M130" s="80">
        <v>5</v>
      </c>
    </row>
    <row r="131" spans="1:14">
      <c r="A131" s="27" t="s">
        <v>115</v>
      </c>
      <c r="B131" s="67">
        <v>-47</v>
      </c>
      <c r="C131" s="68">
        <v>-19</v>
      </c>
      <c r="D131" s="68">
        <v>-28</v>
      </c>
      <c r="E131" s="67">
        <v>43</v>
      </c>
      <c r="F131" s="68">
        <v>17</v>
      </c>
      <c r="G131" s="69">
        <v>26</v>
      </c>
      <c r="H131" s="68">
        <v>3</v>
      </c>
      <c r="I131" s="68">
        <v>1</v>
      </c>
      <c r="J131" s="68">
        <v>2</v>
      </c>
      <c r="K131" s="67">
        <v>7</v>
      </c>
      <c r="L131" s="79">
        <v>3</v>
      </c>
      <c r="M131" s="80">
        <v>4</v>
      </c>
    </row>
    <row r="132" spans="1:14">
      <c r="A132" s="27" t="s">
        <v>117</v>
      </c>
      <c r="B132" s="67">
        <v>-37</v>
      </c>
      <c r="C132" s="68">
        <v>-12</v>
      </c>
      <c r="D132" s="68">
        <v>-25</v>
      </c>
      <c r="E132" s="67">
        <v>40</v>
      </c>
      <c r="F132" s="68">
        <v>12</v>
      </c>
      <c r="G132" s="69">
        <v>28</v>
      </c>
      <c r="H132" s="68">
        <v>6</v>
      </c>
      <c r="I132" s="68">
        <v>0</v>
      </c>
      <c r="J132" s="68">
        <v>6</v>
      </c>
      <c r="K132" s="67">
        <v>3</v>
      </c>
      <c r="L132" s="79">
        <v>0</v>
      </c>
      <c r="M132" s="80">
        <v>3</v>
      </c>
    </row>
    <row r="133" spans="1:14">
      <c r="A133" s="27" t="s">
        <v>119</v>
      </c>
      <c r="B133" s="67">
        <v>-33</v>
      </c>
      <c r="C133" s="68">
        <v>-8</v>
      </c>
      <c r="D133" s="68">
        <v>-25</v>
      </c>
      <c r="E133" s="67">
        <v>35</v>
      </c>
      <c r="F133" s="68">
        <v>8</v>
      </c>
      <c r="G133" s="69">
        <v>27</v>
      </c>
      <c r="H133" s="68">
        <v>4</v>
      </c>
      <c r="I133" s="68">
        <v>1</v>
      </c>
      <c r="J133" s="68">
        <v>3</v>
      </c>
      <c r="K133" s="67">
        <v>2</v>
      </c>
      <c r="L133" s="79">
        <v>1</v>
      </c>
      <c r="M133" s="80">
        <v>1</v>
      </c>
    </row>
    <row r="134" spans="1:14">
      <c r="A134" s="27" t="s">
        <v>121</v>
      </c>
      <c r="B134" s="67">
        <v>-17</v>
      </c>
      <c r="C134" s="68">
        <v>-1</v>
      </c>
      <c r="D134" s="68">
        <v>-16</v>
      </c>
      <c r="E134" s="67">
        <v>19</v>
      </c>
      <c r="F134" s="68">
        <v>1</v>
      </c>
      <c r="G134" s="69">
        <v>18</v>
      </c>
      <c r="H134" s="68">
        <v>2</v>
      </c>
      <c r="I134" s="68">
        <v>0</v>
      </c>
      <c r="J134" s="68">
        <v>2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46</v>
      </c>
      <c r="C135" s="40">
        <v>-8</v>
      </c>
      <c r="D135" s="40">
        <v>-38</v>
      </c>
      <c r="E135" s="42">
        <v>47</v>
      </c>
      <c r="F135" s="40">
        <v>8</v>
      </c>
      <c r="G135" s="43">
        <v>39</v>
      </c>
      <c r="H135" s="40">
        <v>1</v>
      </c>
      <c r="I135" s="40">
        <v>0</v>
      </c>
      <c r="J135" s="40">
        <v>1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0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977</v>
      </c>
      <c r="C5" s="62">
        <v>-718</v>
      </c>
      <c r="D5" s="62">
        <v>-259</v>
      </c>
      <c r="E5" s="61">
        <v>3142</v>
      </c>
      <c r="F5" s="62">
        <v>1668</v>
      </c>
      <c r="G5" s="63">
        <v>1474</v>
      </c>
      <c r="H5" s="62">
        <v>10453</v>
      </c>
      <c r="I5" s="62">
        <v>5252</v>
      </c>
      <c r="J5" s="62">
        <v>5201</v>
      </c>
      <c r="K5" s="61">
        <v>9657</v>
      </c>
      <c r="L5" s="75">
        <v>5016</v>
      </c>
      <c r="M5" s="76">
        <v>4641</v>
      </c>
    </row>
    <row r="6" spans="1:13" ht="23.25" customHeight="1">
      <c r="A6" s="36" t="s">
        <v>2</v>
      </c>
      <c r="B6" s="64">
        <v>1489</v>
      </c>
      <c r="C6" s="65">
        <v>764</v>
      </c>
      <c r="D6" s="65">
        <v>725</v>
      </c>
      <c r="E6" s="64">
        <v>2</v>
      </c>
      <c r="F6" s="65">
        <v>1</v>
      </c>
      <c r="G6" s="66">
        <v>1</v>
      </c>
      <c r="H6" s="65">
        <v>633</v>
      </c>
      <c r="I6" s="65">
        <v>321</v>
      </c>
      <c r="J6" s="65">
        <v>312</v>
      </c>
      <c r="K6" s="64">
        <v>511</v>
      </c>
      <c r="L6" s="77">
        <v>270</v>
      </c>
      <c r="M6" s="78">
        <v>241</v>
      </c>
    </row>
    <row r="7" spans="1:13">
      <c r="A7" s="15" t="s">
        <v>4</v>
      </c>
      <c r="B7" s="67">
        <v>1418</v>
      </c>
      <c r="C7" s="68">
        <v>745</v>
      </c>
      <c r="D7" s="68">
        <v>673</v>
      </c>
      <c r="E7" s="67">
        <v>2</v>
      </c>
      <c r="F7" s="68">
        <v>1</v>
      </c>
      <c r="G7" s="69">
        <v>1</v>
      </c>
      <c r="H7" s="68">
        <v>112</v>
      </c>
      <c r="I7" s="68">
        <v>66</v>
      </c>
      <c r="J7" s="68">
        <v>46</v>
      </c>
      <c r="K7" s="67">
        <v>61</v>
      </c>
      <c r="L7" s="79">
        <v>34</v>
      </c>
      <c r="M7" s="80">
        <v>27</v>
      </c>
    </row>
    <row r="8" spans="1:13">
      <c r="A8" s="15" t="s">
        <v>6</v>
      </c>
      <c r="B8" s="67">
        <v>47</v>
      </c>
      <c r="C8" s="68">
        <v>8</v>
      </c>
      <c r="D8" s="68">
        <v>39</v>
      </c>
      <c r="E8" s="67">
        <v>0</v>
      </c>
      <c r="F8" s="68">
        <v>0</v>
      </c>
      <c r="G8" s="69">
        <v>0</v>
      </c>
      <c r="H8" s="68">
        <v>171</v>
      </c>
      <c r="I8" s="68">
        <v>82</v>
      </c>
      <c r="J8" s="68">
        <v>89</v>
      </c>
      <c r="K8" s="67">
        <v>124</v>
      </c>
      <c r="L8" s="79">
        <v>74</v>
      </c>
      <c r="M8" s="80">
        <v>50</v>
      </c>
    </row>
    <row r="9" spans="1:13">
      <c r="A9" s="15" t="s">
        <v>8</v>
      </c>
      <c r="B9" s="67">
        <v>17</v>
      </c>
      <c r="C9" s="68">
        <v>-1</v>
      </c>
      <c r="D9" s="68">
        <v>18</v>
      </c>
      <c r="E9" s="67">
        <v>0</v>
      </c>
      <c r="F9" s="68">
        <v>0</v>
      </c>
      <c r="G9" s="69">
        <v>0</v>
      </c>
      <c r="H9" s="68">
        <v>142</v>
      </c>
      <c r="I9" s="68">
        <v>62</v>
      </c>
      <c r="J9" s="68">
        <v>80</v>
      </c>
      <c r="K9" s="67">
        <v>125</v>
      </c>
      <c r="L9" s="79">
        <v>63</v>
      </c>
      <c r="M9" s="80">
        <v>62</v>
      </c>
    </row>
    <row r="10" spans="1:13">
      <c r="A10" s="15" t="s">
        <v>10</v>
      </c>
      <c r="B10" s="67">
        <v>-8</v>
      </c>
      <c r="C10" s="68">
        <v>-6</v>
      </c>
      <c r="D10" s="68">
        <v>-2</v>
      </c>
      <c r="E10" s="67">
        <v>0</v>
      </c>
      <c r="F10" s="68">
        <v>0</v>
      </c>
      <c r="G10" s="69">
        <v>0</v>
      </c>
      <c r="H10" s="68">
        <v>105</v>
      </c>
      <c r="I10" s="68">
        <v>52</v>
      </c>
      <c r="J10" s="68">
        <v>53</v>
      </c>
      <c r="K10" s="67">
        <v>113</v>
      </c>
      <c r="L10" s="79">
        <v>58</v>
      </c>
      <c r="M10" s="80">
        <v>55</v>
      </c>
    </row>
    <row r="11" spans="1:13">
      <c r="A11" s="15" t="s">
        <v>12</v>
      </c>
      <c r="B11" s="67">
        <v>15</v>
      </c>
      <c r="C11" s="68">
        <v>18</v>
      </c>
      <c r="D11" s="68">
        <v>-3</v>
      </c>
      <c r="E11" s="67">
        <v>0</v>
      </c>
      <c r="F11" s="68">
        <v>0</v>
      </c>
      <c r="G11" s="69">
        <v>0</v>
      </c>
      <c r="H11" s="68">
        <v>103</v>
      </c>
      <c r="I11" s="68">
        <v>59</v>
      </c>
      <c r="J11" s="68">
        <v>44</v>
      </c>
      <c r="K11" s="67">
        <v>88</v>
      </c>
      <c r="L11" s="79">
        <v>41</v>
      </c>
      <c r="M11" s="80">
        <v>47</v>
      </c>
    </row>
    <row r="12" spans="1:13" ht="21" customHeight="1">
      <c r="A12" s="36" t="s">
        <v>14</v>
      </c>
      <c r="B12" s="64">
        <v>54</v>
      </c>
      <c r="C12" s="65">
        <v>35</v>
      </c>
      <c r="D12" s="65">
        <v>19</v>
      </c>
      <c r="E12" s="64">
        <v>0</v>
      </c>
      <c r="F12" s="65">
        <v>0</v>
      </c>
      <c r="G12" s="66">
        <v>0</v>
      </c>
      <c r="H12" s="65">
        <v>302</v>
      </c>
      <c r="I12" s="65">
        <v>150</v>
      </c>
      <c r="J12" s="65">
        <v>152</v>
      </c>
      <c r="K12" s="64">
        <v>248</v>
      </c>
      <c r="L12" s="77">
        <v>115</v>
      </c>
      <c r="M12" s="78">
        <v>133</v>
      </c>
    </row>
    <row r="13" spans="1:13">
      <c r="A13" s="15" t="s">
        <v>16</v>
      </c>
      <c r="B13" s="67">
        <v>12</v>
      </c>
      <c r="C13" s="68">
        <v>13</v>
      </c>
      <c r="D13" s="68">
        <v>-1</v>
      </c>
      <c r="E13" s="67">
        <v>0</v>
      </c>
      <c r="F13" s="68">
        <v>0</v>
      </c>
      <c r="G13" s="69">
        <v>0</v>
      </c>
      <c r="H13" s="68">
        <v>82</v>
      </c>
      <c r="I13" s="68">
        <v>41</v>
      </c>
      <c r="J13" s="68">
        <v>41</v>
      </c>
      <c r="K13" s="67">
        <v>70</v>
      </c>
      <c r="L13" s="79">
        <v>28</v>
      </c>
      <c r="M13" s="80">
        <v>42</v>
      </c>
    </row>
    <row r="14" spans="1:13">
      <c r="A14" s="15" t="s">
        <v>18</v>
      </c>
      <c r="B14" s="67">
        <v>13</v>
      </c>
      <c r="C14" s="68">
        <v>3</v>
      </c>
      <c r="D14" s="68">
        <v>10</v>
      </c>
      <c r="E14" s="67">
        <v>0</v>
      </c>
      <c r="F14" s="68">
        <v>0</v>
      </c>
      <c r="G14" s="69">
        <v>0</v>
      </c>
      <c r="H14" s="68">
        <v>79</v>
      </c>
      <c r="I14" s="68">
        <v>36</v>
      </c>
      <c r="J14" s="68">
        <v>43</v>
      </c>
      <c r="K14" s="67">
        <v>66</v>
      </c>
      <c r="L14" s="79">
        <v>33</v>
      </c>
      <c r="M14" s="80">
        <v>33</v>
      </c>
    </row>
    <row r="15" spans="1:13">
      <c r="A15" s="15" t="s">
        <v>20</v>
      </c>
      <c r="B15" s="67">
        <v>29</v>
      </c>
      <c r="C15" s="68">
        <v>16</v>
      </c>
      <c r="D15" s="68">
        <v>13</v>
      </c>
      <c r="E15" s="67">
        <v>0</v>
      </c>
      <c r="F15" s="68">
        <v>0</v>
      </c>
      <c r="G15" s="69">
        <v>0</v>
      </c>
      <c r="H15" s="68">
        <v>72</v>
      </c>
      <c r="I15" s="68">
        <v>33</v>
      </c>
      <c r="J15" s="68">
        <v>39</v>
      </c>
      <c r="K15" s="67">
        <v>43</v>
      </c>
      <c r="L15" s="79">
        <v>17</v>
      </c>
      <c r="M15" s="80">
        <v>26</v>
      </c>
    </row>
    <row r="16" spans="1:13">
      <c r="A16" s="15" t="s">
        <v>22</v>
      </c>
      <c r="B16" s="67">
        <v>3</v>
      </c>
      <c r="C16" s="68">
        <v>7</v>
      </c>
      <c r="D16" s="68">
        <v>-4</v>
      </c>
      <c r="E16" s="67">
        <v>0</v>
      </c>
      <c r="F16" s="68">
        <v>0</v>
      </c>
      <c r="G16" s="69">
        <v>0</v>
      </c>
      <c r="H16" s="68">
        <v>39</v>
      </c>
      <c r="I16" s="68">
        <v>24</v>
      </c>
      <c r="J16" s="68">
        <v>15</v>
      </c>
      <c r="K16" s="67">
        <v>36</v>
      </c>
      <c r="L16" s="79">
        <v>17</v>
      </c>
      <c r="M16" s="80">
        <v>19</v>
      </c>
    </row>
    <row r="17" spans="1:13">
      <c r="A17" s="15" t="s">
        <v>24</v>
      </c>
      <c r="B17" s="67">
        <v>-3</v>
      </c>
      <c r="C17" s="68">
        <v>-4</v>
      </c>
      <c r="D17" s="68">
        <v>1</v>
      </c>
      <c r="E17" s="67">
        <v>0</v>
      </c>
      <c r="F17" s="68">
        <v>0</v>
      </c>
      <c r="G17" s="69">
        <v>0</v>
      </c>
      <c r="H17" s="68">
        <v>30</v>
      </c>
      <c r="I17" s="68">
        <v>16</v>
      </c>
      <c r="J17" s="68">
        <v>14</v>
      </c>
      <c r="K17" s="67">
        <v>33</v>
      </c>
      <c r="L17" s="79">
        <v>20</v>
      </c>
      <c r="M17" s="80">
        <v>13</v>
      </c>
    </row>
    <row r="18" spans="1:13" ht="21" customHeight="1">
      <c r="A18" s="36" t="s">
        <v>26</v>
      </c>
      <c r="B18" s="64">
        <v>36</v>
      </c>
      <c r="C18" s="65">
        <v>-3</v>
      </c>
      <c r="D18" s="65">
        <v>39</v>
      </c>
      <c r="E18" s="64">
        <v>0</v>
      </c>
      <c r="F18" s="65">
        <v>0</v>
      </c>
      <c r="G18" s="66">
        <v>0</v>
      </c>
      <c r="H18" s="65">
        <v>164</v>
      </c>
      <c r="I18" s="65">
        <v>66</v>
      </c>
      <c r="J18" s="65">
        <v>98</v>
      </c>
      <c r="K18" s="64">
        <v>128</v>
      </c>
      <c r="L18" s="77">
        <v>69</v>
      </c>
      <c r="M18" s="78">
        <v>59</v>
      </c>
    </row>
    <row r="19" spans="1:13">
      <c r="A19" s="15" t="s">
        <v>28</v>
      </c>
      <c r="B19" s="67">
        <v>5</v>
      </c>
      <c r="C19" s="68">
        <v>-7</v>
      </c>
      <c r="D19" s="68">
        <v>12</v>
      </c>
      <c r="E19" s="67">
        <v>0</v>
      </c>
      <c r="F19" s="68">
        <v>0</v>
      </c>
      <c r="G19" s="69">
        <v>0</v>
      </c>
      <c r="H19" s="68">
        <v>36</v>
      </c>
      <c r="I19" s="68">
        <v>12</v>
      </c>
      <c r="J19" s="68">
        <v>24</v>
      </c>
      <c r="K19" s="67">
        <v>31</v>
      </c>
      <c r="L19" s="79">
        <v>19</v>
      </c>
      <c r="M19" s="80">
        <v>12</v>
      </c>
    </row>
    <row r="20" spans="1:13">
      <c r="A20" s="15" t="s">
        <v>30</v>
      </c>
      <c r="B20" s="67">
        <v>10</v>
      </c>
      <c r="C20" s="68">
        <v>10</v>
      </c>
      <c r="D20" s="68">
        <v>0</v>
      </c>
      <c r="E20" s="67">
        <v>0</v>
      </c>
      <c r="F20" s="68">
        <v>0</v>
      </c>
      <c r="G20" s="69">
        <v>0</v>
      </c>
      <c r="H20" s="68">
        <v>33</v>
      </c>
      <c r="I20" s="68">
        <v>19</v>
      </c>
      <c r="J20" s="68">
        <v>14</v>
      </c>
      <c r="K20" s="67">
        <v>23</v>
      </c>
      <c r="L20" s="79">
        <v>9</v>
      </c>
      <c r="M20" s="80">
        <v>14</v>
      </c>
    </row>
    <row r="21" spans="1:13">
      <c r="A21" s="15" t="s">
        <v>32</v>
      </c>
      <c r="B21" s="67">
        <v>12</v>
      </c>
      <c r="C21" s="68">
        <v>-3</v>
      </c>
      <c r="D21" s="68">
        <v>15</v>
      </c>
      <c r="E21" s="67">
        <v>0</v>
      </c>
      <c r="F21" s="68">
        <v>0</v>
      </c>
      <c r="G21" s="69">
        <v>0</v>
      </c>
      <c r="H21" s="68">
        <v>35</v>
      </c>
      <c r="I21" s="68">
        <v>14</v>
      </c>
      <c r="J21" s="68">
        <v>21</v>
      </c>
      <c r="K21" s="67">
        <v>23</v>
      </c>
      <c r="L21" s="79">
        <v>17</v>
      </c>
      <c r="M21" s="80">
        <v>6</v>
      </c>
    </row>
    <row r="22" spans="1:13">
      <c r="A22" s="15" t="s">
        <v>34</v>
      </c>
      <c r="B22" s="67">
        <v>2</v>
      </c>
      <c r="C22" s="68">
        <v>-3</v>
      </c>
      <c r="D22" s="68">
        <v>5</v>
      </c>
      <c r="E22" s="67">
        <v>0</v>
      </c>
      <c r="F22" s="68">
        <v>0</v>
      </c>
      <c r="G22" s="69">
        <v>0</v>
      </c>
      <c r="H22" s="68">
        <v>35</v>
      </c>
      <c r="I22" s="68">
        <v>12</v>
      </c>
      <c r="J22" s="68">
        <v>23</v>
      </c>
      <c r="K22" s="67">
        <v>33</v>
      </c>
      <c r="L22" s="79">
        <v>15</v>
      </c>
      <c r="M22" s="80">
        <v>18</v>
      </c>
    </row>
    <row r="23" spans="1:13">
      <c r="A23" s="15" t="s">
        <v>36</v>
      </c>
      <c r="B23" s="67">
        <v>7</v>
      </c>
      <c r="C23" s="68">
        <v>0</v>
      </c>
      <c r="D23" s="68">
        <v>7</v>
      </c>
      <c r="E23" s="67">
        <v>0</v>
      </c>
      <c r="F23" s="68">
        <v>0</v>
      </c>
      <c r="G23" s="69">
        <v>0</v>
      </c>
      <c r="H23" s="68">
        <v>25</v>
      </c>
      <c r="I23" s="68">
        <v>9</v>
      </c>
      <c r="J23" s="68">
        <v>16</v>
      </c>
      <c r="K23" s="67">
        <v>18</v>
      </c>
      <c r="L23" s="79">
        <v>9</v>
      </c>
      <c r="M23" s="80">
        <v>9</v>
      </c>
    </row>
    <row r="24" spans="1:13" ht="21" customHeight="1">
      <c r="A24" s="36" t="s">
        <v>38</v>
      </c>
      <c r="B24" s="64">
        <v>64</v>
      </c>
      <c r="C24" s="65">
        <v>22</v>
      </c>
      <c r="D24" s="65">
        <v>42</v>
      </c>
      <c r="E24" s="64">
        <v>1</v>
      </c>
      <c r="F24" s="65">
        <v>0</v>
      </c>
      <c r="G24" s="66">
        <v>1</v>
      </c>
      <c r="H24" s="65">
        <v>324</v>
      </c>
      <c r="I24" s="65">
        <v>163</v>
      </c>
      <c r="J24" s="65">
        <v>161</v>
      </c>
      <c r="K24" s="64">
        <v>259</v>
      </c>
      <c r="L24" s="77">
        <v>141</v>
      </c>
      <c r="M24" s="78">
        <v>118</v>
      </c>
    </row>
    <row r="25" spans="1:13">
      <c r="A25" s="15" t="s">
        <v>40</v>
      </c>
      <c r="B25" s="67">
        <v>8</v>
      </c>
      <c r="C25" s="68">
        <v>2</v>
      </c>
      <c r="D25" s="68">
        <v>6</v>
      </c>
      <c r="E25" s="67">
        <v>0</v>
      </c>
      <c r="F25" s="68">
        <v>0</v>
      </c>
      <c r="G25" s="69">
        <v>0</v>
      </c>
      <c r="H25" s="68">
        <v>35</v>
      </c>
      <c r="I25" s="68">
        <v>15</v>
      </c>
      <c r="J25" s="68">
        <v>20</v>
      </c>
      <c r="K25" s="67">
        <v>27</v>
      </c>
      <c r="L25" s="79">
        <v>13</v>
      </c>
      <c r="M25" s="80">
        <v>14</v>
      </c>
    </row>
    <row r="26" spans="1:13">
      <c r="A26" s="15" t="s">
        <v>42</v>
      </c>
      <c r="B26" s="67">
        <v>4</v>
      </c>
      <c r="C26" s="68">
        <v>-1</v>
      </c>
      <c r="D26" s="68">
        <v>5</v>
      </c>
      <c r="E26" s="67">
        <v>0</v>
      </c>
      <c r="F26" s="68">
        <v>0</v>
      </c>
      <c r="G26" s="69">
        <v>0</v>
      </c>
      <c r="H26" s="68">
        <v>49</v>
      </c>
      <c r="I26" s="68">
        <v>24</v>
      </c>
      <c r="J26" s="68">
        <v>25</v>
      </c>
      <c r="K26" s="67">
        <v>45</v>
      </c>
      <c r="L26" s="79">
        <v>25</v>
      </c>
      <c r="M26" s="80">
        <v>20</v>
      </c>
    </row>
    <row r="27" spans="1:13">
      <c r="A27" s="15" t="s">
        <v>44</v>
      </c>
      <c r="B27" s="67">
        <v>6</v>
      </c>
      <c r="C27" s="68">
        <v>2</v>
      </c>
      <c r="D27" s="68">
        <v>4</v>
      </c>
      <c r="E27" s="67">
        <v>1</v>
      </c>
      <c r="F27" s="68">
        <v>0</v>
      </c>
      <c r="G27" s="69">
        <v>1</v>
      </c>
      <c r="H27" s="68">
        <v>28</v>
      </c>
      <c r="I27" s="68">
        <v>13</v>
      </c>
      <c r="J27" s="68">
        <v>15</v>
      </c>
      <c r="K27" s="67">
        <v>21</v>
      </c>
      <c r="L27" s="79">
        <v>11</v>
      </c>
      <c r="M27" s="80">
        <v>10</v>
      </c>
    </row>
    <row r="28" spans="1:13">
      <c r="A28" s="15" t="s">
        <v>46</v>
      </c>
      <c r="B28" s="67">
        <v>12</v>
      </c>
      <c r="C28" s="68">
        <v>4</v>
      </c>
      <c r="D28" s="68">
        <v>8</v>
      </c>
      <c r="E28" s="67">
        <v>0</v>
      </c>
      <c r="F28" s="68">
        <v>0</v>
      </c>
      <c r="G28" s="69">
        <v>0</v>
      </c>
      <c r="H28" s="68">
        <v>61</v>
      </c>
      <c r="I28" s="68">
        <v>33</v>
      </c>
      <c r="J28" s="68">
        <v>28</v>
      </c>
      <c r="K28" s="67">
        <v>49</v>
      </c>
      <c r="L28" s="79">
        <v>29</v>
      </c>
      <c r="M28" s="80">
        <v>20</v>
      </c>
    </row>
    <row r="29" spans="1:13">
      <c r="A29" s="15" t="s">
        <v>48</v>
      </c>
      <c r="B29" s="67">
        <v>34</v>
      </c>
      <c r="C29" s="68">
        <v>15</v>
      </c>
      <c r="D29" s="68">
        <v>19</v>
      </c>
      <c r="E29" s="67">
        <v>0</v>
      </c>
      <c r="F29" s="68">
        <v>0</v>
      </c>
      <c r="G29" s="69">
        <v>0</v>
      </c>
      <c r="H29" s="68">
        <v>151</v>
      </c>
      <c r="I29" s="68">
        <v>78</v>
      </c>
      <c r="J29" s="68">
        <v>73</v>
      </c>
      <c r="K29" s="67">
        <v>117</v>
      </c>
      <c r="L29" s="79">
        <v>63</v>
      </c>
      <c r="M29" s="80">
        <v>54</v>
      </c>
    </row>
    <row r="30" spans="1:13" ht="21" customHeight="1">
      <c r="A30" s="36" t="s">
        <v>50</v>
      </c>
      <c r="B30" s="64">
        <v>113</v>
      </c>
      <c r="C30" s="65">
        <v>37</v>
      </c>
      <c r="D30" s="65">
        <v>76</v>
      </c>
      <c r="E30" s="64">
        <v>4</v>
      </c>
      <c r="F30" s="65">
        <v>1</v>
      </c>
      <c r="G30" s="66">
        <v>3</v>
      </c>
      <c r="H30" s="65">
        <v>1448</v>
      </c>
      <c r="I30" s="65">
        <v>723</v>
      </c>
      <c r="J30" s="65">
        <v>725</v>
      </c>
      <c r="K30" s="64">
        <v>1331</v>
      </c>
      <c r="L30" s="77">
        <v>685</v>
      </c>
      <c r="M30" s="78">
        <v>646</v>
      </c>
    </row>
    <row r="31" spans="1:13">
      <c r="A31" s="15" t="s">
        <v>52</v>
      </c>
      <c r="B31" s="67">
        <v>40</v>
      </c>
      <c r="C31" s="68">
        <v>32</v>
      </c>
      <c r="D31" s="68">
        <v>8</v>
      </c>
      <c r="E31" s="67">
        <v>0</v>
      </c>
      <c r="F31" s="68">
        <v>0</v>
      </c>
      <c r="G31" s="69">
        <v>0</v>
      </c>
      <c r="H31" s="68">
        <v>146</v>
      </c>
      <c r="I31" s="68">
        <v>80</v>
      </c>
      <c r="J31" s="68">
        <v>66</v>
      </c>
      <c r="K31" s="67">
        <v>106</v>
      </c>
      <c r="L31" s="79">
        <v>48</v>
      </c>
      <c r="M31" s="80">
        <v>58</v>
      </c>
    </row>
    <row r="32" spans="1:13">
      <c r="A32" s="15" t="s">
        <v>54</v>
      </c>
      <c r="B32" s="67">
        <v>28</v>
      </c>
      <c r="C32" s="68">
        <v>34</v>
      </c>
      <c r="D32" s="68">
        <v>-6</v>
      </c>
      <c r="E32" s="67">
        <v>0</v>
      </c>
      <c r="F32" s="68">
        <v>0</v>
      </c>
      <c r="G32" s="69">
        <v>0</v>
      </c>
      <c r="H32" s="68">
        <v>182</v>
      </c>
      <c r="I32" s="68">
        <v>107</v>
      </c>
      <c r="J32" s="68">
        <v>75</v>
      </c>
      <c r="K32" s="67">
        <v>154</v>
      </c>
      <c r="L32" s="79">
        <v>73</v>
      </c>
      <c r="M32" s="80">
        <v>81</v>
      </c>
    </row>
    <row r="33" spans="1:13">
      <c r="A33" s="15" t="s">
        <v>56</v>
      </c>
      <c r="B33" s="67">
        <v>43</v>
      </c>
      <c r="C33" s="68">
        <v>10</v>
      </c>
      <c r="D33" s="68">
        <v>33</v>
      </c>
      <c r="E33" s="67">
        <v>1</v>
      </c>
      <c r="F33" s="68">
        <v>0</v>
      </c>
      <c r="G33" s="69">
        <v>1</v>
      </c>
      <c r="H33" s="68">
        <v>292</v>
      </c>
      <c r="I33" s="68">
        <v>145</v>
      </c>
      <c r="J33" s="68">
        <v>147</v>
      </c>
      <c r="K33" s="67">
        <v>248</v>
      </c>
      <c r="L33" s="79">
        <v>135</v>
      </c>
      <c r="M33" s="80">
        <v>113</v>
      </c>
    </row>
    <row r="34" spans="1:13">
      <c r="A34" s="15" t="s">
        <v>58</v>
      </c>
      <c r="B34" s="67">
        <v>74</v>
      </c>
      <c r="C34" s="68">
        <v>-2</v>
      </c>
      <c r="D34" s="68">
        <v>76</v>
      </c>
      <c r="E34" s="67">
        <v>2</v>
      </c>
      <c r="F34" s="68">
        <v>1</v>
      </c>
      <c r="G34" s="69">
        <v>1</v>
      </c>
      <c r="H34" s="68">
        <v>474</v>
      </c>
      <c r="I34" s="68">
        <v>220</v>
      </c>
      <c r="J34" s="68">
        <v>254</v>
      </c>
      <c r="K34" s="67">
        <v>398</v>
      </c>
      <c r="L34" s="79">
        <v>221</v>
      </c>
      <c r="M34" s="80">
        <v>177</v>
      </c>
    </row>
    <row r="35" spans="1:13">
      <c r="A35" s="15" t="s">
        <v>60</v>
      </c>
      <c r="B35" s="67">
        <v>-72</v>
      </c>
      <c r="C35" s="68">
        <v>-37</v>
      </c>
      <c r="D35" s="68">
        <v>-35</v>
      </c>
      <c r="E35" s="67">
        <v>1</v>
      </c>
      <c r="F35" s="68">
        <v>0</v>
      </c>
      <c r="G35" s="69">
        <v>1</v>
      </c>
      <c r="H35" s="68">
        <v>354</v>
      </c>
      <c r="I35" s="68">
        <v>171</v>
      </c>
      <c r="J35" s="68">
        <v>183</v>
      </c>
      <c r="K35" s="67">
        <v>425</v>
      </c>
      <c r="L35" s="79">
        <v>208</v>
      </c>
      <c r="M35" s="80">
        <v>217</v>
      </c>
    </row>
    <row r="36" spans="1:13" ht="21" customHeight="1">
      <c r="A36" s="36" t="s">
        <v>62</v>
      </c>
      <c r="B36" s="64">
        <v>49</v>
      </c>
      <c r="C36" s="65">
        <v>-2</v>
      </c>
      <c r="D36" s="65">
        <v>51</v>
      </c>
      <c r="E36" s="64">
        <v>5</v>
      </c>
      <c r="F36" s="65">
        <v>3</v>
      </c>
      <c r="G36" s="66">
        <v>2</v>
      </c>
      <c r="H36" s="65">
        <v>2166</v>
      </c>
      <c r="I36" s="65">
        <v>1059</v>
      </c>
      <c r="J36" s="65">
        <v>1107</v>
      </c>
      <c r="K36" s="64">
        <v>2112</v>
      </c>
      <c r="L36" s="77">
        <v>1058</v>
      </c>
      <c r="M36" s="78">
        <v>1054</v>
      </c>
    </row>
    <row r="37" spans="1:13">
      <c r="A37" s="15" t="s">
        <v>64</v>
      </c>
      <c r="B37" s="67">
        <v>-4</v>
      </c>
      <c r="C37" s="68">
        <v>3</v>
      </c>
      <c r="D37" s="68">
        <v>-7</v>
      </c>
      <c r="E37" s="67">
        <v>2</v>
      </c>
      <c r="F37" s="68">
        <v>2</v>
      </c>
      <c r="G37" s="69">
        <v>0</v>
      </c>
      <c r="H37" s="68">
        <v>442</v>
      </c>
      <c r="I37" s="68">
        <v>225</v>
      </c>
      <c r="J37" s="68">
        <v>217</v>
      </c>
      <c r="K37" s="67">
        <v>444</v>
      </c>
      <c r="L37" s="79">
        <v>220</v>
      </c>
      <c r="M37" s="80">
        <v>224</v>
      </c>
    </row>
    <row r="38" spans="1:13">
      <c r="A38" s="15" t="s">
        <v>66</v>
      </c>
      <c r="B38" s="67">
        <v>16</v>
      </c>
      <c r="C38" s="68">
        <v>-5</v>
      </c>
      <c r="D38" s="68">
        <v>21</v>
      </c>
      <c r="E38" s="67">
        <v>0</v>
      </c>
      <c r="F38" s="68">
        <v>0</v>
      </c>
      <c r="G38" s="69">
        <v>0</v>
      </c>
      <c r="H38" s="68">
        <v>479</v>
      </c>
      <c r="I38" s="68">
        <v>234</v>
      </c>
      <c r="J38" s="68">
        <v>245</v>
      </c>
      <c r="K38" s="67">
        <v>463</v>
      </c>
      <c r="L38" s="79">
        <v>239</v>
      </c>
      <c r="M38" s="80">
        <v>224</v>
      </c>
    </row>
    <row r="39" spans="1:13">
      <c r="A39" s="15" t="s">
        <v>68</v>
      </c>
      <c r="B39" s="67">
        <v>-21</v>
      </c>
      <c r="C39" s="68">
        <v>-25</v>
      </c>
      <c r="D39" s="68">
        <v>4</v>
      </c>
      <c r="E39" s="67">
        <v>1</v>
      </c>
      <c r="F39" s="68">
        <v>0</v>
      </c>
      <c r="G39" s="69">
        <v>1</v>
      </c>
      <c r="H39" s="68">
        <v>420</v>
      </c>
      <c r="I39" s="68">
        <v>198</v>
      </c>
      <c r="J39" s="68">
        <v>222</v>
      </c>
      <c r="K39" s="67">
        <v>440</v>
      </c>
      <c r="L39" s="79">
        <v>223</v>
      </c>
      <c r="M39" s="80">
        <v>217</v>
      </c>
    </row>
    <row r="40" spans="1:13">
      <c r="A40" s="15" t="s">
        <v>70</v>
      </c>
      <c r="B40" s="67">
        <v>5</v>
      </c>
      <c r="C40" s="68">
        <v>21</v>
      </c>
      <c r="D40" s="68">
        <v>-16</v>
      </c>
      <c r="E40" s="67">
        <v>1</v>
      </c>
      <c r="F40" s="68">
        <v>1</v>
      </c>
      <c r="G40" s="69">
        <v>0</v>
      </c>
      <c r="H40" s="68">
        <v>408</v>
      </c>
      <c r="I40" s="68">
        <v>207</v>
      </c>
      <c r="J40" s="68">
        <v>201</v>
      </c>
      <c r="K40" s="67">
        <v>402</v>
      </c>
      <c r="L40" s="79">
        <v>185</v>
      </c>
      <c r="M40" s="80">
        <v>217</v>
      </c>
    </row>
    <row r="41" spans="1:13">
      <c r="A41" s="15" t="s">
        <v>72</v>
      </c>
      <c r="B41" s="67">
        <v>53</v>
      </c>
      <c r="C41" s="68">
        <v>4</v>
      </c>
      <c r="D41" s="68">
        <v>49</v>
      </c>
      <c r="E41" s="67">
        <v>1</v>
      </c>
      <c r="F41" s="68">
        <v>0</v>
      </c>
      <c r="G41" s="69">
        <v>1</v>
      </c>
      <c r="H41" s="68">
        <v>417</v>
      </c>
      <c r="I41" s="68">
        <v>195</v>
      </c>
      <c r="J41" s="68">
        <v>222</v>
      </c>
      <c r="K41" s="67">
        <v>363</v>
      </c>
      <c r="L41" s="79">
        <v>191</v>
      </c>
      <c r="M41" s="80">
        <v>172</v>
      </c>
    </row>
    <row r="42" spans="1:13" ht="21" customHeight="1">
      <c r="A42" s="36" t="s">
        <v>74</v>
      </c>
      <c r="B42" s="64">
        <v>148</v>
      </c>
      <c r="C42" s="65">
        <v>62</v>
      </c>
      <c r="D42" s="65">
        <v>86</v>
      </c>
      <c r="E42" s="64">
        <v>8</v>
      </c>
      <c r="F42" s="65">
        <v>6</v>
      </c>
      <c r="G42" s="66">
        <v>2</v>
      </c>
      <c r="H42" s="65">
        <v>1427</v>
      </c>
      <c r="I42" s="65">
        <v>749</v>
      </c>
      <c r="J42" s="65">
        <v>678</v>
      </c>
      <c r="K42" s="64">
        <v>1271</v>
      </c>
      <c r="L42" s="77">
        <v>681</v>
      </c>
      <c r="M42" s="78">
        <v>590</v>
      </c>
    </row>
    <row r="43" spans="1:13">
      <c r="A43" s="15" t="s">
        <v>76</v>
      </c>
      <c r="B43" s="67">
        <v>27</v>
      </c>
      <c r="C43" s="68">
        <v>12</v>
      </c>
      <c r="D43" s="68">
        <v>15</v>
      </c>
      <c r="E43" s="67">
        <v>0</v>
      </c>
      <c r="F43" s="68">
        <v>0</v>
      </c>
      <c r="G43" s="69">
        <v>0</v>
      </c>
      <c r="H43" s="68">
        <v>348</v>
      </c>
      <c r="I43" s="68">
        <v>172</v>
      </c>
      <c r="J43" s="68">
        <v>176</v>
      </c>
      <c r="K43" s="67">
        <v>321</v>
      </c>
      <c r="L43" s="79">
        <v>160</v>
      </c>
      <c r="M43" s="80">
        <v>161</v>
      </c>
    </row>
    <row r="44" spans="1:13">
      <c r="A44" s="15" t="s">
        <v>78</v>
      </c>
      <c r="B44" s="67">
        <v>51</v>
      </c>
      <c r="C44" s="68">
        <v>17</v>
      </c>
      <c r="D44" s="68">
        <v>34</v>
      </c>
      <c r="E44" s="67">
        <v>1</v>
      </c>
      <c r="F44" s="68">
        <v>1</v>
      </c>
      <c r="G44" s="69">
        <v>0</v>
      </c>
      <c r="H44" s="68">
        <v>332</v>
      </c>
      <c r="I44" s="68">
        <v>176</v>
      </c>
      <c r="J44" s="68">
        <v>156</v>
      </c>
      <c r="K44" s="67">
        <v>280</v>
      </c>
      <c r="L44" s="79">
        <v>158</v>
      </c>
      <c r="M44" s="80">
        <v>122</v>
      </c>
    </row>
    <row r="45" spans="1:13">
      <c r="A45" s="15" t="s">
        <v>80</v>
      </c>
      <c r="B45" s="67">
        <v>21</v>
      </c>
      <c r="C45" s="68">
        <v>21</v>
      </c>
      <c r="D45" s="68">
        <v>0</v>
      </c>
      <c r="E45" s="67">
        <v>3</v>
      </c>
      <c r="F45" s="68">
        <v>2</v>
      </c>
      <c r="G45" s="69">
        <v>1</v>
      </c>
      <c r="H45" s="68">
        <v>269</v>
      </c>
      <c r="I45" s="68">
        <v>145</v>
      </c>
      <c r="J45" s="68">
        <v>124</v>
      </c>
      <c r="K45" s="67">
        <v>245</v>
      </c>
      <c r="L45" s="79">
        <v>122</v>
      </c>
      <c r="M45" s="80">
        <v>123</v>
      </c>
    </row>
    <row r="46" spans="1:13">
      <c r="A46" s="15" t="s">
        <v>82</v>
      </c>
      <c r="B46" s="67">
        <v>35</v>
      </c>
      <c r="C46" s="68">
        <v>6</v>
      </c>
      <c r="D46" s="68">
        <v>29</v>
      </c>
      <c r="E46" s="67">
        <v>1</v>
      </c>
      <c r="F46" s="68">
        <v>1</v>
      </c>
      <c r="G46" s="69">
        <v>0</v>
      </c>
      <c r="H46" s="68">
        <v>245</v>
      </c>
      <c r="I46" s="68">
        <v>125</v>
      </c>
      <c r="J46" s="68">
        <v>120</v>
      </c>
      <c r="K46" s="67">
        <v>209</v>
      </c>
      <c r="L46" s="79">
        <v>118</v>
      </c>
      <c r="M46" s="80">
        <v>91</v>
      </c>
    </row>
    <row r="47" spans="1:13">
      <c r="A47" s="15" t="s">
        <v>84</v>
      </c>
      <c r="B47" s="67">
        <v>14</v>
      </c>
      <c r="C47" s="68">
        <v>6</v>
      </c>
      <c r="D47" s="68">
        <v>8</v>
      </c>
      <c r="E47" s="67">
        <v>3</v>
      </c>
      <c r="F47" s="68">
        <v>2</v>
      </c>
      <c r="G47" s="69">
        <v>1</v>
      </c>
      <c r="H47" s="68">
        <v>233</v>
      </c>
      <c r="I47" s="68">
        <v>131</v>
      </c>
      <c r="J47" s="68">
        <v>102</v>
      </c>
      <c r="K47" s="67">
        <v>216</v>
      </c>
      <c r="L47" s="79">
        <v>123</v>
      </c>
      <c r="M47" s="80">
        <v>93</v>
      </c>
    </row>
    <row r="48" spans="1:13" ht="21" customHeight="1">
      <c r="A48" s="36" t="s">
        <v>86</v>
      </c>
      <c r="B48" s="64">
        <v>44</v>
      </c>
      <c r="C48" s="65">
        <v>21</v>
      </c>
      <c r="D48" s="65">
        <v>23</v>
      </c>
      <c r="E48" s="64">
        <v>9</v>
      </c>
      <c r="F48" s="65">
        <v>6</v>
      </c>
      <c r="G48" s="66">
        <v>3</v>
      </c>
      <c r="H48" s="65">
        <v>913</v>
      </c>
      <c r="I48" s="65">
        <v>493</v>
      </c>
      <c r="J48" s="65">
        <v>420</v>
      </c>
      <c r="K48" s="64">
        <v>860</v>
      </c>
      <c r="L48" s="77">
        <v>466</v>
      </c>
      <c r="M48" s="78">
        <v>394</v>
      </c>
    </row>
    <row r="49" spans="1:13">
      <c r="A49" s="15" t="s">
        <v>88</v>
      </c>
      <c r="B49" s="67">
        <v>-11</v>
      </c>
      <c r="C49" s="68">
        <v>1</v>
      </c>
      <c r="D49" s="68">
        <v>-12</v>
      </c>
      <c r="E49" s="67">
        <v>1</v>
      </c>
      <c r="F49" s="68">
        <v>1</v>
      </c>
      <c r="G49" s="69">
        <v>0</v>
      </c>
      <c r="H49" s="68">
        <v>209</v>
      </c>
      <c r="I49" s="68">
        <v>117</v>
      </c>
      <c r="J49" s="68">
        <v>92</v>
      </c>
      <c r="K49" s="67">
        <v>219</v>
      </c>
      <c r="L49" s="79">
        <v>115</v>
      </c>
      <c r="M49" s="80">
        <v>104</v>
      </c>
    </row>
    <row r="50" spans="1:13">
      <c r="A50" s="15" t="s">
        <v>90</v>
      </c>
      <c r="B50" s="67">
        <v>11</v>
      </c>
      <c r="C50" s="68">
        <v>11</v>
      </c>
      <c r="D50" s="68">
        <v>0</v>
      </c>
      <c r="E50" s="67">
        <v>1</v>
      </c>
      <c r="F50" s="68">
        <v>0</v>
      </c>
      <c r="G50" s="69">
        <v>1</v>
      </c>
      <c r="H50" s="68">
        <v>183</v>
      </c>
      <c r="I50" s="68">
        <v>102</v>
      </c>
      <c r="J50" s="68">
        <v>81</v>
      </c>
      <c r="K50" s="67">
        <v>171</v>
      </c>
      <c r="L50" s="79">
        <v>91</v>
      </c>
      <c r="M50" s="80">
        <v>80</v>
      </c>
    </row>
    <row r="51" spans="1:13">
      <c r="A51" s="15" t="s">
        <v>92</v>
      </c>
      <c r="B51" s="67">
        <v>44</v>
      </c>
      <c r="C51" s="68">
        <v>7</v>
      </c>
      <c r="D51" s="68">
        <v>37</v>
      </c>
      <c r="E51" s="67">
        <v>2</v>
      </c>
      <c r="F51" s="68">
        <v>2</v>
      </c>
      <c r="G51" s="69">
        <v>0</v>
      </c>
      <c r="H51" s="68">
        <v>202</v>
      </c>
      <c r="I51" s="68">
        <v>101</v>
      </c>
      <c r="J51" s="68">
        <v>101</v>
      </c>
      <c r="K51" s="67">
        <v>156</v>
      </c>
      <c r="L51" s="79">
        <v>92</v>
      </c>
      <c r="M51" s="80">
        <v>64</v>
      </c>
    </row>
    <row r="52" spans="1:13">
      <c r="A52" s="15" t="s">
        <v>94</v>
      </c>
      <c r="B52" s="67">
        <v>-8</v>
      </c>
      <c r="C52" s="68">
        <v>1</v>
      </c>
      <c r="D52" s="68">
        <v>-9</v>
      </c>
      <c r="E52" s="67">
        <v>5</v>
      </c>
      <c r="F52" s="68">
        <v>3</v>
      </c>
      <c r="G52" s="69">
        <v>2</v>
      </c>
      <c r="H52" s="68">
        <v>173</v>
      </c>
      <c r="I52" s="68">
        <v>95</v>
      </c>
      <c r="J52" s="68">
        <v>78</v>
      </c>
      <c r="K52" s="67">
        <v>176</v>
      </c>
      <c r="L52" s="79">
        <v>91</v>
      </c>
      <c r="M52" s="80">
        <v>85</v>
      </c>
    </row>
    <row r="53" spans="1:13">
      <c r="A53" s="15" t="s">
        <v>96</v>
      </c>
      <c r="B53" s="67">
        <v>8</v>
      </c>
      <c r="C53" s="68">
        <v>1</v>
      </c>
      <c r="D53" s="68">
        <v>7</v>
      </c>
      <c r="E53" s="67">
        <v>0</v>
      </c>
      <c r="F53" s="68">
        <v>0</v>
      </c>
      <c r="G53" s="69">
        <v>0</v>
      </c>
      <c r="H53" s="68">
        <v>146</v>
      </c>
      <c r="I53" s="68">
        <v>78</v>
      </c>
      <c r="J53" s="68">
        <v>68</v>
      </c>
      <c r="K53" s="67">
        <v>138</v>
      </c>
      <c r="L53" s="79">
        <v>77</v>
      </c>
      <c r="M53" s="80">
        <v>61</v>
      </c>
    </row>
    <row r="54" spans="1:13" ht="21" customHeight="1">
      <c r="A54" s="36" t="s">
        <v>98</v>
      </c>
      <c r="B54" s="64">
        <v>-8</v>
      </c>
      <c r="C54" s="65">
        <v>-2</v>
      </c>
      <c r="D54" s="65">
        <v>-6</v>
      </c>
      <c r="E54" s="64">
        <v>16</v>
      </c>
      <c r="F54" s="65">
        <v>7</v>
      </c>
      <c r="G54" s="66">
        <v>9</v>
      </c>
      <c r="H54" s="65">
        <v>558</v>
      </c>
      <c r="I54" s="65">
        <v>319</v>
      </c>
      <c r="J54" s="65">
        <v>239</v>
      </c>
      <c r="K54" s="64">
        <v>550</v>
      </c>
      <c r="L54" s="77">
        <v>314</v>
      </c>
      <c r="M54" s="78">
        <v>236</v>
      </c>
    </row>
    <row r="55" spans="1:13">
      <c r="A55" s="15" t="s">
        <v>100</v>
      </c>
      <c r="B55" s="67">
        <v>-13</v>
      </c>
      <c r="C55" s="68">
        <v>-4</v>
      </c>
      <c r="D55" s="68">
        <v>-9</v>
      </c>
      <c r="E55" s="67">
        <v>2</v>
      </c>
      <c r="F55" s="68">
        <v>0</v>
      </c>
      <c r="G55" s="69">
        <v>2</v>
      </c>
      <c r="H55" s="68">
        <v>125</v>
      </c>
      <c r="I55" s="68">
        <v>75</v>
      </c>
      <c r="J55" s="68">
        <v>50</v>
      </c>
      <c r="K55" s="67">
        <v>136</v>
      </c>
      <c r="L55" s="79">
        <v>79</v>
      </c>
      <c r="M55" s="80">
        <v>57</v>
      </c>
    </row>
    <row r="56" spans="1:13">
      <c r="A56" s="15" t="s">
        <v>102</v>
      </c>
      <c r="B56" s="67">
        <v>10</v>
      </c>
      <c r="C56" s="68">
        <v>16</v>
      </c>
      <c r="D56" s="68">
        <v>-6</v>
      </c>
      <c r="E56" s="67">
        <v>3</v>
      </c>
      <c r="F56" s="68">
        <v>2</v>
      </c>
      <c r="G56" s="69">
        <v>1</v>
      </c>
      <c r="H56" s="68">
        <v>113</v>
      </c>
      <c r="I56" s="68">
        <v>67</v>
      </c>
      <c r="J56" s="68">
        <v>46</v>
      </c>
      <c r="K56" s="67">
        <v>100</v>
      </c>
      <c r="L56" s="79">
        <v>49</v>
      </c>
      <c r="M56" s="80">
        <v>51</v>
      </c>
    </row>
    <row r="57" spans="1:13">
      <c r="A57" s="15" t="s">
        <v>104</v>
      </c>
      <c r="B57" s="67">
        <v>-6</v>
      </c>
      <c r="C57" s="68">
        <v>-11</v>
      </c>
      <c r="D57" s="68">
        <v>5</v>
      </c>
      <c r="E57" s="67">
        <v>4</v>
      </c>
      <c r="F57" s="68">
        <v>2</v>
      </c>
      <c r="G57" s="69">
        <v>2</v>
      </c>
      <c r="H57" s="68">
        <v>112</v>
      </c>
      <c r="I57" s="68">
        <v>60</v>
      </c>
      <c r="J57" s="68">
        <v>52</v>
      </c>
      <c r="K57" s="67">
        <v>114</v>
      </c>
      <c r="L57" s="79">
        <v>69</v>
      </c>
      <c r="M57" s="80">
        <v>45</v>
      </c>
    </row>
    <row r="58" spans="1:13">
      <c r="A58" s="15" t="s">
        <v>106</v>
      </c>
      <c r="B58" s="67">
        <v>5</v>
      </c>
      <c r="C58" s="68">
        <v>2</v>
      </c>
      <c r="D58" s="68">
        <v>3</v>
      </c>
      <c r="E58" s="67">
        <v>3</v>
      </c>
      <c r="F58" s="68">
        <v>2</v>
      </c>
      <c r="G58" s="69">
        <v>1</v>
      </c>
      <c r="H58" s="68">
        <v>98</v>
      </c>
      <c r="I58" s="68">
        <v>56</v>
      </c>
      <c r="J58" s="68">
        <v>42</v>
      </c>
      <c r="K58" s="67">
        <v>90</v>
      </c>
      <c r="L58" s="79">
        <v>52</v>
      </c>
      <c r="M58" s="80">
        <v>38</v>
      </c>
    </row>
    <row r="59" spans="1:13">
      <c r="A59" s="15" t="s">
        <v>108</v>
      </c>
      <c r="B59" s="67">
        <v>-4</v>
      </c>
      <c r="C59" s="68">
        <v>-5</v>
      </c>
      <c r="D59" s="68">
        <v>1</v>
      </c>
      <c r="E59" s="67">
        <v>4</v>
      </c>
      <c r="F59" s="68">
        <v>1</v>
      </c>
      <c r="G59" s="69">
        <v>3</v>
      </c>
      <c r="H59" s="68">
        <v>110</v>
      </c>
      <c r="I59" s="68">
        <v>61</v>
      </c>
      <c r="J59" s="68">
        <v>49</v>
      </c>
      <c r="K59" s="67">
        <v>110</v>
      </c>
      <c r="L59" s="79">
        <v>65</v>
      </c>
      <c r="M59" s="80">
        <v>45</v>
      </c>
    </row>
    <row r="60" spans="1:13" ht="21" customHeight="1">
      <c r="A60" s="36" t="s">
        <v>110</v>
      </c>
      <c r="B60" s="64">
        <v>-44</v>
      </c>
      <c r="C60" s="65">
        <v>-39</v>
      </c>
      <c r="D60" s="65">
        <v>-5</v>
      </c>
      <c r="E60" s="64">
        <v>24</v>
      </c>
      <c r="F60" s="65">
        <v>15</v>
      </c>
      <c r="G60" s="66">
        <v>9</v>
      </c>
      <c r="H60" s="65">
        <v>457</v>
      </c>
      <c r="I60" s="65">
        <v>242</v>
      </c>
      <c r="J60" s="65">
        <v>215</v>
      </c>
      <c r="K60" s="64">
        <v>477</v>
      </c>
      <c r="L60" s="77">
        <v>266</v>
      </c>
      <c r="M60" s="78">
        <v>211</v>
      </c>
    </row>
    <row r="61" spans="1:13">
      <c r="A61" s="15" t="s">
        <v>112</v>
      </c>
      <c r="B61" s="67">
        <v>-14</v>
      </c>
      <c r="C61" s="68">
        <v>-5</v>
      </c>
      <c r="D61" s="68">
        <v>-9</v>
      </c>
      <c r="E61" s="67">
        <v>2</v>
      </c>
      <c r="F61" s="68">
        <v>1</v>
      </c>
      <c r="G61" s="69">
        <v>1</v>
      </c>
      <c r="H61" s="68">
        <v>90</v>
      </c>
      <c r="I61" s="68">
        <v>49</v>
      </c>
      <c r="J61" s="68">
        <v>41</v>
      </c>
      <c r="K61" s="67">
        <v>102</v>
      </c>
      <c r="L61" s="79">
        <v>53</v>
      </c>
      <c r="M61" s="80">
        <v>49</v>
      </c>
    </row>
    <row r="62" spans="1:13">
      <c r="A62" s="15" t="s">
        <v>114</v>
      </c>
      <c r="B62" s="67">
        <v>-2</v>
      </c>
      <c r="C62" s="68">
        <v>-3</v>
      </c>
      <c r="D62" s="68">
        <v>1</v>
      </c>
      <c r="E62" s="67">
        <v>5</v>
      </c>
      <c r="F62" s="68">
        <v>3</v>
      </c>
      <c r="G62" s="69">
        <v>2</v>
      </c>
      <c r="H62" s="68">
        <v>94</v>
      </c>
      <c r="I62" s="68">
        <v>53</v>
      </c>
      <c r="J62" s="68">
        <v>41</v>
      </c>
      <c r="K62" s="67">
        <v>91</v>
      </c>
      <c r="L62" s="79">
        <v>53</v>
      </c>
      <c r="M62" s="80">
        <v>38</v>
      </c>
    </row>
    <row r="63" spans="1:13">
      <c r="A63" s="15" t="s">
        <v>116</v>
      </c>
      <c r="B63" s="67">
        <v>-4</v>
      </c>
      <c r="C63" s="68">
        <v>-9</v>
      </c>
      <c r="D63" s="68">
        <v>5</v>
      </c>
      <c r="E63" s="67">
        <v>6</v>
      </c>
      <c r="F63" s="68">
        <v>4</v>
      </c>
      <c r="G63" s="69">
        <v>2</v>
      </c>
      <c r="H63" s="68">
        <v>94</v>
      </c>
      <c r="I63" s="68">
        <v>48</v>
      </c>
      <c r="J63" s="68">
        <v>46</v>
      </c>
      <c r="K63" s="67">
        <v>92</v>
      </c>
      <c r="L63" s="79">
        <v>53</v>
      </c>
      <c r="M63" s="80">
        <v>39</v>
      </c>
    </row>
    <row r="64" spans="1:13">
      <c r="A64" s="15" t="s">
        <v>118</v>
      </c>
      <c r="B64" s="67">
        <v>-6</v>
      </c>
      <c r="C64" s="68">
        <v>-3</v>
      </c>
      <c r="D64" s="68">
        <v>-3</v>
      </c>
      <c r="E64" s="67">
        <v>6</v>
      </c>
      <c r="F64" s="68">
        <v>4</v>
      </c>
      <c r="G64" s="69">
        <v>2</v>
      </c>
      <c r="H64" s="68">
        <v>92</v>
      </c>
      <c r="I64" s="68">
        <v>53</v>
      </c>
      <c r="J64" s="68">
        <v>39</v>
      </c>
      <c r="K64" s="67">
        <v>92</v>
      </c>
      <c r="L64" s="79">
        <v>52</v>
      </c>
      <c r="M64" s="80">
        <v>40</v>
      </c>
    </row>
    <row r="65" spans="1:13">
      <c r="A65" s="19" t="s">
        <v>120</v>
      </c>
      <c r="B65" s="70">
        <v>-18</v>
      </c>
      <c r="C65" s="71">
        <v>-19</v>
      </c>
      <c r="D65" s="71">
        <v>1</v>
      </c>
      <c r="E65" s="70">
        <v>5</v>
      </c>
      <c r="F65" s="71">
        <v>3</v>
      </c>
      <c r="G65" s="72">
        <v>2</v>
      </c>
      <c r="H65" s="71">
        <v>87</v>
      </c>
      <c r="I65" s="71">
        <v>39</v>
      </c>
      <c r="J65" s="71">
        <v>48</v>
      </c>
      <c r="K65" s="70">
        <v>100</v>
      </c>
      <c r="L65" s="81">
        <v>55</v>
      </c>
      <c r="M65" s="82">
        <v>4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369</v>
      </c>
      <c r="C69" s="50">
        <v>714</v>
      </c>
      <c r="D69" s="84">
        <v>65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8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0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27</v>
      </c>
      <c r="C75" s="65">
        <v>-69</v>
      </c>
      <c r="D75" s="65">
        <v>42</v>
      </c>
      <c r="E75" s="64">
        <v>52</v>
      </c>
      <c r="F75" s="65">
        <v>35</v>
      </c>
      <c r="G75" s="66">
        <v>17</v>
      </c>
      <c r="H75" s="65">
        <v>448</v>
      </c>
      <c r="I75" s="65">
        <v>220</v>
      </c>
      <c r="J75" s="65">
        <v>228</v>
      </c>
      <c r="K75" s="64">
        <v>423</v>
      </c>
      <c r="L75" s="77">
        <v>254</v>
      </c>
      <c r="M75" s="78">
        <v>169</v>
      </c>
    </row>
    <row r="76" spans="1:13">
      <c r="A76" s="27" t="s">
        <v>5</v>
      </c>
      <c r="B76" s="67">
        <v>0</v>
      </c>
      <c r="C76" s="68">
        <v>-7</v>
      </c>
      <c r="D76" s="68">
        <v>7</v>
      </c>
      <c r="E76" s="67">
        <v>4</v>
      </c>
      <c r="F76" s="68">
        <v>3</v>
      </c>
      <c r="G76" s="69">
        <v>1</v>
      </c>
      <c r="H76" s="68">
        <v>106</v>
      </c>
      <c r="I76" s="68">
        <v>55</v>
      </c>
      <c r="J76" s="68">
        <v>51</v>
      </c>
      <c r="K76" s="67">
        <v>102</v>
      </c>
      <c r="L76" s="79">
        <v>59</v>
      </c>
      <c r="M76" s="80">
        <v>43</v>
      </c>
    </row>
    <row r="77" spans="1:13">
      <c r="A77" s="27" t="s">
        <v>7</v>
      </c>
      <c r="B77" s="67">
        <v>8</v>
      </c>
      <c r="C77" s="68">
        <v>-18</v>
      </c>
      <c r="D77" s="68">
        <v>26</v>
      </c>
      <c r="E77" s="67">
        <v>14</v>
      </c>
      <c r="F77" s="68">
        <v>10</v>
      </c>
      <c r="G77" s="69">
        <v>4</v>
      </c>
      <c r="H77" s="68">
        <v>95</v>
      </c>
      <c r="I77" s="68">
        <v>41</v>
      </c>
      <c r="J77" s="68">
        <v>54</v>
      </c>
      <c r="K77" s="67">
        <v>73</v>
      </c>
      <c r="L77" s="79">
        <v>49</v>
      </c>
      <c r="M77" s="80">
        <v>24</v>
      </c>
    </row>
    <row r="78" spans="1:13">
      <c r="A78" s="27" t="s">
        <v>9</v>
      </c>
      <c r="B78" s="67">
        <v>-22</v>
      </c>
      <c r="C78" s="68">
        <v>-21</v>
      </c>
      <c r="D78" s="68">
        <v>-1</v>
      </c>
      <c r="E78" s="67">
        <v>7</v>
      </c>
      <c r="F78" s="68">
        <v>4</v>
      </c>
      <c r="G78" s="69">
        <v>3</v>
      </c>
      <c r="H78" s="68">
        <v>81</v>
      </c>
      <c r="I78" s="68">
        <v>42</v>
      </c>
      <c r="J78" s="68">
        <v>39</v>
      </c>
      <c r="K78" s="67">
        <v>96</v>
      </c>
      <c r="L78" s="79">
        <v>59</v>
      </c>
      <c r="M78" s="80">
        <v>37</v>
      </c>
    </row>
    <row r="79" spans="1:13">
      <c r="A79" s="27" t="s">
        <v>11</v>
      </c>
      <c r="B79" s="67">
        <v>-27</v>
      </c>
      <c r="C79" s="68">
        <v>-26</v>
      </c>
      <c r="D79" s="68">
        <v>-1</v>
      </c>
      <c r="E79" s="67">
        <v>11</v>
      </c>
      <c r="F79" s="68">
        <v>6</v>
      </c>
      <c r="G79" s="69">
        <v>5</v>
      </c>
      <c r="H79" s="68">
        <v>70</v>
      </c>
      <c r="I79" s="68">
        <v>30</v>
      </c>
      <c r="J79" s="68">
        <v>40</v>
      </c>
      <c r="K79" s="67">
        <v>86</v>
      </c>
      <c r="L79" s="79">
        <v>50</v>
      </c>
      <c r="M79" s="80">
        <v>36</v>
      </c>
    </row>
    <row r="80" spans="1:13">
      <c r="A80" s="27" t="s">
        <v>13</v>
      </c>
      <c r="B80" s="67">
        <v>14</v>
      </c>
      <c r="C80" s="68">
        <v>3</v>
      </c>
      <c r="D80" s="68">
        <v>11</v>
      </c>
      <c r="E80" s="67">
        <v>16</v>
      </c>
      <c r="F80" s="68">
        <v>12</v>
      </c>
      <c r="G80" s="69">
        <v>4</v>
      </c>
      <c r="H80" s="68">
        <v>96</v>
      </c>
      <c r="I80" s="68">
        <v>52</v>
      </c>
      <c r="J80" s="68">
        <v>44</v>
      </c>
      <c r="K80" s="67">
        <v>66</v>
      </c>
      <c r="L80" s="79">
        <v>37</v>
      </c>
      <c r="M80" s="80">
        <v>29</v>
      </c>
    </row>
    <row r="81" spans="1:13" ht="21" customHeight="1">
      <c r="A81" s="38" t="s">
        <v>15</v>
      </c>
      <c r="B81" s="64">
        <v>-41</v>
      </c>
      <c r="C81" s="65">
        <v>-29</v>
      </c>
      <c r="D81" s="65">
        <v>-12</v>
      </c>
      <c r="E81" s="64">
        <v>72</v>
      </c>
      <c r="F81" s="65">
        <v>45</v>
      </c>
      <c r="G81" s="66">
        <v>27</v>
      </c>
      <c r="H81" s="65">
        <v>346</v>
      </c>
      <c r="I81" s="65">
        <v>184</v>
      </c>
      <c r="J81" s="65">
        <v>162</v>
      </c>
      <c r="K81" s="64">
        <v>315</v>
      </c>
      <c r="L81" s="77">
        <v>168</v>
      </c>
      <c r="M81" s="78">
        <v>147</v>
      </c>
    </row>
    <row r="82" spans="1:13">
      <c r="A82" s="27" t="s">
        <v>17</v>
      </c>
      <c r="B82" s="67">
        <v>1</v>
      </c>
      <c r="C82" s="68">
        <v>8</v>
      </c>
      <c r="D82" s="68">
        <v>-7</v>
      </c>
      <c r="E82" s="67">
        <v>7</v>
      </c>
      <c r="F82" s="68">
        <v>3</v>
      </c>
      <c r="G82" s="69">
        <v>4</v>
      </c>
      <c r="H82" s="68">
        <v>86</v>
      </c>
      <c r="I82" s="68">
        <v>49</v>
      </c>
      <c r="J82" s="68">
        <v>37</v>
      </c>
      <c r="K82" s="67">
        <v>78</v>
      </c>
      <c r="L82" s="79">
        <v>38</v>
      </c>
      <c r="M82" s="80">
        <v>40</v>
      </c>
    </row>
    <row r="83" spans="1:13">
      <c r="A83" s="27" t="s">
        <v>19</v>
      </c>
      <c r="B83" s="67">
        <v>11</v>
      </c>
      <c r="C83" s="68">
        <v>10</v>
      </c>
      <c r="D83" s="68">
        <v>1</v>
      </c>
      <c r="E83" s="67">
        <v>10</v>
      </c>
      <c r="F83" s="68">
        <v>4</v>
      </c>
      <c r="G83" s="69">
        <v>6</v>
      </c>
      <c r="H83" s="68">
        <v>69</v>
      </c>
      <c r="I83" s="68">
        <v>38</v>
      </c>
      <c r="J83" s="68">
        <v>31</v>
      </c>
      <c r="K83" s="67">
        <v>48</v>
      </c>
      <c r="L83" s="79">
        <v>24</v>
      </c>
      <c r="M83" s="80">
        <v>24</v>
      </c>
    </row>
    <row r="84" spans="1:13">
      <c r="A84" s="27" t="s">
        <v>21</v>
      </c>
      <c r="B84" s="67">
        <v>0</v>
      </c>
      <c r="C84" s="68">
        <v>-9</v>
      </c>
      <c r="D84" s="68">
        <v>9</v>
      </c>
      <c r="E84" s="67">
        <v>11</v>
      </c>
      <c r="F84" s="68">
        <v>7</v>
      </c>
      <c r="G84" s="69">
        <v>4</v>
      </c>
      <c r="H84" s="68">
        <v>74</v>
      </c>
      <c r="I84" s="68">
        <v>38</v>
      </c>
      <c r="J84" s="68">
        <v>36</v>
      </c>
      <c r="K84" s="67">
        <v>63</v>
      </c>
      <c r="L84" s="79">
        <v>40</v>
      </c>
      <c r="M84" s="80">
        <v>23</v>
      </c>
    </row>
    <row r="85" spans="1:13">
      <c r="A85" s="27" t="s">
        <v>23</v>
      </c>
      <c r="B85" s="67">
        <v>-38</v>
      </c>
      <c r="C85" s="68">
        <v>-29</v>
      </c>
      <c r="D85" s="68">
        <v>-9</v>
      </c>
      <c r="E85" s="67">
        <v>20</v>
      </c>
      <c r="F85" s="68">
        <v>12</v>
      </c>
      <c r="G85" s="69">
        <v>8</v>
      </c>
      <c r="H85" s="68">
        <v>53</v>
      </c>
      <c r="I85" s="68">
        <v>24</v>
      </c>
      <c r="J85" s="68">
        <v>29</v>
      </c>
      <c r="K85" s="67">
        <v>71</v>
      </c>
      <c r="L85" s="79">
        <v>41</v>
      </c>
      <c r="M85" s="80">
        <v>30</v>
      </c>
    </row>
    <row r="86" spans="1:13">
      <c r="A86" s="27" t="s">
        <v>25</v>
      </c>
      <c r="B86" s="67">
        <v>-15</v>
      </c>
      <c r="C86" s="68">
        <v>-9</v>
      </c>
      <c r="D86" s="68">
        <v>-6</v>
      </c>
      <c r="E86" s="67">
        <v>24</v>
      </c>
      <c r="F86" s="68">
        <v>19</v>
      </c>
      <c r="G86" s="69">
        <v>5</v>
      </c>
      <c r="H86" s="68">
        <v>64</v>
      </c>
      <c r="I86" s="68">
        <v>35</v>
      </c>
      <c r="J86" s="68">
        <v>29</v>
      </c>
      <c r="K86" s="67">
        <v>55</v>
      </c>
      <c r="L86" s="79">
        <v>25</v>
      </c>
      <c r="M86" s="80">
        <v>30</v>
      </c>
    </row>
    <row r="87" spans="1:13" ht="21" customHeight="1">
      <c r="A87" s="38" t="s">
        <v>27</v>
      </c>
      <c r="B87" s="64">
        <v>-113</v>
      </c>
      <c r="C87" s="65">
        <v>-67</v>
      </c>
      <c r="D87" s="65">
        <v>-46</v>
      </c>
      <c r="E87" s="64">
        <v>95</v>
      </c>
      <c r="F87" s="65">
        <v>62</v>
      </c>
      <c r="G87" s="66">
        <v>33</v>
      </c>
      <c r="H87" s="65">
        <v>242</v>
      </c>
      <c r="I87" s="65">
        <v>145</v>
      </c>
      <c r="J87" s="65">
        <v>97</v>
      </c>
      <c r="K87" s="64">
        <v>260</v>
      </c>
      <c r="L87" s="77">
        <v>150</v>
      </c>
      <c r="M87" s="78">
        <v>110</v>
      </c>
    </row>
    <row r="88" spans="1:13">
      <c r="A88" s="27" t="s">
        <v>29</v>
      </c>
      <c r="B88" s="67">
        <v>-5</v>
      </c>
      <c r="C88" s="68">
        <v>0</v>
      </c>
      <c r="D88" s="68">
        <v>-5</v>
      </c>
      <c r="E88" s="67">
        <v>17</v>
      </c>
      <c r="F88" s="68">
        <v>12</v>
      </c>
      <c r="G88" s="69">
        <v>5</v>
      </c>
      <c r="H88" s="68">
        <v>67</v>
      </c>
      <c r="I88" s="68">
        <v>44</v>
      </c>
      <c r="J88" s="68">
        <v>23</v>
      </c>
      <c r="K88" s="67">
        <v>55</v>
      </c>
      <c r="L88" s="79">
        <v>32</v>
      </c>
      <c r="M88" s="80">
        <v>23</v>
      </c>
    </row>
    <row r="89" spans="1:13">
      <c r="A89" s="27" t="s">
        <v>31</v>
      </c>
      <c r="B89" s="67">
        <v>-19</v>
      </c>
      <c r="C89" s="68">
        <v>-11</v>
      </c>
      <c r="D89" s="68">
        <v>-8</v>
      </c>
      <c r="E89" s="67">
        <v>13</v>
      </c>
      <c r="F89" s="68">
        <v>10</v>
      </c>
      <c r="G89" s="69">
        <v>3</v>
      </c>
      <c r="H89" s="68">
        <v>47</v>
      </c>
      <c r="I89" s="68">
        <v>28</v>
      </c>
      <c r="J89" s="68">
        <v>19</v>
      </c>
      <c r="K89" s="67">
        <v>53</v>
      </c>
      <c r="L89" s="79">
        <v>29</v>
      </c>
      <c r="M89" s="80">
        <v>24</v>
      </c>
    </row>
    <row r="90" spans="1:13">
      <c r="A90" s="27" t="s">
        <v>33</v>
      </c>
      <c r="B90" s="67">
        <v>-24</v>
      </c>
      <c r="C90" s="68">
        <v>-15</v>
      </c>
      <c r="D90" s="68">
        <v>-9</v>
      </c>
      <c r="E90" s="67">
        <v>25</v>
      </c>
      <c r="F90" s="68">
        <v>16</v>
      </c>
      <c r="G90" s="69">
        <v>9</v>
      </c>
      <c r="H90" s="68">
        <v>46</v>
      </c>
      <c r="I90" s="68">
        <v>26</v>
      </c>
      <c r="J90" s="68">
        <v>20</v>
      </c>
      <c r="K90" s="67">
        <v>45</v>
      </c>
      <c r="L90" s="79">
        <v>25</v>
      </c>
      <c r="M90" s="80">
        <v>20</v>
      </c>
    </row>
    <row r="91" spans="1:13">
      <c r="A91" s="27" t="s">
        <v>35</v>
      </c>
      <c r="B91" s="67">
        <v>-27</v>
      </c>
      <c r="C91" s="68">
        <v>-18</v>
      </c>
      <c r="D91" s="68">
        <v>-9</v>
      </c>
      <c r="E91" s="67">
        <v>23</v>
      </c>
      <c r="F91" s="68">
        <v>15</v>
      </c>
      <c r="G91" s="69">
        <v>8</v>
      </c>
      <c r="H91" s="68">
        <v>42</v>
      </c>
      <c r="I91" s="68">
        <v>24</v>
      </c>
      <c r="J91" s="68">
        <v>18</v>
      </c>
      <c r="K91" s="67">
        <v>46</v>
      </c>
      <c r="L91" s="79">
        <v>27</v>
      </c>
      <c r="M91" s="80">
        <v>19</v>
      </c>
    </row>
    <row r="92" spans="1:13">
      <c r="A92" s="27" t="s">
        <v>37</v>
      </c>
      <c r="B92" s="67">
        <v>-38</v>
      </c>
      <c r="C92" s="68">
        <v>-23</v>
      </c>
      <c r="D92" s="68">
        <v>-15</v>
      </c>
      <c r="E92" s="67">
        <v>17</v>
      </c>
      <c r="F92" s="68">
        <v>9</v>
      </c>
      <c r="G92" s="69">
        <v>8</v>
      </c>
      <c r="H92" s="68">
        <v>40</v>
      </c>
      <c r="I92" s="68">
        <v>23</v>
      </c>
      <c r="J92" s="68">
        <v>17</v>
      </c>
      <c r="K92" s="67">
        <v>61</v>
      </c>
      <c r="L92" s="79">
        <v>37</v>
      </c>
      <c r="M92" s="80">
        <v>24</v>
      </c>
    </row>
    <row r="93" spans="1:13" ht="21" customHeight="1">
      <c r="A93" s="38" t="s">
        <v>39</v>
      </c>
      <c r="B93" s="64">
        <v>-99</v>
      </c>
      <c r="C93" s="65">
        <v>-79</v>
      </c>
      <c r="D93" s="65">
        <v>-20</v>
      </c>
      <c r="E93" s="64">
        <v>99</v>
      </c>
      <c r="F93" s="65">
        <v>67</v>
      </c>
      <c r="G93" s="66">
        <v>32</v>
      </c>
      <c r="H93" s="65">
        <v>198</v>
      </c>
      <c r="I93" s="65">
        <v>104</v>
      </c>
      <c r="J93" s="65">
        <v>94</v>
      </c>
      <c r="K93" s="64">
        <v>198</v>
      </c>
      <c r="L93" s="77">
        <v>116</v>
      </c>
      <c r="M93" s="78">
        <v>82</v>
      </c>
    </row>
    <row r="94" spans="1:13">
      <c r="A94" s="27" t="s">
        <v>41</v>
      </c>
      <c r="B94" s="67">
        <v>-14</v>
      </c>
      <c r="C94" s="68">
        <v>-12</v>
      </c>
      <c r="D94" s="68">
        <v>-2</v>
      </c>
      <c r="E94" s="67">
        <v>19</v>
      </c>
      <c r="F94" s="68">
        <v>13</v>
      </c>
      <c r="G94" s="69">
        <v>6</v>
      </c>
      <c r="H94" s="68">
        <v>48</v>
      </c>
      <c r="I94" s="68">
        <v>28</v>
      </c>
      <c r="J94" s="68">
        <v>20</v>
      </c>
      <c r="K94" s="67">
        <v>43</v>
      </c>
      <c r="L94" s="79">
        <v>27</v>
      </c>
      <c r="M94" s="80">
        <v>16</v>
      </c>
    </row>
    <row r="95" spans="1:13">
      <c r="A95" s="27" t="s">
        <v>43</v>
      </c>
      <c r="B95" s="67">
        <v>-16</v>
      </c>
      <c r="C95" s="68">
        <v>-18</v>
      </c>
      <c r="D95" s="68">
        <v>2</v>
      </c>
      <c r="E95" s="67">
        <v>15</v>
      </c>
      <c r="F95" s="68">
        <v>9</v>
      </c>
      <c r="G95" s="69">
        <v>6</v>
      </c>
      <c r="H95" s="68">
        <v>39</v>
      </c>
      <c r="I95" s="68">
        <v>19</v>
      </c>
      <c r="J95" s="68">
        <v>20</v>
      </c>
      <c r="K95" s="67">
        <v>40</v>
      </c>
      <c r="L95" s="79">
        <v>28</v>
      </c>
      <c r="M95" s="80">
        <v>12</v>
      </c>
    </row>
    <row r="96" spans="1:13">
      <c r="A96" s="27" t="s">
        <v>45</v>
      </c>
      <c r="B96" s="67">
        <v>-38</v>
      </c>
      <c r="C96" s="68">
        <v>-28</v>
      </c>
      <c r="D96" s="68">
        <v>-10</v>
      </c>
      <c r="E96" s="67">
        <v>22</v>
      </c>
      <c r="F96" s="68">
        <v>16</v>
      </c>
      <c r="G96" s="69">
        <v>6</v>
      </c>
      <c r="H96" s="68">
        <v>26</v>
      </c>
      <c r="I96" s="68">
        <v>8</v>
      </c>
      <c r="J96" s="68">
        <v>18</v>
      </c>
      <c r="K96" s="67">
        <v>42</v>
      </c>
      <c r="L96" s="79">
        <v>20</v>
      </c>
      <c r="M96" s="80">
        <v>22</v>
      </c>
    </row>
    <row r="97" spans="1:13">
      <c r="A97" s="27" t="s">
        <v>47</v>
      </c>
      <c r="B97" s="67">
        <v>-3</v>
      </c>
      <c r="C97" s="68">
        <v>-1</v>
      </c>
      <c r="D97" s="68">
        <v>-2</v>
      </c>
      <c r="E97" s="67">
        <v>17</v>
      </c>
      <c r="F97" s="68">
        <v>11</v>
      </c>
      <c r="G97" s="69">
        <v>6</v>
      </c>
      <c r="H97" s="68">
        <v>54</v>
      </c>
      <c r="I97" s="68">
        <v>34</v>
      </c>
      <c r="J97" s="68">
        <v>20</v>
      </c>
      <c r="K97" s="67">
        <v>40</v>
      </c>
      <c r="L97" s="79">
        <v>24</v>
      </c>
      <c r="M97" s="80">
        <v>16</v>
      </c>
    </row>
    <row r="98" spans="1:13">
      <c r="A98" s="27" t="s">
        <v>49</v>
      </c>
      <c r="B98" s="67">
        <v>-28</v>
      </c>
      <c r="C98" s="68">
        <v>-20</v>
      </c>
      <c r="D98" s="68">
        <v>-8</v>
      </c>
      <c r="E98" s="67">
        <v>26</v>
      </c>
      <c r="F98" s="68">
        <v>18</v>
      </c>
      <c r="G98" s="69">
        <v>8</v>
      </c>
      <c r="H98" s="68">
        <v>31</v>
      </c>
      <c r="I98" s="68">
        <v>15</v>
      </c>
      <c r="J98" s="68">
        <v>16</v>
      </c>
      <c r="K98" s="67">
        <v>33</v>
      </c>
      <c r="L98" s="79">
        <v>17</v>
      </c>
      <c r="M98" s="80">
        <v>16</v>
      </c>
    </row>
    <row r="99" spans="1:13" ht="21" customHeight="1">
      <c r="A99" s="38" t="s">
        <v>51</v>
      </c>
      <c r="B99" s="64">
        <v>-197</v>
      </c>
      <c r="C99" s="65">
        <v>-147</v>
      </c>
      <c r="D99" s="65">
        <v>-50</v>
      </c>
      <c r="E99" s="64">
        <v>226</v>
      </c>
      <c r="F99" s="65">
        <v>162</v>
      </c>
      <c r="G99" s="66">
        <v>64</v>
      </c>
      <c r="H99" s="65">
        <v>197</v>
      </c>
      <c r="I99" s="65">
        <v>99</v>
      </c>
      <c r="J99" s="65">
        <v>98</v>
      </c>
      <c r="K99" s="64">
        <v>168</v>
      </c>
      <c r="L99" s="77">
        <v>84</v>
      </c>
      <c r="M99" s="78">
        <v>84</v>
      </c>
    </row>
    <row r="100" spans="1:13">
      <c r="A100" s="27" t="s">
        <v>53</v>
      </c>
      <c r="B100" s="67">
        <v>-35</v>
      </c>
      <c r="C100" s="68">
        <v>-28</v>
      </c>
      <c r="D100" s="68">
        <v>-7</v>
      </c>
      <c r="E100" s="67">
        <v>36</v>
      </c>
      <c r="F100" s="68">
        <v>30</v>
      </c>
      <c r="G100" s="69">
        <v>6</v>
      </c>
      <c r="H100" s="68">
        <v>38</v>
      </c>
      <c r="I100" s="68">
        <v>22</v>
      </c>
      <c r="J100" s="68">
        <v>16</v>
      </c>
      <c r="K100" s="67">
        <v>37</v>
      </c>
      <c r="L100" s="79">
        <v>20</v>
      </c>
      <c r="M100" s="80">
        <v>17</v>
      </c>
    </row>
    <row r="101" spans="1:13">
      <c r="A101" s="27" t="s">
        <v>55</v>
      </c>
      <c r="B101" s="67">
        <v>-23</v>
      </c>
      <c r="C101" s="68">
        <v>-14</v>
      </c>
      <c r="D101" s="68">
        <v>-9</v>
      </c>
      <c r="E101" s="67">
        <v>29</v>
      </c>
      <c r="F101" s="68">
        <v>20</v>
      </c>
      <c r="G101" s="69">
        <v>9</v>
      </c>
      <c r="H101" s="68">
        <v>43</v>
      </c>
      <c r="I101" s="68">
        <v>25</v>
      </c>
      <c r="J101" s="68">
        <v>18</v>
      </c>
      <c r="K101" s="67">
        <v>37</v>
      </c>
      <c r="L101" s="79">
        <v>19</v>
      </c>
      <c r="M101" s="80">
        <v>18</v>
      </c>
    </row>
    <row r="102" spans="1:13">
      <c r="A102" s="27" t="s">
        <v>57</v>
      </c>
      <c r="B102" s="67">
        <v>-45</v>
      </c>
      <c r="C102" s="68">
        <v>-31</v>
      </c>
      <c r="D102" s="68">
        <v>-14</v>
      </c>
      <c r="E102" s="67">
        <v>51</v>
      </c>
      <c r="F102" s="68">
        <v>37</v>
      </c>
      <c r="G102" s="69">
        <v>14</v>
      </c>
      <c r="H102" s="68">
        <v>38</v>
      </c>
      <c r="I102" s="68">
        <v>21</v>
      </c>
      <c r="J102" s="68">
        <v>17</v>
      </c>
      <c r="K102" s="67">
        <v>32</v>
      </c>
      <c r="L102" s="79">
        <v>15</v>
      </c>
      <c r="M102" s="80">
        <v>17</v>
      </c>
    </row>
    <row r="103" spans="1:13">
      <c r="A103" s="27" t="s">
        <v>59</v>
      </c>
      <c r="B103" s="67">
        <v>-49</v>
      </c>
      <c r="C103" s="68">
        <v>-42</v>
      </c>
      <c r="D103" s="68">
        <v>-7</v>
      </c>
      <c r="E103" s="67">
        <v>56</v>
      </c>
      <c r="F103" s="68">
        <v>41</v>
      </c>
      <c r="G103" s="69">
        <v>15</v>
      </c>
      <c r="H103" s="68">
        <v>38</v>
      </c>
      <c r="I103" s="68">
        <v>16</v>
      </c>
      <c r="J103" s="68">
        <v>22</v>
      </c>
      <c r="K103" s="67">
        <v>31</v>
      </c>
      <c r="L103" s="79">
        <v>17</v>
      </c>
      <c r="M103" s="80">
        <v>14</v>
      </c>
    </row>
    <row r="104" spans="1:13">
      <c r="A104" s="27" t="s">
        <v>61</v>
      </c>
      <c r="B104" s="67">
        <v>-45</v>
      </c>
      <c r="C104" s="68">
        <v>-32</v>
      </c>
      <c r="D104" s="68">
        <v>-13</v>
      </c>
      <c r="E104" s="67">
        <v>54</v>
      </c>
      <c r="F104" s="68">
        <v>34</v>
      </c>
      <c r="G104" s="69">
        <v>20</v>
      </c>
      <c r="H104" s="68">
        <v>40</v>
      </c>
      <c r="I104" s="68">
        <v>15</v>
      </c>
      <c r="J104" s="68">
        <v>25</v>
      </c>
      <c r="K104" s="67">
        <v>31</v>
      </c>
      <c r="L104" s="79">
        <v>13</v>
      </c>
      <c r="M104" s="80">
        <v>18</v>
      </c>
    </row>
    <row r="105" spans="1:13" ht="21" customHeight="1">
      <c r="A105" s="38" t="s">
        <v>63</v>
      </c>
      <c r="B105" s="64">
        <v>-276</v>
      </c>
      <c r="C105" s="65">
        <v>-190</v>
      </c>
      <c r="D105" s="65">
        <v>-86</v>
      </c>
      <c r="E105" s="64">
        <v>320</v>
      </c>
      <c r="F105" s="65">
        <v>201</v>
      </c>
      <c r="G105" s="66">
        <v>119</v>
      </c>
      <c r="H105" s="65">
        <v>190</v>
      </c>
      <c r="I105" s="65">
        <v>73</v>
      </c>
      <c r="J105" s="65">
        <v>117</v>
      </c>
      <c r="K105" s="64">
        <v>146</v>
      </c>
      <c r="L105" s="77">
        <v>62</v>
      </c>
      <c r="M105" s="78">
        <v>84</v>
      </c>
    </row>
    <row r="106" spans="1:13">
      <c r="A106" s="27" t="s">
        <v>65</v>
      </c>
      <c r="B106" s="67">
        <v>-51</v>
      </c>
      <c r="C106" s="68">
        <v>-36</v>
      </c>
      <c r="D106" s="68">
        <v>-15</v>
      </c>
      <c r="E106" s="67">
        <v>52</v>
      </c>
      <c r="F106" s="68">
        <v>34</v>
      </c>
      <c r="G106" s="69">
        <v>18</v>
      </c>
      <c r="H106" s="68">
        <v>43</v>
      </c>
      <c r="I106" s="68">
        <v>17</v>
      </c>
      <c r="J106" s="68">
        <v>26</v>
      </c>
      <c r="K106" s="67">
        <v>42</v>
      </c>
      <c r="L106" s="79">
        <v>19</v>
      </c>
      <c r="M106" s="80">
        <v>23</v>
      </c>
    </row>
    <row r="107" spans="1:13">
      <c r="A107" s="27" t="s">
        <v>67</v>
      </c>
      <c r="B107" s="67">
        <v>-47</v>
      </c>
      <c r="C107" s="68">
        <v>-45</v>
      </c>
      <c r="D107" s="68">
        <v>-2</v>
      </c>
      <c r="E107" s="67">
        <v>59</v>
      </c>
      <c r="F107" s="68">
        <v>44</v>
      </c>
      <c r="G107" s="69">
        <v>15</v>
      </c>
      <c r="H107" s="68">
        <v>29</v>
      </c>
      <c r="I107" s="68">
        <v>10</v>
      </c>
      <c r="J107" s="68">
        <v>19</v>
      </c>
      <c r="K107" s="67">
        <v>17</v>
      </c>
      <c r="L107" s="79">
        <v>11</v>
      </c>
      <c r="M107" s="80">
        <v>6</v>
      </c>
    </row>
    <row r="108" spans="1:13">
      <c r="A108" s="27" t="s">
        <v>69</v>
      </c>
      <c r="B108" s="67">
        <v>-43</v>
      </c>
      <c r="C108" s="68">
        <v>-36</v>
      </c>
      <c r="D108" s="68">
        <v>-7</v>
      </c>
      <c r="E108" s="67">
        <v>56</v>
      </c>
      <c r="F108" s="68">
        <v>36</v>
      </c>
      <c r="G108" s="69">
        <v>20</v>
      </c>
      <c r="H108" s="68">
        <v>37</v>
      </c>
      <c r="I108" s="68">
        <v>11</v>
      </c>
      <c r="J108" s="68">
        <v>26</v>
      </c>
      <c r="K108" s="67">
        <v>24</v>
      </c>
      <c r="L108" s="79">
        <v>11</v>
      </c>
      <c r="M108" s="80">
        <v>13</v>
      </c>
    </row>
    <row r="109" spans="1:13">
      <c r="A109" s="27" t="s">
        <v>71</v>
      </c>
      <c r="B109" s="67">
        <v>-54</v>
      </c>
      <c r="C109" s="68">
        <v>-26</v>
      </c>
      <c r="D109" s="68">
        <v>-28</v>
      </c>
      <c r="E109" s="67">
        <v>66</v>
      </c>
      <c r="F109" s="68">
        <v>32</v>
      </c>
      <c r="G109" s="69">
        <v>34</v>
      </c>
      <c r="H109" s="68">
        <v>38</v>
      </c>
      <c r="I109" s="68">
        <v>14</v>
      </c>
      <c r="J109" s="68">
        <v>24</v>
      </c>
      <c r="K109" s="67">
        <v>26</v>
      </c>
      <c r="L109" s="79">
        <v>8</v>
      </c>
      <c r="M109" s="80">
        <v>18</v>
      </c>
    </row>
    <row r="110" spans="1:13">
      <c r="A110" s="27" t="s">
        <v>73</v>
      </c>
      <c r="B110" s="67">
        <v>-81</v>
      </c>
      <c r="C110" s="68">
        <v>-47</v>
      </c>
      <c r="D110" s="68">
        <v>-34</v>
      </c>
      <c r="E110" s="67">
        <v>87</v>
      </c>
      <c r="F110" s="68">
        <v>55</v>
      </c>
      <c r="G110" s="69">
        <v>32</v>
      </c>
      <c r="H110" s="68">
        <v>43</v>
      </c>
      <c r="I110" s="68">
        <v>21</v>
      </c>
      <c r="J110" s="68">
        <v>22</v>
      </c>
      <c r="K110" s="67">
        <v>37</v>
      </c>
      <c r="L110" s="79">
        <v>13</v>
      </c>
      <c r="M110" s="80">
        <v>24</v>
      </c>
    </row>
    <row r="111" spans="1:13" ht="21" customHeight="1">
      <c r="A111" s="38" t="s">
        <v>75</v>
      </c>
      <c r="B111" s="64">
        <v>-488</v>
      </c>
      <c r="C111" s="65">
        <v>-294</v>
      </c>
      <c r="D111" s="65">
        <v>-194</v>
      </c>
      <c r="E111" s="64">
        <v>519</v>
      </c>
      <c r="F111" s="65">
        <v>308</v>
      </c>
      <c r="G111" s="66">
        <v>211</v>
      </c>
      <c r="H111" s="65">
        <v>181</v>
      </c>
      <c r="I111" s="65">
        <v>62</v>
      </c>
      <c r="J111" s="65">
        <v>119</v>
      </c>
      <c r="K111" s="64">
        <v>150</v>
      </c>
      <c r="L111" s="77">
        <v>48</v>
      </c>
      <c r="M111" s="78">
        <v>102</v>
      </c>
    </row>
    <row r="112" spans="1:13">
      <c r="A112" s="27" t="s">
        <v>77</v>
      </c>
      <c r="B112" s="67">
        <v>-76</v>
      </c>
      <c r="C112" s="68">
        <v>-45</v>
      </c>
      <c r="D112" s="68">
        <v>-31</v>
      </c>
      <c r="E112" s="67">
        <v>91</v>
      </c>
      <c r="F112" s="68">
        <v>54</v>
      </c>
      <c r="G112" s="69">
        <v>37</v>
      </c>
      <c r="H112" s="68">
        <v>43</v>
      </c>
      <c r="I112" s="68">
        <v>17</v>
      </c>
      <c r="J112" s="68">
        <v>26</v>
      </c>
      <c r="K112" s="67">
        <v>28</v>
      </c>
      <c r="L112" s="79">
        <v>8</v>
      </c>
      <c r="M112" s="80">
        <v>20</v>
      </c>
    </row>
    <row r="113" spans="1:13">
      <c r="A113" s="27" t="s">
        <v>79</v>
      </c>
      <c r="B113" s="67">
        <v>-95</v>
      </c>
      <c r="C113" s="68">
        <v>-57</v>
      </c>
      <c r="D113" s="68">
        <v>-38</v>
      </c>
      <c r="E113" s="67">
        <v>91</v>
      </c>
      <c r="F113" s="68">
        <v>57</v>
      </c>
      <c r="G113" s="69">
        <v>34</v>
      </c>
      <c r="H113" s="68">
        <v>28</v>
      </c>
      <c r="I113" s="68">
        <v>12</v>
      </c>
      <c r="J113" s="68">
        <v>16</v>
      </c>
      <c r="K113" s="67">
        <v>32</v>
      </c>
      <c r="L113" s="79">
        <v>12</v>
      </c>
      <c r="M113" s="80">
        <v>20</v>
      </c>
    </row>
    <row r="114" spans="1:13">
      <c r="A114" s="27" t="s">
        <v>81</v>
      </c>
      <c r="B114" s="67">
        <v>-111</v>
      </c>
      <c r="C114" s="68">
        <v>-74</v>
      </c>
      <c r="D114" s="68">
        <v>-37</v>
      </c>
      <c r="E114" s="67">
        <v>130</v>
      </c>
      <c r="F114" s="68">
        <v>78</v>
      </c>
      <c r="G114" s="69">
        <v>52</v>
      </c>
      <c r="H114" s="68">
        <v>49</v>
      </c>
      <c r="I114" s="68">
        <v>13</v>
      </c>
      <c r="J114" s="68">
        <v>36</v>
      </c>
      <c r="K114" s="67">
        <v>30</v>
      </c>
      <c r="L114" s="79">
        <v>9</v>
      </c>
      <c r="M114" s="80">
        <v>21</v>
      </c>
    </row>
    <row r="115" spans="1:13">
      <c r="A115" s="27" t="s">
        <v>83</v>
      </c>
      <c r="B115" s="67">
        <v>-96</v>
      </c>
      <c r="C115" s="68">
        <v>-54</v>
      </c>
      <c r="D115" s="68">
        <v>-42</v>
      </c>
      <c r="E115" s="67">
        <v>96</v>
      </c>
      <c r="F115" s="68">
        <v>55</v>
      </c>
      <c r="G115" s="69">
        <v>41</v>
      </c>
      <c r="H115" s="68">
        <v>25</v>
      </c>
      <c r="I115" s="68">
        <v>7</v>
      </c>
      <c r="J115" s="68">
        <v>18</v>
      </c>
      <c r="K115" s="67">
        <v>25</v>
      </c>
      <c r="L115" s="79">
        <v>6</v>
      </c>
      <c r="M115" s="80">
        <v>19</v>
      </c>
    </row>
    <row r="116" spans="1:13">
      <c r="A116" s="27" t="s">
        <v>85</v>
      </c>
      <c r="B116" s="67">
        <v>-110</v>
      </c>
      <c r="C116" s="68">
        <v>-64</v>
      </c>
      <c r="D116" s="68">
        <v>-46</v>
      </c>
      <c r="E116" s="67">
        <v>111</v>
      </c>
      <c r="F116" s="68">
        <v>64</v>
      </c>
      <c r="G116" s="69">
        <v>47</v>
      </c>
      <c r="H116" s="68">
        <v>36</v>
      </c>
      <c r="I116" s="68">
        <v>13</v>
      </c>
      <c r="J116" s="68">
        <v>23</v>
      </c>
      <c r="K116" s="67">
        <v>35</v>
      </c>
      <c r="L116" s="79">
        <v>13</v>
      </c>
      <c r="M116" s="80">
        <v>22</v>
      </c>
    </row>
    <row r="117" spans="1:13" ht="21" customHeight="1">
      <c r="A117" s="38" t="s">
        <v>87</v>
      </c>
      <c r="B117" s="64">
        <v>-698</v>
      </c>
      <c r="C117" s="65">
        <v>-371</v>
      </c>
      <c r="D117" s="65">
        <v>-327</v>
      </c>
      <c r="E117" s="64">
        <v>699</v>
      </c>
      <c r="F117" s="65">
        <v>382</v>
      </c>
      <c r="G117" s="66">
        <v>317</v>
      </c>
      <c r="H117" s="65">
        <v>160</v>
      </c>
      <c r="I117" s="65">
        <v>52</v>
      </c>
      <c r="J117" s="65">
        <v>108</v>
      </c>
      <c r="K117" s="64">
        <v>159</v>
      </c>
      <c r="L117" s="77">
        <v>41</v>
      </c>
      <c r="M117" s="78">
        <v>118</v>
      </c>
    </row>
    <row r="118" spans="1:13">
      <c r="A118" s="27" t="s">
        <v>89</v>
      </c>
      <c r="B118" s="67">
        <v>-132</v>
      </c>
      <c r="C118" s="68">
        <v>-79</v>
      </c>
      <c r="D118" s="68">
        <v>-53</v>
      </c>
      <c r="E118" s="67">
        <v>130</v>
      </c>
      <c r="F118" s="68">
        <v>79</v>
      </c>
      <c r="G118" s="69">
        <v>51</v>
      </c>
      <c r="H118" s="68">
        <v>35</v>
      </c>
      <c r="I118" s="68">
        <v>10</v>
      </c>
      <c r="J118" s="68">
        <v>25</v>
      </c>
      <c r="K118" s="67">
        <v>37</v>
      </c>
      <c r="L118" s="79">
        <v>10</v>
      </c>
      <c r="M118" s="80">
        <v>27</v>
      </c>
    </row>
    <row r="119" spans="1:13">
      <c r="A119" s="27" t="s">
        <v>91</v>
      </c>
      <c r="B119" s="67">
        <v>-137</v>
      </c>
      <c r="C119" s="68">
        <v>-65</v>
      </c>
      <c r="D119" s="68">
        <v>-72</v>
      </c>
      <c r="E119" s="67">
        <v>143</v>
      </c>
      <c r="F119" s="68">
        <v>72</v>
      </c>
      <c r="G119" s="69">
        <v>71</v>
      </c>
      <c r="H119" s="68">
        <v>38</v>
      </c>
      <c r="I119" s="68">
        <v>15</v>
      </c>
      <c r="J119" s="68">
        <v>23</v>
      </c>
      <c r="K119" s="67">
        <v>32</v>
      </c>
      <c r="L119" s="79">
        <v>8</v>
      </c>
      <c r="M119" s="80">
        <v>24</v>
      </c>
    </row>
    <row r="120" spans="1:13">
      <c r="A120" s="27" t="s">
        <v>93</v>
      </c>
      <c r="B120" s="67">
        <v>-151</v>
      </c>
      <c r="C120" s="68">
        <v>-85</v>
      </c>
      <c r="D120" s="68">
        <v>-66</v>
      </c>
      <c r="E120" s="67">
        <v>151</v>
      </c>
      <c r="F120" s="68">
        <v>86</v>
      </c>
      <c r="G120" s="69">
        <v>65</v>
      </c>
      <c r="H120" s="68">
        <v>32</v>
      </c>
      <c r="I120" s="68">
        <v>10</v>
      </c>
      <c r="J120" s="68">
        <v>22</v>
      </c>
      <c r="K120" s="67">
        <v>32</v>
      </c>
      <c r="L120" s="79">
        <v>9</v>
      </c>
      <c r="M120" s="80">
        <v>23</v>
      </c>
    </row>
    <row r="121" spans="1:13">
      <c r="A121" s="27" t="s">
        <v>95</v>
      </c>
      <c r="B121" s="67">
        <v>-137</v>
      </c>
      <c r="C121" s="68">
        <v>-72</v>
      </c>
      <c r="D121" s="68">
        <v>-65</v>
      </c>
      <c r="E121" s="67">
        <v>138</v>
      </c>
      <c r="F121" s="68">
        <v>74</v>
      </c>
      <c r="G121" s="69">
        <v>64</v>
      </c>
      <c r="H121" s="68">
        <v>32</v>
      </c>
      <c r="I121" s="68">
        <v>9</v>
      </c>
      <c r="J121" s="68">
        <v>23</v>
      </c>
      <c r="K121" s="67">
        <v>31</v>
      </c>
      <c r="L121" s="79">
        <v>7</v>
      </c>
      <c r="M121" s="80">
        <v>24</v>
      </c>
    </row>
    <row r="122" spans="1:13">
      <c r="A122" s="27" t="s">
        <v>97</v>
      </c>
      <c r="B122" s="67">
        <v>-141</v>
      </c>
      <c r="C122" s="68">
        <v>-70</v>
      </c>
      <c r="D122" s="68">
        <v>-71</v>
      </c>
      <c r="E122" s="67">
        <v>137</v>
      </c>
      <c r="F122" s="68">
        <v>71</v>
      </c>
      <c r="G122" s="69">
        <v>66</v>
      </c>
      <c r="H122" s="68">
        <v>23</v>
      </c>
      <c r="I122" s="68">
        <v>8</v>
      </c>
      <c r="J122" s="68">
        <v>15</v>
      </c>
      <c r="K122" s="67">
        <v>27</v>
      </c>
      <c r="L122" s="79">
        <v>7</v>
      </c>
      <c r="M122" s="80">
        <v>20</v>
      </c>
    </row>
    <row r="123" spans="1:13" ht="21" customHeight="1">
      <c r="A123" s="38" t="s">
        <v>99</v>
      </c>
      <c r="B123" s="64">
        <v>-612</v>
      </c>
      <c r="C123" s="65">
        <v>-250</v>
      </c>
      <c r="D123" s="65">
        <v>-362</v>
      </c>
      <c r="E123" s="64">
        <v>614</v>
      </c>
      <c r="F123" s="65">
        <v>253</v>
      </c>
      <c r="G123" s="66">
        <v>361</v>
      </c>
      <c r="H123" s="65">
        <v>73</v>
      </c>
      <c r="I123" s="65">
        <v>21</v>
      </c>
      <c r="J123" s="65">
        <v>52</v>
      </c>
      <c r="K123" s="64">
        <v>71</v>
      </c>
      <c r="L123" s="77">
        <v>18</v>
      </c>
      <c r="M123" s="78">
        <v>53</v>
      </c>
    </row>
    <row r="124" spans="1:13">
      <c r="A124" s="27" t="s">
        <v>101</v>
      </c>
      <c r="B124" s="67">
        <v>-140</v>
      </c>
      <c r="C124" s="68">
        <v>-59</v>
      </c>
      <c r="D124" s="68">
        <v>-81</v>
      </c>
      <c r="E124" s="67">
        <v>137</v>
      </c>
      <c r="F124" s="68">
        <v>59</v>
      </c>
      <c r="G124" s="69">
        <v>78</v>
      </c>
      <c r="H124" s="68">
        <v>22</v>
      </c>
      <c r="I124" s="68">
        <v>6</v>
      </c>
      <c r="J124" s="68">
        <v>16</v>
      </c>
      <c r="K124" s="67">
        <v>25</v>
      </c>
      <c r="L124" s="79">
        <v>6</v>
      </c>
      <c r="M124" s="80">
        <v>19</v>
      </c>
    </row>
    <row r="125" spans="1:13">
      <c r="A125" s="27" t="s">
        <v>103</v>
      </c>
      <c r="B125" s="67">
        <v>-134</v>
      </c>
      <c r="C125" s="68">
        <v>-65</v>
      </c>
      <c r="D125" s="68">
        <v>-69</v>
      </c>
      <c r="E125" s="67">
        <v>142</v>
      </c>
      <c r="F125" s="68">
        <v>69</v>
      </c>
      <c r="G125" s="69">
        <v>73</v>
      </c>
      <c r="H125" s="68">
        <v>20</v>
      </c>
      <c r="I125" s="68">
        <v>6</v>
      </c>
      <c r="J125" s="68">
        <v>14</v>
      </c>
      <c r="K125" s="67">
        <v>12</v>
      </c>
      <c r="L125" s="79">
        <v>2</v>
      </c>
      <c r="M125" s="80">
        <v>10</v>
      </c>
    </row>
    <row r="126" spans="1:13">
      <c r="A126" s="27" t="s">
        <v>105</v>
      </c>
      <c r="B126" s="67">
        <v>-130</v>
      </c>
      <c r="C126" s="68">
        <v>-48</v>
      </c>
      <c r="D126" s="68">
        <v>-82</v>
      </c>
      <c r="E126" s="67">
        <v>132</v>
      </c>
      <c r="F126" s="68">
        <v>49</v>
      </c>
      <c r="G126" s="69">
        <v>83</v>
      </c>
      <c r="H126" s="68">
        <v>14</v>
      </c>
      <c r="I126" s="68">
        <v>3</v>
      </c>
      <c r="J126" s="68">
        <v>11</v>
      </c>
      <c r="K126" s="67">
        <v>12</v>
      </c>
      <c r="L126" s="79">
        <v>2</v>
      </c>
      <c r="M126" s="80">
        <v>10</v>
      </c>
    </row>
    <row r="127" spans="1:13">
      <c r="A127" s="27" t="s">
        <v>107</v>
      </c>
      <c r="B127" s="67">
        <v>-104</v>
      </c>
      <c r="C127" s="68">
        <v>-43</v>
      </c>
      <c r="D127" s="68">
        <v>-61</v>
      </c>
      <c r="E127" s="67">
        <v>106</v>
      </c>
      <c r="F127" s="68">
        <v>43</v>
      </c>
      <c r="G127" s="69">
        <v>63</v>
      </c>
      <c r="H127" s="68">
        <v>11</v>
      </c>
      <c r="I127" s="68">
        <v>4</v>
      </c>
      <c r="J127" s="68">
        <v>7</v>
      </c>
      <c r="K127" s="67">
        <v>9</v>
      </c>
      <c r="L127" s="79">
        <v>4</v>
      </c>
      <c r="M127" s="80">
        <v>5</v>
      </c>
    </row>
    <row r="128" spans="1:13">
      <c r="A128" s="27" t="s">
        <v>109</v>
      </c>
      <c r="B128" s="67">
        <v>-104</v>
      </c>
      <c r="C128" s="68">
        <v>-35</v>
      </c>
      <c r="D128" s="68">
        <v>-69</v>
      </c>
      <c r="E128" s="67">
        <v>97</v>
      </c>
      <c r="F128" s="68">
        <v>33</v>
      </c>
      <c r="G128" s="69">
        <v>64</v>
      </c>
      <c r="H128" s="68">
        <v>6</v>
      </c>
      <c r="I128" s="68">
        <v>2</v>
      </c>
      <c r="J128" s="68">
        <v>4</v>
      </c>
      <c r="K128" s="67">
        <v>13</v>
      </c>
      <c r="L128" s="79">
        <v>4</v>
      </c>
      <c r="M128" s="80">
        <v>9</v>
      </c>
    </row>
    <row r="129" spans="1:14" ht="21" customHeight="1">
      <c r="A129" s="38" t="s">
        <v>111</v>
      </c>
      <c r="B129" s="64">
        <v>-305</v>
      </c>
      <c r="C129" s="65">
        <v>-99</v>
      </c>
      <c r="D129" s="65">
        <v>-206</v>
      </c>
      <c r="E129" s="64">
        <v>310</v>
      </c>
      <c r="F129" s="65">
        <v>96</v>
      </c>
      <c r="G129" s="66">
        <v>214</v>
      </c>
      <c r="H129" s="65">
        <v>23</v>
      </c>
      <c r="I129" s="65">
        <v>7</v>
      </c>
      <c r="J129" s="65">
        <v>16</v>
      </c>
      <c r="K129" s="64">
        <v>18</v>
      </c>
      <c r="L129" s="77">
        <v>10</v>
      </c>
      <c r="M129" s="78">
        <v>8</v>
      </c>
    </row>
    <row r="130" spans="1:14">
      <c r="A130" s="27" t="s">
        <v>113</v>
      </c>
      <c r="B130" s="67">
        <v>-95</v>
      </c>
      <c r="C130" s="68">
        <v>-32</v>
      </c>
      <c r="D130" s="68">
        <v>-63</v>
      </c>
      <c r="E130" s="67">
        <v>99</v>
      </c>
      <c r="F130" s="68">
        <v>34</v>
      </c>
      <c r="G130" s="69">
        <v>65</v>
      </c>
      <c r="H130" s="68">
        <v>8</v>
      </c>
      <c r="I130" s="68">
        <v>3</v>
      </c>
      <c r="J130" s="68">
        <v>5</v>
      </c>
      <c r="K130" s="67">
        <v>4</v>
      </c>
      <c r="L130" s="79">
        <v>1</v>
      </c>
      <c r="M130" s="80">
        <v>3</v>
      </c>
    </row>
    <row r="131" spans="1:14">
      <c r="A131" s="27" t="s">
        <v>115</v>
      </c>
      <c r="B131" s="67">
        <v>-75</v>
      </c>
      <c r="C131" s="68">
        <v>-29</v>
      </c>
      <c r="D131" s="68">
        <v>-46</v>
      </c>
      <c r="E131" s="67">
        <v>76</v>
      </c>
      <c r="F131" s="68">
        <v>27</v>
      </c>
      <c r="G131" s="69">
        <v>49</v>
      </c>
      <c r="H131" s="68">
        <v>5</v>
      </c>
      <c r="I131" s="68">
        <v>1</v>
      </c>
      <c r="J131" s="68">
        <v>4</v>
      </c>
      <c r="K131" s="67">
        <v>4</v>
      </c>
      <c r="L131" s="79">
        <v>3</v>
      </c>
      <c r="M131" s="80">
        <v>1</v>
      </c>
    </row>
    <row r="132" spans="1:14">
      <c r="A132" s="27" t="s">
        <v>117</v>
      </c>
      <c r="B132" s="67">
        <v>-63</v>
      </c>
      <c r="C132" s="68">
        <v>-18</v>
      </c>
      <c r="D132" s="68">
        <v>-45</v>
      </c>
      <c r="E132" s="67">
        <v>64</v>
      </c>
      <c r="F132" s="68">
        <v>18</v>
      </c>
      <c r="G132" s="69">
        <v>46</v>
      </c>
      <c r="H132" s="68">
        <v>5</v>
      </c>
      <c r="I132" s="68">
        <v>1</v>
      </c>
      <c r="J132" s="68">
        <v>4</v>
      </c>
      <c r="K132" s="67">
        <v>4</v>
      </c>
      <c r="L132" s="79">
        <v>1</v>
      </c>
      <c r="M132" s="80">
        <v>3</v>
      </c>
    </row>
    <row r="133" spans="1:14">
      <c r="A133" s="27" t="s">
        <v>119</v>
      </c>
      <c r="B133" s="67">
        <v>-46</v>
      </c>
      <c r="C133" s="68">
        <v>-11</v>
      </c>
      <c r="D133" s="68">
        <v>-35</v>
      </c>
      <c r="E133" s="67">
        <v>46</v>
      </c>
      <c r="F133" s="68">
        <v>9</v>
      </c>
      <c r="G133" s="69">
        <v>37</v>
      </c>
      <c r="H133" s="68">
        <v>5</v>
      </c>
      <c r="I133" s="68">
        <v>2</v>
      </c>
      <c r="J133" s="68">
        <v>3</v>
      </c>
      <c r="K133" s="67">
        <v>5</v>
      </c>
      <c r="L133" s="79">
        <v>4</v>
      </c>
      <c r="M133" s="80">
        <v>1</v>
      </c>
    </row>
    <row r="134" spans="1:14">
      <c r="A134" s="27" t="s">
        <v>121</v>
      </c>
      <c r="B134" s="67">
        <v>-26</v>
      </c>
      <c r="C134" s="68">
        <v>-9</v>
      </c>
      <c r="D134" s="68">
        <v>-17</v>
      </c>
      <c r="E134" s="67">
        <v>25</v>
      </c>
      <c r="F134" s="68">
        <v>8</v>
      </c>
      <c r="G134" s="69">
        <v>17</v>
      </c>
      <c r="H134" s="68">
        <v>0</v>
      </c>
      <c r="I134" s="68">
        <v>0</v>
      </c>
      <c r="J134" s="68">
        <v>0</v>
      </c>
      <c r="K134" s="67">
        <v>1</v>
      </c>
      <c r="L134" s="79">
        <v>1</v>
      </c>
      <c r="M134" s="80">
        <v>0</v>
      </c>
    </row>
    <row r="135" spans="1:14" ht="21" customHeight="1">
      <c r="A135" s="39" t="s">
        <v>122</v>
      </c>
      <c r="B135" s="42">
        <v>-66</v>
      </c>
      <c r="C135" s="40">
        <v>-18</v>
      </c>
      <c r="D135" s="40">
        <v>-48</v>
      </c>
      <c r="E135" s="42">
        <v>67</v>
      </c>
      <c r="F135" s="40">
        <v>18</v>
      </c>
      <c r="G135" s="43">
        <v>49</v>
      </c>
      <c r="H135" s="40">
        <v>3</v>
      </c>
      <c r="I135" s="40">
        <v>0</v>
      </c>
      <c r="J135" s="40">
        <v>3</v>
      </c>
      <c r="K135" s="42">
        <v>2</v>
      </c>
      <c r="L135" s="44">
        <v>0</v>
      </c>
      <c r="M135" s="85">
        <v>2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1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8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432</v>
      </c>
      <c r="C5" s="62">
        <v>-280</v>
      </c>
      <c r="D5" s="62">
        <v>-152</v>
      </c>
      <c r="E5" s="61">
        <v>1794</v>
      </c>
      <c r="F5" s="62">
        <v>933</v>
      </c>
      <c r="G5" s="63">
        <v>861</v>
      </c>
      <c r="H5" s="62">
        <v>9411</v>
      </c>
      <c r="I5" s="62">
        <v>4838</v>
      </c>
      <c r="J5" s="62">
        <v>4573</v>
      </c>
      <c r="K5" s="61">
        <v>9223</v>
      </c>
      <c r="L5" s="75">
        <v>4760</v>
      </c>
      <c r="M5" s="76">
        <v>4463</v>
      </c>
    </row>
    <row r="6" spans="1:13" ht="23.25" customHeight="1">
      <c r="A6" s="36" t="s">
        <v>2</v>
      </c>
      <c r="B6" s="64">
        <v>1147</v>
      </c>
      <c r="C6" s="65">
        <v>556</v>
      </c>
      <c r="D6" s="65">
        <v>591</v>
      </c>
      <c r="E6" s="64">
        <v>6</v>
      </c>
      <c r="F6" s="65">
        <v>2</v>
      </c>
      <c r="G6" s="66">
        <v>4</v>
      </c>
      <c r="H6" s="65">
        <v>552</v>
      </c>
      <c r="I6" s="65">
        <v>258</v>
      </c>
      <c r="J6" s="65">
        <v>294</v>
      </c>
      <c r="K6" s="64">
        <v>573</v>
      </c>
      <c r="L6" s="77">
        <v>275</v>
      </c>
      <c r="M6" s="78">
        <v>298</v>
      </c>
    </row>
    <row r="7" spans="1:13">
      <c r="A7" s="15" t="s">
        <v>4</v>
      </c>
      <c r="B7" s="67">
        <v>1192</v>
      </c>
      <c r="C7" s="68">
        <v>584</v>
      </c>
      <c r="D7" s="68">
        <v>608</v>
      </c>
      <c r="E7" s="67">
        <v>3</v>
      </c>
      <c r="F7" s="68">
        <v>0</v>
      </c>
      <c r="G7" s="69">
        <v>3</v>
      </c>
      <c r="H7" s="68">
        <v>89</v>
      </c>
      <c r="I7" s="68">
        <v>42</v>
      </c>
      <c r="J7" s="68">
        <v>47</v>
      </c>
      <c r="K7" s="67">
        <v>68</v>
      </c>
      <c r="L7" s="79">
        <v>33</v>
      </c>
      <c r="M7" s="80">
        <v>35</v>
      </c>
    </row>
    <row r="8" spans="1:13">
      <c r="A8" s="15" t="s">
        <v>6</v>
      </c>
      <c r="B8" s="67">
        <v>-19</v>
      </c>
      <c r="C8" s="68">
        <v>-12</v>
      </c>
      <c r="D8" s="68">
        <v>-7</v>
      </c>
      <c r="E8" s="67">
        <v>1</v>
      </c>
      <c r="F8" s="68">
        <v>1</v>
      </c>
      <c r="G8" s="69">
        <v>0</v>
      </c>
      <c r="H8" s="68">
        <v>131</v>
      </c>
      <c r="I8" s="68">
        <v>65</v>
      </c>
      <c r="J8" s="68">
        <v>66</v>
      </c>
      <c r="K8" s="67">
        <v>149</v>
      </c>
      <c r="L8" s="79">
        <v>76</v>
      </c>
      <c r="M8" s="80">
        <v>73</v>
      </c>
    </row>
    <row r="9" spans="1:13">
      <c r="A9" s="15" t="s">
        <v>8</v>
      </c>
      <c r="B9" s="67">
        <v>-10</v>
      </c>
      <c r="C9" s="68">
        <v>-11</v>
      </c>
      <c r="D9" s="68">
        <v>1</v>
      </c>
      <c r="E9" s="67">
        <v>1</v>
      </c>
      <c r="F9" s="68">
        <v>1</v>
      </c>
      <c r="G9" s="69">
        <v>0</v>
      </c>
      <c r="H9" s="68">
        <v>141</v>
      </c>
      <c r="I9" s="68">
        <v>64</v>
      </c>
      <c r="J9" s="68">
        <v>77</v>
      </c>
      <c r="K9" s="67">
        <v>150</v>
      </c>
      <c r="L9" s="79">
        <v>74</v>
      </c>
      <c r="M9" s="80">
        <v>76</v>
      </c>
    </row>
    <row r="10" spans="1:13">
      <c r="A10" s="15" t="s">
        <v>10</v>
      </c>
      <c r="B10" s="67">
        <v>-6</v>
      </c>
      <c r="C10" s="68">
        <v>6</v>
      </c>
      <c r="D10" s="68">
        <v>-12</v>
      </c>
      <c r="E10" s="67">
        <v>1</v>
      </c>
      <c r="F10" s="68">
        <v>0</v>
      </c>
      <c r="G10" s="69">
        <v>1</v>
      </c>
      <c r="H10" s="68">
        <v>111</v>
      </c>
      <c r="I10" s="68">
        <v>55</v>
      </c>
      <c r="J10" s="68">
        <v>56</v>
      </c>
      <c r="K10" s="67">
        <v>116</v>
      </c>
      <c r="L10" s="79">
        <v>49</v>
      </c>
      <c r="M10" s="80">
        <v>67</v>
      </c>
    </row>
    <row r="11" spans="1:13">
      <c r="A11" s="15" t="s">
        <v>12</v>
      </c>
      <c r="B11" s="67">
        <v>-10</v>
      </c>
      <c r="C11" s="68">
        <v>-11</v>
      </c>
      <c r="D11" s="68">
        <v>1</v>
      </c>
      <c r="E11" s="67">
        <v>0</v>
      </c>
      <c r="F11" s="68">
        <v>0</v>
      </c>
      <c r="G11" s="69">
        <v>0</v>
      </c>
      <c r="H11" s="68">
        <v>80</v>
      </c>
      <c r="I11" s="68">
        <v>32</v>
      </c>
      <c r="J11" s="68">
        <v>48</v>
      </c>
      <c r="K11" s="67">
        <v>90</v>
      </c>
      <c r="L11" s="79">
        <v>43</v>
      </c>
      <c r="M11" s="80">
        <v>47</v>
      </c>
    </row>
    <row r="12" spans="1:13" ht="21" customHeight="1">
      <c r="A12" s="36" t="s">
        <v>14</v>
      </c>
      <c r="B12" s="64">
        <v>12</v>
      </c>
      <c r="C12" s="65">
        <v>12</v>
      </c>
      <c r="D12" s="65">
        <v>0</v>
      </c>
      <c r="E12" s="64">
        <v>1</v>
      </c>
      <c r="F12" s="65">
        <v>1</v>
      </c>
      <c r="G12" s="66">
        <v>0</v>
      </c>
      <c r="H12" s="65">
        <v>312</v>
      </c>
      <c r="I12" s="65">
        <v>162</v>
      </c>
      <c r="J12" s="65">
        <v>150</v>
      </c>
      <c r="K12" s="64">
        <v>299</v>
      </c>
      <c r="L12" s="77">
        <v>149</v>
      </c>
      <c r="M12" s="78">
        <v>150</v>
      </c>
    </row>
    <row r="13" spans="1:13">
      <c r="A13" s="15" t="s">
        <v>16</v>
      </c>
      <c r="B13" s="67">
        <v>6</v>
      </c>
      <c r="C13" s="68">
        <v>2</v>
      </c>
      <c r="D13" s="68">
        <v>4</v>
      </c>
      <c r="E13" s="67">
        <v>0</v>
      </c>
      <c r="F13" s="68">
        <v>0</v>
      </c>
      <c r="G13" s="69">
        <v>0</v>
      </c>
      <c r="H13" s="68">
        <v>81</v>
      </c>
      <c r="I13" s="68">
        <v>41</v>
      </c>
      <c r="J13" s="68">
        <v>40</v>
      </c>
      <c r="K13" s="67">
        <v>75</v>
      </c>
      <c r="L13" s="79">
        <v>39</v>
      </c>
      <c r="M13" s="80">
        <v>36</v>
      </c>
    </row>
    <row r="14" spans="1:13">
      <c r="A14" s="15" t="s">
        <v>18</v>
      </c>
      <c r="B14" s="67">
        <v>1</v>
      </c>
      <c r="C14" s="68">
        <v>5</v>
      </c>
      <c r="D14" s="68">
        <v>-4</v>
      </c>
      <c r="E14" s="67">
        <v>0</v>
      </c>
      <c r="F14" s="68">
        <v>0</v>
      </c>
      <c r="G14" s="69">
        <v>0</v>
      </c>
      <c r="H14" s="68">
        <v>69</v>
      </c>
      <c r="I14" s="68">
        <v>39</v>
      </c>
      <c r="J14" s="68">
        <v>30</v>
      </c>
      <c r="K14" s="67">
        <v>68</v>
      </c>
      <c r="L14" s="79">
        <v>34</v>
      </c>
      <c r="M14" s="80">
        <v>34</v>
      </c>
    </row>
    <row r="15" spans="1:13">
      <c r="A15" s="15" t="s">
        <v>20</v>
      </c>
      <c r="B15" s="67">
        <v>4</v>
      </c>
      <c r="C15" s="68">
        <v>-6</v>
      </c>
      <c r="D15" s="68">
        <v>10</v>
      </c>
      <c r="E15" s="67">
        <v>1</v>
      </c>
      <c r="F15" s="68">
        <v>1</v>
      </c>
      <c r="G15" s="69">
        <v>0</v>
      </c>
      <c r="H15" s="68">
        <v>76</v>
      </c>
      <c r="I15" s="68">
        <v>32</v>
      </c>
      <c r="J15" s="68">
        <v>44</v>
      </c>
      <c r="K15" s="67">
        <v>71</v>
      </c>
      <c r="L15" s="79">
        <v>37</v>
      </c>
      <c r="M15" s="80">
        <v>34</v>
      </c>
    </row>
    <row r="16" spans="1:13">
      <c r="A16" s="15" t="s">
        <v>22</v>
      </c>
      <c r="B16" s="67">
        <v>-8</v>
      </c>
      <c r="C16" s="68">
        <v>2</v>
      </c>
      <c r="D16" s="68">
        <v>-10</v>
      </c>
      <c r="E16" s="67">
        <v>0</v>
      </c>
      <c r="F16" s="68">
        <v>0</v>
      </c>
      <c r="G16" s="69">
        <v>0</v>
      </c>
      <c r="H16" s="68">
        <v>44</v>
      </c>
      <c r="I16" s="68">
        <v>27</v>
      </c>
      <c r="J16" s="68">
        <v>17</v>
      </c>
      <c r="K16" s="67">
        <v>52</v>
      </c>
      <c r="L16" s="79">
        <v>25</v>
      </c>
      <c r="M16" s="80">
        <v>27</v>
      </c>
    </row>
    <row r="17" spans="1:13">
      <c r="A17" s="15" t="s">
        <v>24</v>
      </c>
      <c r="B17" s="67">
        <v>9</v>
      </c>
      <c r="C17" s="68">
        <v>9</v>
      </c>
      <c r="D17" s="68">
        <v>0</v>
      </c>
      <c r="E17" s="67">
        <v>0</v>
      </c>
      <c r="F17" s="68">
        <v>0</v>
      </c>
      <c r="G17" s="69">
        <v>0</v>
      </c>
      <c r="H17" s="68">
        <v>42</v>
      </c>
      <c r="I17" s="68">
        <v>23</v>
      </c>
      <c r="J17" s="68">
        <v>19</v>
      </c>
      <c r="K17" s="67">
        <v>33</v>
      </c>
      <c r="L17" s="79">
        <v>14</v>
      </c>
      <c r="M17" s="80">
        <v>19</v>
      </c>
    </row>
    <row r="18" spans="1:13" ht="21" customHeight="1">
      <c r="A18" s="36" t="s">
        <v>26</v>
      </c>
      <c r="B18" s="64">
        <v>13</v>
      </c>
      <c r="C18" s="65">
        <v>15</v>
      </c>
      <c r="D18" s="65">
        <v>-2</v>
      </c>
      <c r="E18" s="64">
        <v>1</v>
      </c>
      <c r="F18" s="65">
        <v>1</v>
      </c>
      <c r="G18" s="66">
        <v>0</v>
      </c>
      <c r="H18" s="65">
        <v>166</v>
      </c>
      <c r="I18" s="65">
        <v>85</v>
      </c>
      <c r="J18" s="65">
        <v>81</v>
      </c>
      <c r="K18" s="64">
        <v>152</v>
      </c>
      <c r="L18" s="77">
        <v>69</v>
      </c>
      <c r="M18" s="78">
        <v>83</v>
      </c>
    </row>
    <row r="19" spans="1:13">
      <c r="A19" s="15" t="s">
        <v>28</v>
      </c>
      <c r="B19" s="67">
        <v>-2</v>
      </c>
      <c r="C19" s="68">
        <v>1</v>
      </c>
      <c r="D19" s="68">
        <v>-3</v>
      </c>
      <c r="E19" s="67">
        <v>0</v>
      </c>
      <c r="F19" s="68">
        <v>0</v>
      </c>
      <c r="G19" s="69">
        <v>0</v>
      </c>
      <c r="H19" s="68">
        <v>34</v>
      </c>
      <c r="I19" s="68">
        <v>21</v>
      </c>
      <c r="J19" s="68">
        <v>13</v>
      </c>
      <c r="K19" s="67">
        <v>36</v>
      </c>
      <c r="L19" s="79">
        <v>20</v>
      </c>
      <c r="M19" s="80">
        <v>16</v>
      </c>
    </row>
    <row r="20" spans="1:13">
      <c r="A20" s="15" t="s">
        <v>30</v>
      </c>
      <c r="B20" s="67">
        <v>6</v>
      </c>
      <c r="C20" s="68">
        <v>2</v>
      </c>
      <c r="D20" s="68">
        <v>4</v>
      </c>
      <c r="E20" s="67">
        <v>1</v>
      </c>
      <c r="F20" s="68">
        <v>1</v>
      </c>
      <c r="G20" s="69">
        <v>0</v>
      </c>
      <c r="H20" s="68">
        <v>35</v>
      </c>
      <c r="I20" s="68">
        <v>14</v>
      </c>
      <c r="J20" s="68">
        <v>21</v>
      </c>
      <c r="K20" s="67">
        <v>28</v>
      </c>
      <c r="L20" s="79">
        <v>11</v>
      </c>
      <c r="M20" s="80">
        <v>17</v>
      </c>
    </row>
    <row r="21" spans="1:13">
      <c r="A21" s="15" t="s">
        <v>32</v>
      </c>
      <c r="B21" s="67">
        <v>0</v>
      </c>
      <c r="C21" s="68">
        <v>4</v>
      </c>
      <c r="D21" s="68">
        <v>-4</v>
      </c>
      <c r="E21" s="67">
        <v>0</v>
      </c>
      <c r="F21" s="68">
        <v>0</v>
      </c>
      <c r="G21" s="69">
        <v>0</v>
      </c>
      <c r="H21" s="68">
        <v>30</v>
      </c>
      <c r="I21" s="68">
        <v>17</v>
      </c>
      <c r="J21" s="68">
        <v>13</v>
      </c>
      <c r="K21" s="67">
        <v>30</v>
      </c>
      <c r="L21" s="79">
        <v>13</v>
      </c>
      <c r="M21" s="80">
        <v>17</v>
      </c>
    </row>
    <row r="22" spans="1:13">
      <c r="A22" s="15" t="s">
        <v>34</v>
      </c>
      <c r="B22" s="67">
        <v>3</v>
      </c>
      <c r="C22" s="68">
        <v>4</v>
      </c>
      <c r="D22" s="68">
        <v>-1</v>
      </c>
      <c r="E22" s="67">
        <v>0</v>
      </c>
      <c r="F22" s="68">
        <v>0</v>
      </c>
      <c r="G22" s="69">
        <v>0</v>
      </c>
      <c r="H22" s="68">
        <v>44</v>
      </c>
      <c r="I22" s="68">
        <v>20</v>
      </c>
      <c r="J22" s="68">
        <v>24</v>
      </c>
      <c r="K22" s="67">
        <v>41</v>
      </c>
      <c r="L22" s="79">
        <v>16</v>
      </c>
      <c r="M22" s="80">
        <v>25</v>
      </c>
    </row>
    <row r="23" spans="1:13">
      <c r="A23" s="15" t="s">
        <v>36</v>
      </c>
      <c r="B23" s="67">
        <v>6</v>
      </c>
      <c r="C23" s="68">
        <v>4</v>
      </c>
      <c r="D23" s="68">
        <v>2</v>
      </c>
      <c r="E23" s="67">
        <v>0</v>
      </c>
      <c r="F23" s="68">
        <v>0</v>
      </c>
      <c r="G23" s="69">
        <v>0</v>
      </c>
      <c r="H23" s="68">
        <v>23</v>
      </c>
      <c r="I23" s="68">
        <v>13</v>
      </c>
      <c r="J23" s="68">
        <v>10</v>
      </c>
      <c r="K23" s="67">
        <v>17</v>
      </c>
      <c r="L23" s="79">
        <v>9</v>
      </c>
      <c r="M23" s="80">
        <v>8</v>
      </c>
    </row>
    <row r="24" spans="1:13" ht="21" customHeight="1">
      <c r="A24" s="36" t="s">
        <v>38</v>
      </c>
      <c r="B24" s="64">
        <v>33</v>
      </c>
      <c r="C24" s="65">
        <v>9</v>
      </c>
      <c r="D24" s="65">
        <v>24</v>
      </c>
      <c r="E24" s="64">
        <v>2</v>
      </c>
      <c r="F24" s="65">
        <v>2</v>
      </c>
      <c r="G24" s="66">
        <v>0</v>
      </c>
      <c r="H24" s="65">
        <v>267</v>
      </c>
      <c r="I24" s="65">
        <v>133</v>
      </c>
      <c r="J24" s="65">
        <v>134</v>
      </c>
      <c r="K24" s="64">
        <v>232</v>
      </c>
      <c r="L24" s="77">
        <v>122</v>
      </c>
      <c r="M24" s="78">
        <v>110</v>
      </c>
    </row>
    <row r="25" spans="1:13">
      <c r="A25" s="15" t="s">
        <v>40</v>
      </c>
      <c r="B25" s="67">
        <v>-7</v>
      </c>
      <c r="C25" s="68">
        <v>1</v>
      </c>
      <c r="D25" s="68">
        <v>-8</v>
      </c>
      <c r="E25" s="67">
        <v>1</v>
      </c>
      <c r="F25" s="68">
        <v>1</v>
      </c>
      <c r="G25" s="69">
        <v>0</v>
      </c>
      <c r="H25" s="68">
        <v>30</v>
      </c>
      <c r="I25" s="68">
        <v>14</v>
      </c>
      <c r="J25" s="68">
        <v>16</v>
      </c>
      <c r="K25" s="67">
        <v>36</v>
      </c>
      <c r="L25" s="79">
        <v>12</v>
      </c>
      <c r="M25" s="80">
        <v>24</v>
      </c>
    </row>
    <row r="26" spans="1:13">
      <c r="A26" s="15" t="s">
        <v>42</v>
      </c>
      <c r="B26" s="67">
        <v>7</v>
      </c>
      <c r="C26" s="68">
        <v>3</v>
      </c>
      <c r="D26" s="68">
        <v>4</v>
      </c>
      <c r="E26" s="67">
        <v>0</v>
      </c>
      <c r="F26" s="68">
        <v>0</v>
      </c>
      <c r="G26" s="69">
        <v>0</v>
      </c>
      <c r="H26" s="68">
        <v>51</v>
      </c>
      <c r="I26" s="68">
        <v>25</v>
      </c>
      <c r="J26" s="68">
        <v>26</v>
      </c>
      <c r="K26" s="67">
        <v>44</v>
      </c>
      <c r="L26" s="79">
        <v>22</v>
      </c>
      <c r="M26" s="80">
        <v>22</v>
      </c>
    </row>
    <row r="27" spans="1:13">
      <c r="A27" s="15" t="s">
        <v>44</v>
      </c>
      <c r="B27" s="67">
        <v>7</v>
      </c>
      <c r="C27" s="68">
        <v>1</v>
      </c>
      <c r="D27" s="68">
        <v>6</v>
      </c>
      <c r="E27" s="67">
        <v>0</v>
      </c>
      <c r="F27" s="68">
        <v>0</v>
      </c>
      <c r="G27" s="69">
        <v>0</v>
      </c>
      <c r="H27" s="68">
        <v>28</v>
      </c>
      <c r="I27" s="68">
        <v>16</v>
      </c>
      <c r="J27" s="68">
        <v>12</v>
      </c>
      <c r="K27" s="67">
        <v>21</v>
      </c>
      <c r="L27" s="79">
        <v>15</v>
      </c>
      <c r="M27" s="80">
        <v>6</v>
      </c>
    </row>
    <row r="28" spans="1:13">
      <c r="A28" s="15" t="s">
        <v>46</v>
      </c>
      <c r="B28" s="67">
        <v>-1</v>
      </c>
      <c r="C28" s="68">
        <v>2</v>
      </c>
      <c r="D28" s="68">
        <v>-3</v>
      </c>
      <c r="E28" s="67">
        <v>1</v>
      </c>
      <c r="F28" s="68">
        <v>1</v>
      </c>
      <c r="G28" s="69">
        <v>0</v>
      </c>
      <c r="H28" s="68">
        <v>50</v>
      </c>
      <c r="I28" s="68">
        <v>29</v>
      </c>
      <c r="J28" s="68">
        <v>21</v>
      </c>
      <c r="K28" s="67">
        <v>50</v>
      </c>
      <c r="L28" s="79">
        <v>26</v>
      </c>
      <c r="M28" s="80">
        <v>24</v>
      </c>
    </row>
    <row r="29" spans="1:13">
      <c r="A29" s="15" t="s">
        <v>48</v>
      </c>
      <c r="B29" s="67">
        <v>27</v>
      </c>
      <c r="C29" s="68">
        <v>2</v>
      </c>
      <c r="D29" s="68">
        <v>25</v>
      </c>
      <c r="E29" s="67">
        <v>0</v>
      </c>
      <c r="F29" s="68">
        <v>0</v>
      </c>
      <c r="G29" s="69">
        <v>0</v>
      </c>
      <c r="H29" s="68">
        <v>108</v>
      </c>
      <c r="I29" s="68">
        <v>49</v>
      </c>
      <c r="J29" s="68">
        <v>59</v>
      </c>
      <c r="K29" s="67">
        <v>81</v>
      </c>
      <c r="L29" s="79">
        <v>47</v>
      </c>
      <c r="M29" s="80">
        <v>34</v>
      </c>
    </row>
    <row r="30" spans="1:13" ht="21" customHeight="1">
      <c r="A30" s="36" t="s">
        <v>50</v>
      </c>
      <c r="B30" s="64">
        <v>148</v>
      </c>
      <c r="C30" s="65">
        <v>72</v>
      </c>
      <c r="D30" s="65">
        <v>76</v>
      </c>
      <c r="E30" s="64">
        <v>10</v>
      </c>
      <c r="F30" s="65">
        <v>5</v>
      </c>
      <c r="G30" s="66">
        <v>5</v>
      </c>
      <c r="H30" s="65">
        <v>1408</v>
      </c>
      <c r="I30" s="65">
        <v>730</v>
      </c>
      <c r="J30" s="65">
        <v>678</v>
      </c>
      <c r="K30" s="64">
        <v>1250</v>
      </c>
      <c r="L30" s="77">
        <v>653</v>
      </c>
      <c r="M30" s="78">
        <v>597</v>
      </c>
    </row>
    <row r="31" spans="1:13">
      <c r="A31" s="15" t="s">
        <v>52</v>
      </c>
      <c r="B31" s="67">
        <v>34</v>
      </c>
      <c r="C31" s="68">
        <v>29</v>
      </c>
      <c r="D31" s="68">
        <v>5</v>
      </c>
      <c r="E31" s="67">
        <v>3</v>
      </c>
      <c r="F31" s="68">
        <v>1</v>
      </c>
      <c r="G31" s="69">
        <v>2</v>
      </c>
      <c r="H31" s="68">
        <v>110</v>
      </c>
      <c r="I31" s="68">
        <v>65</v>
      </c>
      <c r="J31" s="68">
        <v>45</v>
      </c>
      <c r="K31" s="67">
        <v>73</v>
      </c>
      <c r="L31" s="79">
        <v>35</v>
      </c>
      <c r="M31" s="80">
        <v>38</v>
      </c>
    </row>
    <row r="32" spans="1:13">
      <c r="A32" s="15" t="s">
        <v>54</v>
      </c>
      <c r="B32" s="67">
        <v>55</v>
      </c>
      <c r="C32" s="68">
        <v>30</v>
      </c>
      <c r="D32" s="68">
        <v>25</v>
      </c>
      <c r="E32" s="67">
        <v>1</v>
      </c>
      <c r="F32" s="68">
        <v>0</v>
      </c>
      <c r="G32" s="69">
        <v>1</v>
      </c>
      <c r="H32" s="68">
        <v>190</v>
      </c>
      <c r="I32" s="68">
        <v>104</v>
      </c>
      <c r="J32" s="68">
        <v>86</v>
      </c>
      <c r="K32" s="67">
        <v>134</v>
      </c>
      <c r="L32" s="79">
        <v>74</v>
      </c>
      <c r="M32" s="80">
        <v>60</v>
      </c>
    </row>
    <row r="33" spans="1:13">
      <c r="A33" s="15" t="s">
        <v>56</v>
      </c>
      <c r="B33" s="67">
        <v>64</v>
      </c>
      <c r="C33" s="68">
        <v>23</v>
      </c>
      <c r="D33" s="68">
        <v>41</v>
      </c>
      <c r="E33" s="67">
        <v>0</v>
      </c>
      <c r="F33" s="68">
        <v>0</v>
      </c>
      <c r="G33" s="69">
        <v>0</v>
      </c>
      <c r="H33" s="68">
        <v>289</v>
      </c>
      <c r="I33" s="68">
        <v>135</v>
      </c>
      <c r="J33" s="68">
        <v>154</v>
      </c>
      <c r="K33" s="67">
        <v>225</v>
      </c>
      <c r="L33" s="79">
        <v>112</v>
      </c>
      <c r="M33" s="80">
        <v>113</v>
      </c>
    </row>
    <row r="34" spans="1:13">
      <c r="A34" s="15" t="s">
        <v>58</v>
      </c>
      <c r="B34" s="67">
        <v>39</v>
      </c>
      <c r="C34" s="68">
        <v>20</v>
      </c>
      <c r="D34" s="68">
        <v>19</v>
      </c>
      <c r="E34" s="67">
        <v>4</v>
      </c>
      <c r="F34" s="68">
        <v>3</v>
      </c>
      <c r="G34" s="69">
        <v>1</v>
      </c>
      <c r="H34" s="68">
        <v>471</v>
      </c>
      <c r="I34" s="68">
        <v>252</v>
      </c>
      <c r="J34" s="68">
        <v>219</v>
      </c>
      <c r="K34" s="67">
        <v>428</v>
      </c>
      <c r="L34" s="79">
        <v>229</v>
      </c>
      <c r="M34" s="80">
        <v>199</v>
      </c>
    </row>
    <row r="35" spans="1:13">
      <c r="A35" s="15" t="s">
        <v>60</v>
      </c>
      <c r="B35" s="67">
        <v>-44</v>
      </c>
      <c r="C35" s="68">
        <v>-30</v>
      </c>
      <c r="D35" s="68">
        <v>-14</v>
      </c>
      <c r="E35" s="67">
        <v>2</v>
      </c>
      <c r="F35" s="68">
        <v>1</v>
      </c>
      <c r="G35" s="69">
        <v>1</v>
      </c>
      <c r="H35" s="68">
        <v>348</v>
      </c>
      <c r="I35" s="68">
        <v>174</v>
      </c>
      <c r="J35" s="68">
        <v>174</v>
      </c>
      <c r="K35" s="67">
        <v>390</v>
      </c>
      <c r="L35" s="79">
        <v>203</v>
      </c>
      <c r="M35" s="80">
        <v>187</v>
      </c>
    </row>
    <row r="36" spans="1:13" ht="21" customHeight="1">
      <c r="A36" s="36" t="s">
        <v>62</v>
      </c>
      <c r="B36" s="64">
        <v>53</v>
      </c>
      <c r="C36" s="65">
        <v>50</v>
      </c>
      <c r="D36" s="65">
        <v>3</v>
      </c>
      <c r="E36" s="64">
        <v>2</v>
      </c>
      <c r="F36" s="65">
        <v>1</v>
      </c>
      <c r="G36" s="66">
        <v>1</v>
      </c>
      <c r="H36" s="65">
        <v>1974</v>
      </c>
      <c r="I36" s="65">
        <v>1012</v>
      </c>
      <c r="J36" s="65">
        <v>962</v>
      </c>
      <c r="K36" s="64">
        <v>1919</v>
      </c>
      <c r="L36" s="77">
        <v>961</v>
      </c>
      <c r="M36" s="78">
        <v>958</v>
      </c>
    </row>
    <row r="37" spans="1:13">
      <c r="A37" s="15" t="s">
        <v>64</v>
      </c>
      <c r="B37" s="67">
        <v>-19</v>
      </c>
      <c r="C37" s="68">
        <v>-4</v>
      </c>
      <c r="D37" s="68">
        <v>-15</v>
      </c>
      <c r="E37" s="67">
        <v>0</v>
      </c>
      <c r="F37" s="68">
        <v>0</v>
      </c>
      <c r="G37" s="69">
        <v>0</v>
      </c>
      <c r="H37" s="68">
        <v>418</v>
      </c>
      <c r="I37" s="68">
        <v>213</v>
      </c>
      <c r="J37" s="68">
        <v>205</v>
      </c>
      <c r="K37" s="67">
        <v>437</v>
      </c>
      <c r="L37" s="79">
        <v>217</v>
      </c>
      <c r="M37" s="80">
        <v>220</v>
      </c>
    </row>
    <row r="38" spans="1:13">
      <c r="A38" s="15" t="s">
        <v>66</v>
      </c>
      <c r="B38" s="67">
        <v>2</v>
      </c>
      <c r="C38" s="68">
        <v>-1</v>
      </c>
      <c r="D38" s="68">
        <v>3</v>
      </c>
      <c r="E38" s="67">
        <v>1</v>
      </c>
      <c r="F38" s="68">
        <v>0</v>
      </c>
      <c r="G38" s="69">
        <v>1</v>
      </c>
      <c r="H38" s="68">
        <v>414</v>
      </c>
      <c r="I38" s="68">
        <v>215</v>
      </c>
      <c r="J38" s="68">
        <v>199</v>
      </c>
      <c r="K38" s="67">
        <v>411</v>
      </c>
      <c r="L38" s="79">
        <v>216</v>
      </c>
      <c r="M38" s="80">
        <v>195</v>
      </c>
    </row>
    <row r="39" spans="1:13">
      <c r="A39" s="15" t="s">
        <v>68</v>
      </c>
      <c r="B39" s="67">
        <v>-10</v>
      </c>
      <c r="C39" s="68">
        <v>18</v>
      </c>
      <c r="D39" s="68">
        <v>-28</v>
      </c>
      <c r="E39" s="67">
        <v>0</v>
      </c>
      <c r="F39" s="68">
        <v>0</v>
      </c>
      <c r="G39" s="69">
        <v>0</v>
      </c>
      <c r="H39" s="68">
        <v>384</v>
      </c>
      <c r="I39" s="68">
        <v>206</v>
      </c>
      <c r="J39" s="68">
        <v>178</v>
      </c>
      <c r="K39" s="67">
        <v>394</v>
      </c>
      <c r="L39" s="79">
        <v>188</v>
      </c>
      <c r="M39" s="80">
        <v>206</v>
      </c>
    </row>
    <row r="40" spans="1:13">
      <c r="A40" s="15" t="s">
        <v>70</v>
      </c>
      <c r="B40" s="67">
        <v>31</v>
      </c>
      <c r="C40" s="68">
        <v>25</v>
      </c>
      <c r="D40" s="68">
        <v>6</v>
      </c>
      <c r="E40" s="67">
        <v>1</v>
      </c>
      <c r="F40" s="68">
        <v>1</v>
      </c>
      <c r="G40" s="69">
        <v>0</v>
      </c>
      <c r="H40" s="68">
        <v>382</v>
      </c>
      <c r="I40" s="68">
        <v>193</v>
      </c>
      <c r="J40" s="68">
        <v>189</v>
      </c>
      <c r="K40" s="67">
        <v>350</v>
      </c>
      <c r="L40" s="79">
        <v>167</v>
      </c>
      <c r="M40" s="80">
        <v>183</v>
      </c>
    </row>
    <row r="41" spans="1:13">
      <c r="A41" s="15" t="s">
        <v>72</v>
      </c>
      <c r="B41" s="67">
        <v>49</v>
      </c>
      <c r="C41" s="68">
        <v>12</v>
      </c>
      <c r="D41" s="68">
        <v>37</v>
      </c>
      <c r="E41" s="67">
        <v>0</v>
      </c>
      <c r="F41" s="68">
        <v>0</v>
      </c>
      <c r="G41" s="69">
        <v>0</v>
      </c>
      <c r="H41" s="68">
        <v>376</v>
      </c>
      <c r="I41" s="68">
        <v>185</v>
      </c>
      <c r="J41" s="68">
        <v>191</v>
      </c>
      <c r="K41" s="67">
        <v>327</v>
      </c>
      <c r="L41" s="79">
        <v>173</v>
      </c>
      <c r="M41" s="80">
        <v>154</v>
      </c>
    </row>
    <row r="42" spans="1:13" ht="21" customHeight="1">
      <c r="A42" s="36" t="s">
        <v>74</v>
      </c>
      <c r="B42" s="64">
        <v>7</v>
      </c>
      <c r="C42" s="65">
        <v>12</v>
      </c>
      <c r="D42" s="65">
        <v>-5</v>
      </c>
      <c r="E42" s="64">
        <v>3</v>
      </c>
      <c r="F42" s="65">
        <v>2</v>
      </c>
      <c r="G42" s="66">
        <v>1</v>
      </c>
      <c r="H42" s="65">
        <v>1358</v>
      </c>
      <c r="I42" s="65">
        <v>716</v>
      </c>
      <c r="J42" s="65">
        <v>642</v>
      </c>
      <c r="K42" s="64">
        <v>1348</v>
      </c>
      <c r="L42" s="77">
        <v>702</v>
      </c>
      <c r="M42" s="78">
        <v>646</v>
      </c>
    </row>
    <row r="43" spans="1:13">
      <c r="A43" s="15" t="s">
        <v>76</v>
      </c>
      <c r="B43" s="67">
        <v>-11</v>
      </c>
      <c r="C43" s="68">
        <v>6</v>
      </c>
      <c r="D43" s="68">
        <v>-17</v>
      </c>
      <c r="E43" s="67">
        <v>1</v>
      </c>
      <c r="F43" s="68">
        <v>0</v>
      </c>
      <c r="G43" s="69">
        <v>1</v>
      </c>
      <c r="H43" s="68">
        <v>313</v>
      </c>
      <c r="I43" s="68">
        <v>164</v>
      </c>
      <c r="J43" s="68">
        <v>149</v>
      </c>
      <c r="K43" s="67">
        <v>323</v>
      </c>
      <c r="L43" s="79">
        <v>158</v>
      </c>
      <c r="M43" s="80">
        <v>165</v>
      </c>
    </row>
    <row r="44" spans="1:13">
      <c r="A44" s="15" t="s">
        <v>78</v>
      </c>
      <c r="B44" s="67">
        <v>5</v>
      </c>
      <c r="C44" s="68">
        <v>5</v>
      </c>
      <c r="D44" s="68">
        <v>0</v>
      </c>
      <c r="E44" s="67">
        <v>0</v>
      </c>
      <c r="F44" s="68">
        <v>0</v>
      </c>
      <c r="G44" s="69">
        <v>0</v>
      </c>
      <c r="H44" s="68">
        <v>311</v>
      </c>
      <c r="I44" s="68">
        <v>158</v>
      </c>
      <c r="J44" s="68">
        <v>153</v>
      </c>
      <c r="K44" s="67">
        <v>306</v>
      </c>
      <c r="L44" s="79">
        <v>153</v>
      </c>
      <c r="M44" s="80">
        <v>153</v>
      </c>
    </row>
    <row r="45" spans="1:13">
      <c r="A45" s="15" t="s">
        <v>80</v>
      </c>
      <c r="B45" s="67">
        <v>34</v>
      </c>
      <c r="C45" s="68">
        <v>9</v>
      </c>
      <c r="D45" s="68">
        <v>25</v>
      </c>
      <c r="E45" s="67">
        <v>1</v>
      </c>
      <c r="F45" s="68">
        <v>1</v>
      </c>
      <c r="G45" s="69">
        <v>0</v>
      </c>
      <c r="H45" s="68">
        <v>293</v>
      </c>
      <c r="I45" s="68">
        <v>145</v>
      </c>
      <c r="J45" s="68">
        <v>148</v>
      </c>
      <c r="K45" s="67">
        <v>258</v>
      </c>
      <c r="L45" s="79">
        <v>135</v>
      </c>
      <c r="M45" s="80">
        <v>123</v>
      </c>
    </row>
    <row r="46" spans="1:13">
      <c r="A46" s="15" t="s">
        <v>82</v>
      </c>
      <c r="B46" s="67">
        <v>-3</v>
      </c>
      <c r="C46" s="68">
        <v>6</v>
      </c>
      <c r="D46" s="68">
        <v>-9</v>
      </c>
      <c r="E46" s="67">
        <v>1</v>
      </c>
      <c r="F46" s="68">
        <v>1</v>
      </c>
      <c r="G46" s="69">
        <v>0</v>
      </c>
      <c r="H46" s="68">
        <v>228</v>
      </c>
      <c r="I46" s="68">
        <v>135</v>
      </c>
      <c r="J46" s="68">
        <v>93</v>
      </c>
      <c r="K46" s="67">
        <v>230</v>
      </c>
      <c r="L46" s="79">
        <v>128</v>
      </c>
      <c r="M46" s="80">
        <v>102</v>
      </c>
    </row>
    <row r="47" spans="1:13">
      <c r="A47" s="15" t="s">
        <v>84</v>
      </c>
      <c r="B47" s="67">
        <v>-18</v>
      </c>
      <c r="C47" s="68">
        <v>-14</v>
      </c>
      <c r="D47" s="68">
        <v>-4</v>
      </c>
      <c r="E47" s="67">
        <v>0</v>
      </c>
      <c r="F47" s="68">
        <v>0</v>
      </c>
      <c r="G47" s="69">
        <v>0</v>
      </c>
      <c r="H47" s="68">
        <v>213</v>
      </c>
      <c r="I47" s="68">
        <v>114</v>
      </c>
      <c r="J47" s="68">
        <v>99</v>
      </c>
      <c r="K47" s="67">
        <v>231</v>
      </c>
      <c r="L47" s="79">
        <v>128</v>
      </c>
      <c r="M47" s="80">
        <v>103</v>
      </c>
    </row>
    <row r="48" spans="1:13" ht="21" customHeight="1">
      <c r="A48" s="36" t="s">
        <v>86</v>
      </c>
      <c r="B48" s="64">
        <v>10</v>
      </c>
      <c r="C48" s="65">
        <v>-5</v>
      </c>
      <c r="D48" s="65">
        <v>15</v>
      </c>
      <c r="E48" s="64">
        <v>9</v>
      </c>
      <c r="F48" s="65">
        <v>4</v>
      </c>
      <c r="G48" s="66">
        <v>5</v>
      </c>
      <c r="H48" s="65">
        <v>884</v>
      </c>
      <c r="I48" s="65">
        <v>478</v>
      </c>
      <c r="J48" s="65">
        <v>406</v>
      </c>
      <c r="K48" s="64">
        <v>865</v>
      </c>
      <c r="L48" s="77">
        <v>479</v>
      </c>
      <c r="M48" s="78">
        <v>386</v>
      </c>
    </row>
    <row r="49" spans="1:13">
      <c r="A49" s="15" t="s">
        <v>88</v>
      </c>
      <c r="B49" s="67">
        <v>11</v>
      </c>
      <c r="C49" s="68">
        <v>6</v>
      </c>
      <c r="D49" s="68">
        <v>5</v>
      </c>
      <c r="E49" s="67">
        <v>2</v>
      </c>
      <c r="F49" s="68">
        <v>1</v>
      </c>
      <c r="G49" s="69">
        <v>1</v>
      </c>
      <c r="H49" s="68">
        <v>228</v>
      </c>
      <c r="I49" s="68">
        <v>122</v>
      </c>
      <c r="J49" s="68">
        <v>106</v>
      </c>
      <c r="K49" s="67">
        <v>215</v>
      </c>
      <c r="L49" s="79">
        <v>115</v>
      </c>
      <c r="M49" s="80">
        <v>100</v>
      </c>
    </row>
    <row r="50" spans="1:13">
      <c r="A50" s="15" t="s">
        <v>90</v>
      </c>
      <c r="B50" s="67">
        <v>-5</v>
      </c>
      <c r="C50" s="68">
        <v>0</v>
      </c>
      <c r="D50" s="68">
        <v>-5</v>
      </c>
      <c r="E50" s="67">
        <v>1</v>
      </c>
      <c r="F50" s="68">
        <v>1</v>
      </c>
      <c r="G50" s="69">
        <v>0</v>
      </c>
      <c r="H50" s="68">
        <v>167</v>
      </c>
      <c r="I50" s="68">
        <v>86</v>
      </c>
      <c r="J50" s="68">
        <v>81</v>
      </c>
      <c r="K50" s="67">
        <v>171</v>
      </c>
      <c r="L50" s="79">
        <v>85</v>
      </c>
      <c r="M50" s="80">
        <v>86</v>
      </c>
    </row>
    <row r="51" spans="1:13">
      <c r="A51" s="15" t="s">
        <v>92</v>
      </c>
      <c r="B51" s="67">
        <v>18</v>
      </c>
      <c r="C51" s="68">
        <v>-9</v>
      </c>
      <c r="D51" s="68">
        <v>27</v>
      </c>
      <c r="E51" s="67">
        <v>0</v>
      </c>
      <c r="F51" s="68">
        <v>0</v>
      </c>
      <c r="G51" s="69">
        <v>0</v>
      </c>
      <c r="H51" s="68">
        <v>162</v>
      </c>
      <c r="I51" s="68">
        <v>84</v>
      </c>
      <c r="J51" s="68">
        <v>78</v>
      </c>
      <c r="K51" s="67">
        <v>144</v>
      </c>
      <c r="L51" s="79">
        <v>93</v>
      </c>
      <c r="M51" s="80">
        <v>51</v>
      </c>
    </row>
    <row r="52" spans="1:13">
      <c r="A52" s="15" t="s">
        <v>94</v>
      </c>
      <c r="B52" s="67">
        <v>15</v>
      </c>
      <c r="C52" s="68">
        <v>7</v>
      </c>
      <c r="D52" s="68">
        <v>8</v>
      </c>
      <c r="E52" s="67">
        <v>5</v>
      </c>
      <c r="F52" s="68">
        <v>2</v>
      </c>
      <c r="G52" s="69">
        <v>3</v>
      </c>
      <c r="H52" s="68">
        <v>184</v>
      </c>
      <c r="I52" s="68">
        <v>100</v>
      </c>
      <c r="J52" s="68">
        <v>84</v>
      </c>
      <c r="K52" s="67">
        <v>164</v>
      </c>
      <c r="L52" s="79">
        <v>91</v>
      </c>
      <c r="M52" s="80">
        <v>73</v>
      </c>
    </row>
    <row r="53" spans="1:13">
      <c r="A53" s="15" t="s">
        <v>96</v>
      </c>
      <c r="B53" s="67">
        <v>-29</v>
      </c>
      <c r="C53" s="68">
        <v>-9</v>
      </c>
      <c r="D53" s="68">
        <v>-20</v>
      </c>
      <c r="E53" s="67">
        <v>1</v>
      </c>
      <c r="F53" s="68">
        <v>0</v>
      </c>
      <c r="G53" s="69">
        <v>1</v>
      </c>
      <c r="H53" s="68">
        <v>143</v>
      </c>
      <c r="I53" s="68">
        <v>86</v>
      </c>
      <c r="J53" s="68">
        <v>57</v>
      </c>
      <c r="K53" s="67">
        <v>171</v>
      </c>
      <c r="L53" s="79">
        <v>95</v>
      </c>
      <c r="M53" s="80">
        <v>76</v>
      </c>
    </row>
    <row r="54" spans="1:13" ht="21" customHeight="1">
      <c r="A54" s="36" t="s">
        <v>98</v>
      </c>
      <c r="B54" s="64">
        <v>-11</v>
      </c>
      <c r="C54" s="65">
        <v>-5</v>
      </c>
      <c r="D54" s="65">
        <v>-6</v>
      </c>
      <c r="E54" s="64">
        <v>13</v>
      </c>
      <c r="F54" s="65">
        <v>4</v>
      </c>
      <c r="G54" s="66">
        <v>9</v>
      </c>
      <c r="H54" s="65">
        <v>513</v>
      </c>
      <c r="I54" s="65">
        <v>305</v>
      </c>
      <c r="J54" s="65">
        <v>208</v>
      </c>
      <c r="K54" s="64">
        <v>511</v>
      </c>
      <c r="L54" s="77">
        <v>306</v>
      </c>
      <c r="M54" s="78">
        <v>205</v>
      </c>
    </row>
    <row r="55" spans="1:13">
      <c r="A55" s="15" t="s">
        <v>100</v>
      </c>
      <c r="B55" s="67">
        <v>2</v>
      </c>
      <c r="C55" s="68">
        <v>-5</v>
      </c>
      <c r="D55" s="68">
        <v>7</v>
      </c>
      <c r="E55" s="67">
        <v>4</v>
      </c>
      <c r="F55" s="68">
        <v>1</v>
      </c>
      <c r="G55" s="69">
        <v>3</v>
      </c>
      <c r="H55" s="68">
        <v>117</v>
      </c>
      <c r="I55" s="68">
        <v>64</v>
      </c>
      <c r="J55" s="68">
        <v>53</v>
      </c>
      <c r="K55" s="67">
        <v>111</v>
      </c>
      <c r="L55" s="79">
        <v>68</v>
      </c>
      <c r="M55" s="80">
        <v>43</v>
      </c>
    </row>
    <row r="56" spans="1:13">
      <c r="A56" s="15" t="s">
        <v>102</v>
      </c>
      <c r="B56" s="67">
        <v>-29</v>
      </c>
      <c r="C56" s="68">
        <v>-21</v>
      </c>
      <c r="D56" s="68">
        <v>-8</v>
      </c>
      <c r="E56" s="67">
        <v>1</v>
      </c>
      <c r="F56" s="68">
        <v>1</v>
      </c>
      <c r="G56" s="69">
        <v>0</v>
      </c>
      <c r="H56" s="68">
        <v>89</v>
      </c>
      <c r="I56" s="68">
        <v>53</v>
      </c>
      <c r="J56" s="68">
        <v>36</v>
      </c>
      <c r="K56" s="67">
        <v>117</v>
      </c>
      <c r="L56" s="79">
        <v>73</v>
      </c>
      <c r="M56" s="80">
        <v>44</v>
      </c>
    </row>
    <row r="57" spans="1:13">
      <c r="A57" s="15" t="s">
        <v>104</v>
      </c>
      <c r="B57" s="67">
        <v>7</v>
      </c>
      <c r="C57" s="68">
        <v>5</v>
      </c>
      <c r="D57" s="68">
        <v>2</v>
      </c>
      <c r="E57" s="67">
        <v>6</v>
      </c>
      <c r="F57" s="68">
        <v>2</v>
      </c>
      <c r="G57" s="69">
        <v>4</v>
      </c>
      <c r="H57" s="68">
        <v>120</v>
      </c>
      <c r="I57" s="68">
        <v>71</v>
      </c>
      <c r="J57" s="68">
        <v>49</v>
      </c>
      <c r="K57" s="67">
        <v>107</v>
      </c>
      <c r="L57" s="79">
        <v>64</v>
      </c>
      <c r="M57" s="80">
        <v>43</v>
      </c>
    </row>
    <row r="58" spans="1:13">
      <c r="A58" s="15" t="s">
        <v>106</v>
      </c>
      <c r="B58" s="67">
        <v>-7</v>
      </c>
      <c r="C58" s="68">
        <v>0</v>
      </c>
      <c r="D58" s="68">
        <v>-7</v>
      </c>
      <c r="E58" s="67">
        <v>2</v>
      </c>
      <c r="F58" s="68">
        <v>0</v>
      </c>
      <c r="G58" s="69">
        <v>2</v>
      </c>
      <c r="H58" s="68">
        <v>85</v>
      </c>
      <c r="I58" s="68">
        <v>52</v>
      </c>
      <c r="J58" s="68">
        <v>33</v>
      </c>
      <c r="K58" s="67">
        <v>90</v>
      </c>
      <c r="L58" s="79">
        <v>52</v>
      </c>
      <c r="M58" s="80">
        <v>38</v>
      </c>
    </row>
    <row r="59" spans="1:13">
      <c r="A59" s="15" t="s">
        <v>108</v>
      </c>
      <c r="B59" s="67">
        <v>16</v>
      </c>
      <c r="C59" s="68">
        <v>16</v>
      </c>
      <c r="D59" s="68">
        <v>0</v>
      </c>
      <c r="E59" s="67">
        <v>0</v>
      </c>
      <c r="F59" s="68">
        <v>0</v>
      </c>
      <c r="G59" s="69">
        <v>0</v>
      </c>
      <c r="H59" s="68">
        <v>102</v>
      </c>
      <c r="I59" s="68">
        <v>65</v>
      </c>
      <c r="J59" s="68">
        <v>37</v>
      </c>
      <c r="K59" s="67">
        <v>86</v>
      </c>
      <c r="L59" s="79">
        <v>49</v>
      </c>
      <c r="M59" s="80">
        <v>37</v>
      </c>
    </row>
    <row r="60" spans="1:13" ht="21" customHeight="1">
      <c r="A60" s="36" t="s">
        <v>110</v>
      </c>
      <c r="B60" s="64">
        <v>-38</v>
      </c>
      <c r="C60" s="65">
        <v>-20</v>
      </c>
      <c r="D60" s="65">
        <v>-18</v>
      </c>
      <c r="E60" s="64">
        <v>17</v>
      </c>
      <c r="F60" s="65">
        <v>9</v>
      </c>
      <c r="G60" s="66">
        <v>8</v>
      </c>
      <c r="H60" s="65">
        <v>404</v>
      </c>
      <c r="I60" s="65">
        <v>208</v>
      </c>
      <c r="J60" s="65">
        <v>196</v>
      </c>
      <c r="K60" s="64">
        <v>425</v>
      </c>
      <c r="L60" s="77">
        <v>219</v>
      </c>
      <c r="M60" s="78">
        <v>206</v>
      </c>
    </row>
    <row r="61" spans="1:13">
      <c r="A61" s="15" t="s">
        <v>112</v>
      </c>
      <c r="B61" s="67">
        <v>-10</v>
      </c>
      <c r="C61" s="68">
        <v>-4</v>
      </c>
      <c r="D61" s="68">
        <v>-6</v>
      </c>
      <c r="E61" s="67">
        <v>4</v>
      </c>
      <c r="F61" s="68">
        <v>2</v>
      </c>
      <c r="G61" s="69">
        <v>2</v>
      </c>
      <c r="H61" s="68">
        <v>77</v>
      </c>
      <c r="I61" s="68">
        <v>42</v>
      </c>
      <c r="J61" s="68">
        <v>35</v>
      </c>
      <c r="K61" s="67">
        <v>83</v>
      </c>
      <c r="L61" s="79">
        <v>44</v>
      </c>
      <c r="M61" s="80">
        <v>39</v>
      </c>
    </row>
    <row r="62" spans="1:13">
      <c r="A62" s="15" t="s">
        <v>114</v>
      </c>
      <c r="B62" s="67">
        <v>-11</v>
      </c>
      <c r="C62" s="68">
        <v>-10</v>
      </c>
      <c r="D62" s="68">
        <v>-1</v>
      </c>
      <c r="E62" s="67">
        <v>1</v>
      </c>
      <c r="F62" s="68">
        <v>1</v>
      </c>
      <c r="G62" s="69">
        <v>0</v>
      </c>
      <c r="H62" s="68">
        <v>71</v>
      </c>
      <c r="I62" s="68">
        <v>33</v>
      </c>
      <c r="J62" s="68">
        <v>38</v>
      </c>
      <c r="K62" s="67">
        <v>81</v>
      </c>
      <c r="L62" s="79">
        <v>42</v>
      </c>
      <c r="M62" s="80">
        <v>39</v>
      </c>
    </row>
    <row r="63" spans="1:13">
      <c r="A63" s="15" t="s">
        <v>116</v>
      </c>
      <c r="B63" s="67">
        <v>23</v>
      </c>
      <c r="C63" s="68">
        <v>18</v>
      </c>
      <c r="D63" s="68">
        <v>5</v>
      </c>
      <c r="E63" s="67">
        <v>3</v>
      </c>
      <c r="F63" s="68">
        <v>1</v>
      </c>
      <c r="G63" s="69">
        <v>2</v>
      </c>
      <c r="H63" s="68">
        <v>96</v>
      </c>
      <c r="I63" s="68">
        <v>48</v>
      </c>
      <c r="J63" s="68">
        <v>48</v>
      </c>
      <c r="K63" s="67">
        <v>70</v>
      </c>
      <c r="L63" s="79">
        <v>29</v>
      </c>
      <c r="M63" s="80">
        <v>41</v>
      </c>
    </row>
    <row r="64" spans="1:13">
      <c r="A64" s="15" t="s">
        <v>118</v>
      </c>
      <c r="B64" s="67">
        <v>-14</v>
      </c>
      <c r="C64" s="68">
        <v>3</v>
      </c>
      <c r="D64" s="68">
        <v>-17</v>
      </c>
      <c r="E64" s="67">
        <v>4</v>
      </c>
      <c r="F64" s="68">
        <v>3</v>
      </c>
      <c r="G64" s="69">
        <v>1</v>
      </c>
      <c r="H64" s="68">
        <v>81</v>
      </c>
      <c r="I64" s="68">
        <v>49</v>
      </c>
      <c r="J64" s="68">
        <v>32</v>
      </c>
      <c r="K64" s="67">
        <v>91</v>
      </c>
      <c r="L64" s="79">
        <v>43</v>
      </c>
      <c r="M64" s="80">
        <v>48</v>
      </c>
    </row>
    <row r="65" spans="1:13">
      <c r="A65" s="19" t="s">
        <v>120</v>
      </c>
      <c r="B65" s="70">
        <v>-26</v>
      </c>
      <c r="C65" s="71">
        <v>-27</v>
      </c>
      <c r="D65" s="71">
        <v>1</v>
      </c>
      <c r="E65" s="70">
        <v>5</v>
      </c>
      <c r="F65" s="71">
        <v>2</v>
      </c>
      <c r="G65" s="72">
        <v>3</v>
      </c>
      <c r="H65" s="71">
        <v>79</v>
      </c>
      <c r="I65" s="71">
        <v>36</v>
      </c>
      <c r="J65" s="71">
        <v>43</v>
      </c>
      <c r="K65" s="70">
        <v>100</v>
      </c>
      <c r="L65" s="81">
        <v>61</v>
      </c>
      <c r="M65" s="82">
        <v>39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174</v>
      </c>
      <c r="C69" s="50">
        <v>575</v>
      </c>
      <c r="D69" s="84">
        <v>599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1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48</v>
      </c>
      <c r="C75" s="65">
        <v>-32</v>
      </c>
      <c r="D75" s="65">
        <v>-16</v>
      </c>
      <c r="E75" s="64">
        <v>29</v>
      </c>
      <c r="F75" s="65">
        <v>15</v>
      </c>
      <c r="G75" s="66">
        <v>14</v>
      </c>
      <c r="H75" s="65">
        <v>408</v>
      </c>
      <c r="I75" s="65">
        <v>226</v>
      </c>
      <c r="J75" s="65">
        <v>182</v>
      </c>
      <c r="K75" s="64">
        <v>427</v>
      </c>
      <c r="L75" s="77">
        <v>243</v>
      </c>
      <c r="M75" s="78">
        <v>184</v>
      </c>
    </row>
    <row r="76" spans="1:13">
      <c r="A76" s="27" t="s">
        <v>5</v>
      </c>
      <c r="B76" s="67">
        <v>-5</v>
      </c>
      <c r="C76" s="68">
        <v>6</v>
      </c>
      <c r="D76" s="68">
        <v>-11</v>
      </c>
      <c r="E76" s="67">
        <v>3</v>
      </c>
      <c r="F76" s="68">
        <v>1</v>
      </c>
      <c r="G76" s="69">
        <v>2</v>
      </c>
      <c r="H76" s="68">
        <v>80</v>
      </c>
      <c r="I76" s="68">
        <v>51</v>
      </c>
      <c r="J76" s="68">
        <v>29</v>
      </c>
      <c r="K76" s="67">
        <v>82</v>
      </c>
      <c r="L76" s="79">
        <v>44</v>
      </c>
      <c r="M76" s="80">
        <v>38</v>
      </c>
    </row>
    <row r="77" spans="1:13">
      <c r="A77" s="27" t="s">
        <v>7</v>
      </c>
      <c r="B77" s="67">
        <v>-13</v>
      </c>
      <c r="C77" s="68">
        <v>-8</v>
      </c>
      <c r="D77" s="68">
        <v>-5</v>
      </c>
      <c r="E77" s="67">
        <v>4</v>
      </c>
      <c r="F77" s="68">
        <v>2</v>
      </c>
      <c r="G77" s="69">
        <v>2</v>
      </c>
      <c r="H77" s="68">
        <v>91</v>
      </c>
      <c r="I77" s="68">
        <v>54</v>
      </c>
      <c r="J77" s="68">
        <v>37</v>
      </c>
      <c r="K77" s="67">
        <v>100</v>
      </c>
      <c r="L77" s="79">
        <v>60</v>
      </c>
      <c r="M77" s="80">
        <v>40</v>
      </c>
    </row>
    <row r="78" spans="1:13">
      <c r="A78" s="27" t="s">
        <v>9</v>
      </c>
      <c r="B78" s="67">
        <v>-1</v>
      </c>
      <c r="C78" s="68">
        <v>-10</v>
      </c>
      <c r="D78" s="68">
        <v>9</v>
      </c>
      <c r="E78" s="67">
        <v>1</v>
      </c>
      <c r="F78" s="68">
        <v>1</v>
      </c>
      <c r="G78" s="69">
        <v>0</v>
      </c>
      <c r="H78" s="68">
        <v>79</v>
      </c>
      <c r="I78" s="68">
        <v>36</v>
      </c>
      <c r="J78" s="68">
        <v>43</v>
      </c>
      <c r="K78" s="67">
        <v>79</v>
      </c>
      <c r="L78" s="79">
        <v>45</v>
      </c>
      <c r="M78" s="80">
        <v>34</v>
      </c>
    </row>
    <row r="79" spans="1:13">
      <c r="A79" s="27" t="s">
        <v>11</v>
      </c>
      <c r="B79" s="67">
        <v>-20</v>
      </c>
      <c r="C79" s="68">
        <v>-4</v>
      </c>
      <c r="D79" s="68">
        <v>-16</v>
      </c>
      <c r="E79" s="67">
        <v>13</v>
      </c>
      <c r="F79" s="68">
        <v>7</v>
      </c>
      <c r="G79" s="69">
        <v>6</v>
      </c>
      <c r="H79" s="68">
        <v>77</v>
      </c>
      <c r="I79" s="68">
        <v>47</v>
      </c>
      <c r="J79" s="68">
        <v>30</v>
      </c>
      <c r="K79" s="67">
        <v>84</v>
      </c>
      <c r="L79" s="79">
        <v>44</v>
      </c>
      <c r="M79" s="80">
        <v>40</v>
      </c>
    </row>
    <row r="80" spans="1:13">
      <c r="A80" s="27" t="s">
        <v>13</v>
      </c>
      <c r="B80" s="67">
        <v>-9</v>
      </c>
      <c r="C80" s="68">
        <v>-16</v>
      </c>
      <c r="D80" s="68">
        <v>7</v>
      </c>
      <c r="E80" s="67">
        <v>8</v>
      </c>
      <c r="F80" s="68">
        <v>4</v>
      </c>
      <c r="G80" s="69">
        <v>4</v>
      </c>
      <c r="H80" s="68">
        <v>81</v>
      </c>
      <c r="I80" s="68">
        <v>38</v>
      </c>
      <c r="J80" s="68">
        <v>43</v>
      </c>
      <c r="K80" s="67">
        <v>82</v>
      </c>
      <c r="L80" s="79">
        <v>50</v>
      </c>
      <c r="M80" s="80">
        <v>32</v>
      </c>
    </row>
    <row r="81" spans="1:13" ht="21" customHeight="1">
      <c r="A81" s="38" t="s">
        <v>15</v>
      </c>
      <c r="B81" s="64">
        <v>-109</v>
      </c>
      <c r="C81" s="65">
        <v>-89</v>
      </c>
      <c r="D81" s="65">
        <v>-20</v>
      </c>
      <c r="E81" s="64">
        <v>40</v>
      </c>
      <c r="F81" s="65">
        <v>28</v>
      </c>
      <c r="G81" s="66">
        <v>12</v>
      </c>
      <c r="H81" s="65">
        <v>278</v>
      </c>
      <c r="I81" s="65">
        <v>138</v>
      </c>
      <c r="J81" s="65">
        <v>140</v>
      </c>
      <c r="K81" s="64">
        <v>347</v>
      </c>
      <c r="L81" s="77">
        <v>199</v>
      </c>
      <c r="M81" s="78">
        <v>148</v>
      </c>
    </row>
    <row r="82" spans="1:13">
      <c r="A82" s="27" t="s">
        <v>17</v>
      </c>
      <c r="B82" s="67">
        <v>-27</v>
      </c>
      <c r="C82" s="68">
        <v>-19</v>
      </c>
      <c r="D82" s="68">
        <v>-8</v>
      </c>
      <c r="E82" s="67">
        <v>10</v>
      </c>
      <c r="F82" s="68">
        <v>6</v>
      </c>
      <c r="G82" s="69">
        <v>4</v>
      </c>
      <c r="H82" s="68">
        <v>63</v>
      </c>
      <c r="I82" s="68">
        <v>30</v>
      </c>
      <c r="J82" s="68">
        <v>33</v>
      </c>
      <c r="K82" s="67">
        <v>80</v>
      </c>
      <c r="L82" s="79">
        <v>43</v>
      </c>
      <c r="M82" s="80">
        <v>37</v>
      </c>
    </row>
    <row r="83" spans="1:13">
      <c r="A83" s="27" t="s">
        <v>19</v>
      </c>
      <c r="B83" s="67">
        <v>-7</v>
      </c>
      <c r="C83" s="68">
        <v>-9</v>
      </c>
      <c r="D83" s="68">
        <v>2</v>
      </c>
      <c r="E83" s="67">
        <v>5</v>
      </c>
      <c r="F83" s="68">
        <v>4</v>
      </c>
      <c r="G83" s="69">
        <v>1</v>
      </c>
      <c r="H83" s="68">
        <v>51</v>
      </c>
      <c r="I83" s="68">
        <v>31</v>
      </c>
      <c r="J83" s="68">
        <v>20</v>
      </c>
      <c r="K83" s="67">
        <v>53</v>
      </c>
      <c r="L83" s="79">
        <v>36</v>
      </c>
      <c r="M83" s="80">
        <v>17</v>
      </c>
    </row>
    <row r="84" spans="1:13">
      <c r="A84" s="27" t="s">
        <v>21</v>
      </c>
      <c r="B84" s="67">
        <v>-33</v>
      </c>
      <c r="C84" s="68">
        <v>-28</v>
      </c>
      <c r="D84" s="68">
        <v>-5</v>
      </c>
      <c r="E84" s="67">
        <v>9</v>
      </c>
      <c r="F84" s="68">
        <v>7</v>
      </c>
      <c r="G84" s="69">
        <v>2</v>
      </c>
      <c r="H84" s="68">
        <v>61</v>
      </c>
      <c r="I84" s="68">
        <v>29</v>
      </c>
      <c r="J84" s="68">
        <v>32</v>
      </c>
      <c r="K84" s="67">
        <v>85</v>
      </c>
      <c r="L84" s="79">
        <v>50</v>
      </c>
      <c r="M84" s="80">
        <v>35</v>
      </c>
    </row>
    <row r="85" spans="1:13">
      <c r="A85" s="27" t="s">
        <v>23</v>
      </c>
      <c r="B85" s="67">
        <v>-16</v>
      </c>
      <c r="C85" s="68">
        <v>-10</v>
      </c>
      <c r="D85" s="68">
        <v>-6</v>
      </c>
      <c r="E85" s="67">
        <v>8</v>
      </c>
      <c r="F85" s="68">
        <v>6</v>
      </c>
      <c r="G85" s="69">
        <v>2</v>
      </c>
      <c r="H85" s="68">
        <v>61</v>
      </c>
      <c r="I85" s="68">
        <v>30</v>
      </c>
      <c r="J85" s="68">
        <v>31</v>
      </c>
      <c r="K85" s="67">
        <v>69</v>
      </c>
      <c r="L85" s="79">
        <v>34</v>
      </c>
      <c r="M85" s="80">
        <v>35</v>
      </c>
    </row>
    <row r="86" spans="1:13">
      <c r="A86" s="27" t="s">
        <v>25</v>
      </c>
      <c r="B86" s="67">
        <v>-26</v>
      </c>
      <c r="C86" s="68">
        <v>-23</v>
      </c>
      <c r="D86" s="68">
        <v>-3</v>
      </c>
      <c r="E86" s="67">
        <v>8</v>
      </c>
      <c r="F86" s="68">
        <v>5</v>
      </c>
      <c r="G86" s="69">
        <v>3</v>
      </c>
      <c r="H86" s="68">
        <v>42</v>
      </c>
      <c r="I86" s="68">
        <v>18</v>
      </c>
      <c r="J86" s="68">
        <v>24</v>
      </c>
      <c r="K86" s="67">
        <v>60</v>
      </c>
      <c r="L86" s="79">
        <v>36</v>
      </c>
      <c r="M86" s="80">
        <v>24</v>
      </c>
    </row>
    <row r="87" spans="1:13" ht="21" customHeight="1">
      <c r="A87" s="38" t="s">
        <v>27</v>
      </c>
      <c r="B87" s="64">
        <v>-98</v>
      </c>
      <c r="C87" s="65">
        <v>-60</v>
      </c>
      <c r="D87" s="65">
        <v>-38</v>
      </c>
      <c r="E87" s="64">
        <v>47</v>
      </c>
      <c r="F87" s="65">
        <v>34</v>
      </c>
      <c r="G87" s="66">
        <v>13</v>
      </c>
      <c r="H87" s="65">
        <v>169</v>
      </c>
      <c r="I87" s="65">
        <v>89</v>
      </c>
      <c r="J87" s="65">
        <v>80</v>
      </c>
      <c r="K87" s="64">
        <v>220</v>
      </c>
      <c r="L87" s="77">
        <v>115</v>
      </c>
      <c r="M87" s="78">
        <v>105</v>
      </c>
    </row>
    <row r="88" spans="1:13">
      <c r="A88" s="27" t="s">
        <v>29</v>
      </c>
      <c r="B88" s="67">
        <v>-25</v>
      </c>
      <c r="C88" s="68">
        <v>-14</v>
      </c>
      <c r="D88" s="68">
        <v>-11</v>
      </c>
      <c r="E88" s="67">
        <v>12</v>
      </c>
      <c r="F88" s="68">
        <v>9</v>
      </c>
      <c r="G88" s="69">
        <v>3</v>
      </c>
      <c r="H88" s="68">
        <v>44</v>
      </c>
      <c r="I88" s="68">
        <v>23</v>
      </c>
      <c r="J88" s="68">
        <v>21</v>
      </c>
      <c r="K88" s="67">
        <v>57</v>
      </c>
      <c r="L88" s="79">
        <v>28</v>
      </c>
      <c r="M88" s="80">
        <v>29</v>
      </c>
    </row>
    <row r="89" spans="1:13">
      <c r="A89" s="27" t="s">
        <v>31</v>
      </c>
      <c r="B89" s="67">
        <v>-21</v>
      </c>
      <c r="C89" s="68">
        <v>-19</v>
      </c>
      <c r="D89" s="68">
        <v>-2</v>
      </c>
      <c r="E89" s="67">
        <v>7</v>
      </c>
      <c r="F89" s="68">
        <v>5</v>
      </c>
      <c r="G89" s="69">
        <v>2</v>
      </c>
      <c r="H89" s="68">
        <v>41</v>
      </c>
      <c r="I89" s="68">
        <v>23</v>
      </c>
      <c r="J89" s="68">
        <v>18</v>
      </c>
      <c r="K89" s="67">
        <v>55</v>
      </c>
      <c r="L89" s="79">
        <v>37</v>
      </c>
      <c r="M89" s="80">
        <v>18</v>
      </c>
    </row>
    <row r="90" spans="1:13">
      <c r="A90" s="27" t="s">
        <v>33</v>
      </c>
      <c r="B90" s="67">
        <v>-13</v>
      </c>
      <c r="C90" s="68">
        <v>-5</v>
      </c>
      <c r="D90" s="68">
        <v>-8</v>
      </c>
      <c r="E90" s="67">
        <v>9</v>
      </c>
      <c r="F90" s="68">
        <v>5</v>
      </c>
      <c r="G90" s="69">
        <v>4</v>
      </c>
      <c r="H90" s="68">
        <v>34</v>
      </c>
      <c r="I90" s="68">
        <v>15</v>
      </c>
      <c r="J90" s="68">
        <v>19</v>
      </c>
      <c r="K90" s="67">
        <v>38</v>
      </c>
      <c r="L90" s="79">
        <v>15</v>
      </c>
      <c r="M90" s="80">
        <v>23</v>
      </c>
    </row>
    <row r="91" spans="1:13">
      <c r="A91" s="27" t="s">
        <v>35</v>
      </c>
      <c r="B91" s="67">
        <v>-11</v>
      </c>
      <c r="C91" s="68">
        <v>-7</v>
      </c>
      <c r="D91" s="68">
        <v>-4</v>
      </c>
      <c r="E91" s="67">
        <v>11</v>
      </c>
      <c r="F91" s="68">
        <v>8</v>
      </c>
      <c r="G91" s="69">
        <v>3</v>
      </c>
      <c r="H91" s="68">
        <v>27</v>
      </c>
      <c r="I91" s="68">
        <v>15</v>
      </c>
      <c r="J91" s="68">
        <v>12</v>
      </c>
      <c r="K91" s="67">
        <v>27</v>
      </c>
      <c r="L91" s="79">
        <v>14</v>
      </c>
      <c r="M91" s="80">
        <v>13</v>
      </c>
    </row>
    <row r="92" spans="1:13">
      <c r="A92" s="27" t="s">
        <v>37</v>
      </c>
      <c r="B92" s="67">
        <v>-28</v>
      </c>
      <c r="C92" s="68">
        <v>-15</v>
      </c>
      <c r="D92" s="68">
        <v>-13</v>
      </c>
      <c r="E92" s="67">
        <v>8</v>
      </c>
      <c r="F92" s="68">
        <v>7</v>
      </c>
      <c r="G92" s="69">
        <v>1</v>
      </c>
      <c r="H92" s="68">
        <v>23</v>
      </c>
      <c r="I92" s="68">
        <v>13</v>
      </c>
      <c r="J92" s="68">
        <v>10</v>
      </c>
      <c r="K92" s="67">
        <v>43</v>
      </c>
      <c r="L92" s="79">
        <v>21</v>
      </c>
      <c r="M92" s="80">
        <v>22</v>
      </c>
    </row>
    <row r="93" spans="1:13" ht="21" customHeight="1">
      <c r="A93" s="38" t="s">
        <v>39</v>
      </c>
      <c r="B93" s="64">
        <v>-79</v>
      </c>
      <c r="C93" s="65">
        <v>-62</v>
      </c>
      <c r="D93" s="65">
        <v>-17</v>
      </c>
      <c r="E93" s="64">
        <v>75</v>
      </c>
      <c r="F93" s="65">
        <v>52</v>
      </c>
      <c r="G93" s="66">
        <v>23</v>
      </c>
      <c r="H93" s="65">
        <v>153</v>
      </c>
      <c r="I93" s="65">
        <v>73</v>
      </c>
      <c r="J93" s="65">
        <v>80</v>
      </c>
      <c r="K93" s="64">
        <v>157</v>
      </c>
      <c r="L93" s="77">
        <v>83</v>
      </c>
      <c r="M93" s="78">
        <v>74</v>
      </c>
    </row>
    <row r="94" spans="1:13">
      <c r="A94" s="27" t="s">
        <v>41</v>
      </c>
      <c r="B94" s="67">
        <v>-19</v>
      </c>
      <c r="C94" s="68">
        <v>-17</v>
      </c>
      <c r="D94" s="68">
        <v>-2</v>
      </c>
      <c r="E94" s="67">
        <v>8</v>
      </c>
      <c r="F94" s="68">
        <v>8</v>
      </c>
      <c r="G94" s="69">
        <v>0</v>
      </c>
      <c r="H94" s="68">
        <v>27</v>
      </c>
      <c r="I94" s="68">
        <v>11</v>
      </c>
      <c r="J94" s="68">
        <v>16</v>
      </c>
      <c r="K94" s="67">
        <v>38</v>
      </c>
      <c r="L94" s="79">
        <v>20</v>
      </c>
      <c r="M94" s="80">
        <v>18</v>
      </c>
    </row>
    <row r="95" spans="1:13">
      <c r="A95" s="27" t="s">
        <v>43</v>
      </c>
      <c r="B95" s="67">
        <v>-11</v>
      </c>
      <c r="C95" s="68">
        <v>-8</v>
      </c>
      <c r="D95" s="68">
        <v>-3</v>
      </c>
      <c r="E95" s="67">
        <v>15</v>
      </c>
      <c r="F95" s="68">
        <v>9</v>
      </c>
      <c r="G95" s="69">
        <v>6</v>
      </c>
      <c r="H95" s="68">
        <v>31</v>
      </c>
      <c r="I95" s="68">
        <v>15</v>
      </c>
      <c r="J95" s="68">
        <v>16</v>
      </c>
      <c r="K95" s="67">
        <v>27</v>
      </c>
      <c r="L95" s="79">
        <v>14</v>
      </c>
      <c r="M95" s="80">
        <v>13</v>
      </c>
    </row>
    <row r="96" spans="1:13">
      <c r="A96" s="27" t="s">
        <v>45</v>
      </c>
      <c r="B96" s="67">
        <v>-18</v>
      </c>
      <c r="C96" s="68">
        <v>-13</v>
      </c>
      <c r="D96" s="68">
        <v>-5</v>
      </c>
      <c r="E96" s="67">
        <v>18</v>
      </c>
      <c r="F96" s="68">
        <v>11</v>
      </c>
      <c r="G96" s="69">
        <v>7</v>
      </c>
      <c r="H96" s="68">
        <v>33</v>
      </c>
      <c r="I96" s="68">
        <v>16</v>
      </c>
      <c r="J96" s="68">
        <v>17</v>
      </c>
      <c r="K96" s="67">
        <v>33</v>
      </c>
      <c r="L96" s="79">
        <v>18</v>
      </c>
      <c r="M96" s="80">
        <v>15</v>
      </c>
    </row>
    <row r="97" spans="1:13">
      <c r="A97" s="27" t="s">
        <v>47</v>
      </c>
      <c r="B97" s="67">
        <v>-14</v>
      </c>
      <c r="C97" s="68">
        <v>-10</v>
      </c>
      <c r="D97" s="68">
        <v>-4</v>
      </c>
      <c r="E97" s="67">
        <v>16</v>
      </c>
      <c r="F97" s="68">
        <v>10</v>
      </c>
      <c r="G97" s="69">
        <v>6</v>
      </c>
      <c r="H97" s="68">
        <v>40</v>
      </c>
      <c r="I97" s="68">
        <v>21</v>
      </c>
      <c r="J97" s="68">
        <v>19</v>
      </c>
      <c r="K97" s="67">
        <v>38</v>
      </c>
      <c r="L97" s="79">
        <v>21</v>
      </c>
      <c r="M97" s="80">
        <v>17</v>
      </c>
    </row>
    <row r="98" spans="1:13">
      <c r="A98" s="27" t="s">
        <v>49</v>
      </c>
      <c r="B98" s="67">
        <v>-17</v>
      </c>
      <c r="C98" s="68">
        <v>-14</v>
      </c>
      <c r="D98" s="68">
        <v>-3</v>
      </c>
      <c r="E98" s="67">
        <v>18</v>
      </c>
      <c r="F98" s="68">
        <v>14</v>
      </c>
      <c r="G98" s="69">
        <v>4</v>
      </c>
      <c r="H98" s="68">
        <v>22</v>
      </c>
      <c r="I98" s="68">
        <v>10</v>
      </c>
      <c r="J98" s="68">
        <v>12</v>
      </c>
      <c r="K98" s="67">
        <v>21</v>
      </c>
      <c r="L98" s="79">
        <v>10</v>
      </c>
      <c r="M98" s="80">
        <v>11</v>
      </c>
    </row>
    <row r="99" spans="1:13" ht="21" customHeight="1">
      <c r="A99" s="38" t="s">
        <v>51</v>
      </c>
      <c r="B99" s="64">
        <v>-158</v>
      </c>
      <c r="C99" s="65">
        <v>-96</v>
      </c>
      <c r="D99" s="65">
        <v>-62</v>
      </c>
      <c r="E99" s="64">
        <v>149</v>
      </c>
      <c r="F99" s="65">
        <v>100</v>
      </c>
      <c r="G99" s="66">
        <v>49</v>
      </c>
      <c r="H99" s="65">
        <v>124</v>
      </c>
      <c r="I99" s="65">
        <v>72</v>
      </c>
      <c r="J99" s="65">
        <v>52</v>
      </c>
      <c r="K99" s="64">
        <v>133</v>
      </c>
      <c r="L99" s="77">
        <v>68</v>
      </c>
      <c r="M99" s="78">
        <v>65</v>
      </c>
    </row>
    <row r="100" spans="1:13">
      <c r="A100" s="27" t="s">
        <v>53</v>
      </c>
      <c r="B100" s="67">
        <v>-26</v>
      </c>
      <c r="C100" s="68">
        <v>-13</v>
      </c>
      <c r="D100" s="68">
        <v>-13</v>
      </c>
      <c r="E100" s="67">
        <v>24</v>
      </c>
      <c r="F100" s="68">
        <v>16</v>
      </c>
      <c r="G100" s="69">
        <v>8</v>
      </c>
      <c r="H100" s="68">
        <v>21</v>
      </c>
      <c r="I100" s="68">
        <v>11</v>
      </c>
      <c r="J100" s="68">
        <v>10</v>
      </c>
      <c r="K100" s="67">
        <v>23</v>
      </c>
      <c r="L100" s="79">
        <v>8</v>
      </c>
      <c r="M100" s="80">
        <v>15</v>
      </c>
    </row>
    <row r="101" spans="1:13">
      <c r="A101" s="27" t="s">
        <v>55</v>
      </c>
      <c r="B101" s="67">
        <v>-23</v>
      </c>
      <c r="C101" s="68">
        <v>-17</v>
      </c>
      <c r="D101" s="68">
        <v>-6</v>
      </c>
      <c r="E101" s="67">
        <v>25</v>
      </c>
      <c r="F101" s="68">
        <v>15</v>
      </c>
      <c r="G101" s="69">
        <v>10</v>
      </c>
      <c r="H101" s="68">
        <v>25</v>
      </c>
      <c r="I101" s="68">
        <v>12</v>
      </c>
      <c r="J101" s="68">
        <v>13</v>
      </c>
      <c r="K101" s="67">
        <v>23</v>
      </c>
      <c r="L101" s="79">
        <v>14</v>
      </c>
      <c r="M101" s="80">
        <v>9</v>
      </c>
    </row>
    <row r="102" spans="1:13">
      <c r="A102" s="27" t="s">
        <v>57</v>
      </c>
      <c r="B102" s="67">
        <v>-23</v>
      </c>
      <c r="C102" s="68">
        <v>-8</v>
      </c>
      <c r="D102" s="68">
        <v>-15</v>
      </c>
      <c r="E102" s="67">
        <v>19</v>
      </c>
      <c r="F102" s="68">
        <v>12</v>
      </c>
      <c r="G102" s="69">
        <v>7</v>
      </c>
      <c r="H102" s="68">
        <v>31</v>
      </c>
      <c r="I102" s="68">
        <v>22</v>
      </c>
      <c r="J102" s="68">
        <v>9</v>
      </c>
      <c r="K102" s="67">
        <v>35</v>
      </c>
      <c r="L102" s="79">
        <v>18</v>
      </c>
      <c r="M102" s="80">
        <v>17</v>
      </c>
    </row>
    <row r="103" spans="1:13">
      <c r="A103" s="27" t="s">
        <v>59</v>
      </c>
      <c r="B103" s="67">
        <v>-38</v>
      </c>
      <c r="C103" s="68">
        <v>-26</v>
      </c>
      <c r="D103" s="68">
        <v>-12</v>
      </c>
      <c r="E103" s="67">
        <v>46</v>
      </c>
      <c r="F103" s="68">
        <v>30</v>
      </c>
      <c r="G103" s="69">
        <v>16</v>
      </c>
      <c r="H103" s="68">
        <v>32</v>
      </c>
      <c r="I103" s="68">
        <v>17</v>
      </c>
      <c r="J103" s="68">
        <v>15</v>
      </c>
      <c r="K103" s="67">
        <v>24</v>
      </c>
      <c r="L103" s="79">
        <v>13</v>
      </c>
      <c r="M103" s="80">
        <v>11</v>
      </c>
    </row>
    <row r="104" spans="1:13">
      <c r="A104" s="27" t="s">
        <v>61</v>
      </c>
      <c r="B104" s="67">
        <v>-48</v>
      </c>
      <c r="C104" s="68">
        <v>-32</v>
      </c>
      <c r="D104" s="68">
        <v>-16</v>
      </c>
      <c r="E104" s="67">
        <v>35</v>
      </c>
      <c r="F104" s="68">
        <v>27</v>
      </c>
      <c r="G104" s="69">
        <v>8</v>
      </c>
      <c r="H104" s="68">
        <v>15</v>
      </c>
      <c r="I104" s="68">
        <v>10</v>
      </c>
      <c r="J104" s="68">
        <v>5</v>
      </c>
      <c r="K104" s="67">
        <v>28</v>
      </c>
      <c r="L104" s="79">
        <v>15</v>
      </c>
      <c r="M104" s="80">
        <v>13</v>
      </c>
    </row>
    <row r="105" spans="1:13" ht="21" customHeight="1">
      <c r="A105" s="38" t="s">
        <v>63</v>
      </c>
      <c r="B105" s="64">
        <v>-242</v>
      </c>
      <c r="C105" s="65">
        <v>-147</v>
      </c>
      <c r="D105" s="65">
        <v>-95</v>
      </c>
      <c r="E105" s="64">
        <v>235</v>
      </c>
      <c r="F105" s="65">
        <v>161</v>
      </c>
      <c r="G105" s="66">
        <v>74</v>
      </c>
      <c r="H105" s="65">
        <v>97</v>
      </c>
      <c r="I105" s="65">
        <v>49</v>
      </c>
      <c r="J105" s="65">
        <v>48</v>
      </c>
      <c r="K105" s="64">
        <v>104</v>
      </c>
      <c r="L105" s="77">
        <v>35</v>
      </c>
      <c r="M105" s="78">
        <v>69</v>
      </c>
    </row>
    <row r="106" spans="1:13">
      <c r="A106" s="27" t="s">
        <v>65</v>
      </c>
      <c r="B106" s="67">
        <v>-49</v>
      </c>
      <c r="C106" s="68">
        <v>-30</v>
      </c>
      <c r="D106" s="68">
        <v>-19</v>
      </c>
      <c r="E106" s="67">
        <v>47</v>
      </c>
      <c r="F106" s="68">
        <v>37</v>
      </c>
      <c r="G106" s="69">
        <v>10</v>
      </c>
      <c r="H106" s="68">
        <v>24</v>
      </c>
      <c r="I106" s="68">
        <v>14</v>
      </c>
      <c r="J106" s="68">
        <v>10</v>
      </c>
      <c r="K106" s="67">
        <v>26</v>
      </c>
      <c r="L106" s="79">
        <v>7</v>
      </c>
      <c r="M106" s="80">
        <v>19</v>
      </c>
    </row>
    <row r="107" spans="1:13">
      <c r="A107" s="27" t="s">
        <v>67</v>
      </c>
      <c r="B107" s="67">
        <v>-37</v>
      </c>
      <c r="C107" s="68">
        <v>-25</v>
      </c>
      <c r="D107" s="68">
        <v>-12</v>
      </c>
      <c r="E107" s="67">
        <v>34</v>
      </c>
      <c r="F107" s="68">
        <v>25</v>
      </c>
      <c r="G107" s="69">
        <v>9</v>
      </c>
      <c r="H107" s="68">
        <v>17</v>
      </c>
      <c r="I107" s="68">
        <v>4</v>
      </c>
      <c r="J107" s="68">
        <v>13</v>
      </c>
      <c r="K107" s="67">
        <v>20</v>
      </c>
      <c r="L107" s="79">
        <v>4</v>
      </c>
      <c r="M107" s="80">
        <v>16</v>
      </c>
    </row>
    <row r="108" spans="1:13">
      <c r="A108" s="27" t="s">
        <v>69</v>
      </c>
      <c r="B108" s="67">
        <v>-41</v>
      </c>
      <c r="C108" s="68">
        <v>-29</v>
      </c>
      <c r="D108" s="68">
        <v>-12</v>
      </c>
      <c r="E108" s="67">
        <v>36</v>
      </c>
      <c r="F108" s="68">
        <v>26</v>
      </c>
      <c r="G108" s="69">
        <v>10</v>
      </c>
      <c r="H108" s="68">
        <v>15</v>
      </c>
      <c r="I108" s="68">
        <v>9</v>
      </c>
      <c r="J108" s="68">
        <v>6</v>
      </c>
      <c r="K108" s="67">
        <v>20</v>
      </c>
      <c r="L108" s="79">
        <v>12</v>
      </c>
      <c r="M108" s="80">
        <v>8</v>
      </c>
    </row>
    <row r="109" spans="1:13">
      <c r="A109" s="27" t="s">
        <v>71</v>
      </c>
      <c r="B109" s="67">
        <v>-57</v>
      </c>
      <c r="C109" s="68">
        <v>-29</v>
      </c>
      <c r="D109" s="68">
        <v>-28</v>
      </c>
      <c r="E109" s="67">
        <v>64</v>
      </c>
      <c r="F109" s="68">
        <v>36</v>
      </c>
      <c r="G109" s="69">
        <v>28</v>
      </c>
      <c r="H109" s="68">
        <v>27</v>
      </c>
      <c r="I109" s="68">
        <v>14</v>
      </c>
      <c r="J109" s="68">
        <v>13</v>
      </c>
      <c r="K109" s="67">
        <v>20</v>
      </c>
      <c r="L109" s="79">
        <v>7</v>
      </c>
      <c r="M109" s="80">
        <v>13</v>
      </c>
    </row>
    <row r="110" spans="1:13">
      <c r="A110" s="27" t="s">
        <v>73</v>
      </c>
      <c r="B110" s="67">
        <v>-58</v>
      </c>
      <c r="C110" s="68">
        <v>-34</v>
      </c>
      <c r="D110" s="68">
        <v>-24</v>
      </c>
      <c r="E110" s="67">
        <v>54</v>
      </c>
      <c r="F110" s="68">
        <v>37</v>
      </c>
      <c r="G110" s="69">
        <v>17</v>
      </c>
      <c r="H110" s="68">
        <v>14</v>
      </c>
      <c r="I110" s="68">
        <v>8</v>
      </c>
      <c r="J110" s="68">
        <v>6</v>
      </c>
      <c r="K110" s="67">
        <v>18</v>
      </c>
      <c r="L110" s="79">
        <v>5</v>
      </c>
      <c r="M110" s="80">
        <v>13</v>
      </c>
    </row>
    <row r="111" spans="1:13" ht="21" customHeight="1">
      <c r="A111" s="38" t="s">
        <v>75</v>
      </c>
      <c r="B111" s="64">
        <v>-264</v>
      </c>
      <c r="C111" s="65">
        <v>-160</v>
      </c>
      <c r="D111" s="65">
        <v>-104</v>
      </c>
      <c r="E111" s="64">
        <v>283</v>
      </c>
      <c r="F111" s="65">
        <v>163</v>
      </c>
      <c r="G111" s="66">
        <v>120</v>
      </c>
      <c r="H111" s="65">
        <v>129</v>
      </c>
      <c r="I111" s="65">
        <v>44</v>
      </c>
      <c r="J111" s="65">
        <v>85</v>
      </c>
      <c r="K111" s="64">
        <v>110</v>
      </c>
      <c r="L111" s="77">
        <v>41</v>
      </c>
      <c r="M111" s="78">
        <v>69</v>
      </c>
    </row>
    <row r="112" spans="1:13">
      <c r="A112" s="27" t="s">
        <v>77</v>
      </c>
      <c r="B112" s="67">
        <v>-54</v>
      </c>
      <c r="C112" s="68">
        <v>-39</v>
      </c>
      <c r="D112" s="68">
        <v>-15</v>
      </c>
      <c r="E112" s="67">
        <v>61</v>
      </c>
      <c r="F112" s="68">
        <v>37</v>
      </c>
      <c r="G112" s="69">
        <v>24</v>
      </c>
      <c r="H112" s="68">
        <v>26</v>
      </c>
      <c r="I112" s="68">
        <v>9</v>
      </c>
      <c r="J112" s="68">
        <v>17</v>
      </c>
      <c r="K112" s="67">
        <v>19</v>
      </c>
      <c r="L112" s="79">
        <v>11</v>
      </c>
      <c r="M112" s="80">
        <v>8</v>
      </c>
    </row>
    <row r="113" spans="1:13">
      <c r="A113" s="27" t="s">
        <v>79</v>
      </c>
      <c r="B113" s="67">
        <v>-38</v>
      </c>
      <c r="C113" s="68">
        <v>-17</v>
      </c>
      <c r="D113" s="68">
        <v>-21</v>
      </c>
      <c r="E113" s="67">
        <v>47</v>
      </c>
      <c r="F113" s="68">
        <v>21</v>
      </c>
      <c r="G113" s="69">
        <v>26</v>
      </c>
      <c r="H113" s="68">
        <v>35</v>
      </c>
      <c r="I113" s="68">
        <v>17</v>
      </c>
      <c r="J113" s="68">
        <v>18</v>
      </c>
      <c r="K113" s="67">
        <v>26</v>
      </c>
      <c r="L113" s="79">
        <v>13</v>
      </c>
      <c r="M113" s="80">
        <v>13</v>
      </c>
    </row>
    <row r="114" spans="1:13">
      <c r="A114" s="27" t="s">
        <v>81</v>
      </c>
      <c r="B114" s="67">
        <v>-61</v>
      </c>
      <c r="C114" s="68">
        <v>-39</v>
      </c>
      <c r="D114" s="68">
        <v>-22</v>
      </c>
      <c r="E114" s="67">
        <v>63</v>
      </c>
      <c r="F114" s="68">
        <v>39</v>
      </c>
      <c r="G114" s="69">
        <v>24</v>
      </c>
      <c r="H114" s="68">
        <v>25</v>
      </c>
      <c r="I114" s="68">
        <v>5</v>
      </c>
      <c r="J114" s="68">
        <v>20</v>
      </c>
      <c r="K114" s="67">
        <v>23</v>
      </c>
      <c r="L114" s="79">
        <v>5</v>
      </c>
      <c r="M114" s="80">
        <v>18</v>
      </c>
    </row>
    <row r="115" spans="1:13">
      <c r="A115" s="27" t="s">
        <v>83</v>
      </c>
      <c r="B115" s="67">
        <v>-54</v>
      </c>
      <c r="C115" s="68">
        <v>-29</v>
      </c>
      <c r="D115" s="68">
        <v>-25</v>
      </c>
      <c r="E115" s="67">
        <v>54</v>
      </c>
      <c r="F115" s="68">
        <v>30</v>
      </c>
      <c r="G115" s="69">
        <v>24</v>
      </c>
      <c r="H115" s="68">
        <v>17</v>
      </c>
      <c r="I115" s="68">
        <v>5</v>
      </c>
      <c r="J115" s="68">
        <v>12</v>
      </c>
      <c r="K115" s="67">
        <v>17</v>
      </c>
      <c r="L115" s="79">
        <v>4</v>
      </c>
      <c r="M115" s="80">
        <v>13</v>
      </c>
    </row>
    <row r="116" spans="1:13">
      <c r="A116" s="27" t="s">
        <v>85</v>
      </c>
      <c r="B116" s="67">
        <v>-57</v>
      </c>
      <c r="C116" s="68">
        <v>-36</v>
      </c>
      <c r="D116" s="68">
        <v>-21</v>
      </c>
      <c r="E116" s="67">
        <v>58</v>
      </c>
      <c r="F116" s="68">
        <v>36</v>
      </c>
      <c r="G116" s="69">
        <v>22</v>
      </c>
      <c r="H116" s="68">
        <v>26</v>
      </c>
      <c r="I116" s="68">
        <v>8</v>
      </c>
      <c r="J116" s="68">
        <v>18</v>
      </c>
      <c r="K116" s="67">
        <v>25</v>
      </c>
      <c r="L116" s="79">
        <v>8</v>
      </c>
      <c r="M116" s="80">
        <v>17</v>
      </c>
    </row>
    <row r="117" spans="1:13" ht="21" customHeight="1">
      <c r="A117" s="38" t="s">
        <v>87</v>
      </c>
      <c r="B117" s="64">
        <v>-324</v>
      </c>
      <c r="C117" s="65">
        <v>-174</v>
      </c>
      <c r="D117" s="65">
        <v>-150</v>
      </c>
      <c r="E117" s="64">
        <v>363</v>
      </c>
      <c r="F117" s="65">
        <v>186</v>
      </c>
      <c r="G117" s="66">
        <v>177</v>
      </c>
      <c r="H117" s="65">
        <v>126</v>
      </c>
      <c r="I117" s="65">
        <v>38</v>
      </c>
      <c r="J117" s="65">
        <v>88</v>
      </c>
      <c r="K117" s="64">
        <v>87</v>
      </c>
      <c r="L117" s="77">
        <v>26</v>
      </c>
      <c r="M117" s="78">
        <v>61</v>
      </c>
    </row>
    <row r="118" spans="1:13">
      <c r="A118" s="27" t="s">
        <v>89</v>
      </c>
      <c r="B118" s="67">
        <v>-76</v>
      </c>
      <c r="C118" s="68">
        <v>-45</v>
      </c>
      <c r="D118" s="68">
        <v>-31</v>
      </c>
      <c r="E118" s="67">
        <v>80</v>
      </c>
      <c r="F118" s="68">
        <v>45</v>
      </c>
      <c r="G118" s="69">
        <v>35</v>
      </c>
      <c r="H118" s="68">
        <v>22</v>
      </c>
      <c r="I118" s="68">
        <v>7</v>
      </c>
      <c r="J118" s="68">
        <v>15</v>
      </c>
      <c r="K118" s="67">
        <v>18</v>
      </c>
      <c r="L118" s="79">
        <v>7</v>
      </c>
      <c r="M118" s="80">
        <v>11</v>
      </c>
    </row>
    <row r="119" spans="1:13">
      <c r="A119" s="27" t="s">
        <v>91</v>
      </c>
      <c r="B119" s="67">
        <v>-66</v>
      </c>
      <c r="C119" s="68">
        <v>-39</v>
      </c>
      <c r="D119" s="68">
        <v>-27</v>
      </c>
      <c r="E119" s="67">
        <v>75</v>
      </c>
      <c r="F119" s="68">
        <v>42</v>
      </c>
      <c r="G119" s="69">
        <v>33</v>
      </c>
      <c r="H119" s="68">
        <v>22</v>
      </c>
      <c r="I119" s="68">
        <v>9</v>
      </c>
      <c r="J119" s="68">
        <v>13</v>
      </c>
      <c r="K119" s="67">
        <v>13</v>
      </c>
      <c r="L119" s="79">
        <v>6</v>
      </c>
      <c r="M119" s="80">
        <v>7</v>
      </c>
    </row>
    <row r="120" spans="1:13">
      <c r="A120" s="27" t="s">
        <v>93</v>
      </c>
      <c r="B120" s="67">
        <v>-66</v>
      </c>
      <c r="C120" s="68">
        <v>-32</v>
      </c>
      <c r="D120" s="68">
        <v>-34</v>
      </c>
      <c r="E120" s="67">
        <v>76</v>
      </c>
      <c r="F120" s="68">
        <v>35</v>
      </c>
      <c r="G120" s="69">
        <v>41</v>
      </c>
      <c r="H120" s="68">
        <v>28</v>
      </c>
      <c r="I120" s="68">
        <v>8</v>
      </c>
      <c r="J120" s="68">
        <v>20</v>
      </c>
      <c r="K120" s="67">
        <v>18</v>
      </c>
      <c r="L120" s="79">
        <v>5</v>
      </c>
      <c r="M120" s="80">
        <v>13</v>
      </c>
    </row>
    <row r="121" spans="1:13">
      <c r="A121" s="27" t="s">
        <v>95</v>
      </c>
      <c r="B121" s="67">
        <v>-58</v>
      </c>
      <c r="C121" s="68">
        <v>-27</v>
      </c>
      <c r="D121" s="68">
        <v>-31</v>
      </c>
      <c r="E121" s="67">
        <v>68</v>
      </c>
      <c r="F121" s="68">
        <v>31</v>
      </c>
      <c r="G121" s="69">
        <v>37</v>
      </c>
      <c r="H121" s="68">
        <v>31</v>
      </c>
      <c r="I121" s="68">
        <v>9</v>
      </c>
      <c r="J121" s="68">
        <v>22</v>
      </c>
      <c r="K121" s="67">
        <v>21</v>
      </c>
      <c r="L121" s="79">
        <v>5</v>
      </c>
      <c r="M121" s="80">
        <v>16</v>
      </c>
    </row>
    <row r="122" spans="1:13">
      <c r="A122" s="27" t="s">
        <v>97</v>
      </c>
      <c r="B122" s="67">
        <v>-58</v>
      </c>
      <c r="C122" s="68">
        <v>-31</v>
      </c>
      <c r="D122" s="68">
        <v>-27</v>
      </c>
      <c r="E122" s="67">
        <v>64</v>
      </c>
      <c r="F122" s="68">
        <v>33</v>
      </c>
      <c r="G122" s="69">
        <v>31</v>
      </c>
      <c r="H122" s="68">
        <v>23</v>
      </c>
      <c r="I122" s="68">
        <v>5</v>
      </c>
      <c r="J122" s="68">
        <v>18</v>
      </c>
      <c r="K122" s="67">
        <v>17</v>
      </c>
      <c r="L122" s="79">
        <v>3</v>
      </c>
      <c r="M122" s="80">
        <v>14</v>
      </c>
    </row>
    <row r="123" spans="1:13" ht="21" customHeight="1">
      <c r="A123" s="38" t="s">
        <v>99</v>
      </c>
      <c r="B123" s="64">
        <v>-289</v>
      </c>
      <c r="C123" s="65">
        <v>-113</v>
      </c>
      <c r="D123" s="65">
        <v>-176</v>
      </c>
      <c r="E123" s="64">
        <v>308</v>
      </c>
      <c r="F123" s="65">
        <v>120</v>
      </c>
      <c r="G123" s="66">
        <v>188</v>
      </c>
      <c r="H123" s="65">
        <v>71</v>
      </c>
      <c r="I123" s="65">
        <v>20</v>
      </c>
      <c r="J123" s="65">
        <v>51</v>
      </c>
      <c r="K123" s="64">
        <v>52</v>
      </c>
      <c r="L123" s="77">
        <v>13</v>
      </c>
      <c r="M123" s="78">
        <v>39</v>
      </c>
    </row>
    <row r="124" spans="1:13">
      <c r="A124" s="27" t="s">
        <v>101</v>
      </c>
      <c r="B124" s="67">
        <v>-72</v>
      </c>
      <c r="C124" s="68">
        <v>-24</v>
      </c>
      <c r="D124" s="68">
        <v>-48</v>
      </c>
      <c r="E124" s="67">
        <v>75</v>
      </c>
      <c r="F124" s="68">
        <v>27</v>
      </c>
      <c r="G124" s="69">
        <v>48</v>
      </c>
      <c r="H124" s="68">
        <v>17</v>
      </c>
      <c r="I124" s="68">
        <v>7</v>
      </c>
      <c r="J124" s="68">
        <v>10</v>
      </c>
      <c r="K124" s="67">
        <v>14</v>
      </c>
      <c r="L124" s="79">
        <v>4</v>
      </c>
      <c r="M124" s="80">
        <v>10</v>
      </c>
    </row>
    <row r="125" spans="1:13">
      <c r="A125" s="27" t="s">
        <v>103</v>
      </c>
      <c r="B125" s="67">
        <v>-55</v>
      </c>
      <c r="C125" s="68">
        <v>-28</v>
      </c>
      <c r="D125" s="68">
        <v>-27</v>
      </c>
      <c r="E125" s="67">
        <v>62</v>
      </c>
      <c r="F125" s="68">
        <v>28</v>
      </c>
      <c r="G125" s="69">
        <v>34</v>
      </c>
      <c r="H125" s="68">
        <v>19</v>
      </c>
      <c r="I125" s="68">
        <v>3</v>
      </c>
      <c r="J125" s="68">
        <v>16</v>
      </c>
      <c r="K125" s="67">
        <v>12</v>
      </c>
      <c r="L125" s="79">
        <v>3</v>
      </c>
      <c r="M125" s="80">
        <v>9</v>
      </c>
    </row>
    <row r="126" spans="1:13">
      <c r="A126" s="27" t="s">
        <v>105</v>
      </c>
      <c r="B126" s="67">
        <v>-65</v>
      </c>
      <c r="C126" s="68">
        <v>-22</v>
      </c>
      <c r="D126" s="68">
        <v>-43</v>
      </c>
      <c r="E126" s="67">
        <v>73</v>
      </c>
      <c r="F126" s="68">
        <v>25</v>
      </c>
      <c r="G126" s="69">
        <v>48</v>
      </c>
      <c r="H126" s="68">
        <v>19</v>
      </c>
      <c r="I126" s="68">
        <v>7</v>
      </c>
      <c r="J126" s="68">
        <v>12</v>
      </c>
      <c r="K126" s="67">
        <v>11</v>
      </c>
      <c r="L126" s="79">
        <v>4</v>
      </c>
      <c r="M126" s="80">
        <v>7</v>
      </c>
    </row>
    <row r="127" spans="1:13">
      <c r="A127" s="27" t="s">
        <v>107</v>
      </c>
      <c r="B127" s="67">
        <v>-53</v>
      </c>
      <c r="C127" s="68">
        <v>-20</v>
      </c>
      <c r="D127" s="68">
        <v>-33</v>
      </c>
      <c r="E127" s="67">
        <v>52</v>
      </c>
      <c r="F127" s="68">
        <v>19</v>
      </c>
      <c r="G127" s="69">
        <v>33</v>
      </c>
      <c r="H127" s="68">
        <v>6</v>
      </c>
      <c r="I127" s="68">
        <v>1</v>
      </c>
      <c r="J127" s="68">
        <v>5</v>
      </c>
      <c r="K127" s="67">
        <v>7</v>
      </c>
      <c r="L127" s="79">
        <v>2</v>
      </c>
      <c r="M127" s="80">
        <v>5</v>
      </c>
    </row>
    <row r="128" spans="1:13">
      <c r="A128" s="27" t="s">
        <v>109</v>
      </c>
      <c r="B128" s="67">
        <v>-44</v>
      </c>
      <c r="C128" s="68">
        <v>-19</v>
      </c>
      <c r="D128" s="68">
        <v>-25</v>
      </c>
      <c r="E128" s="67">
        <v>46</v>
      </c>
      <c r="F128" s="68">
        <v>21</v>
      </c>
      <c r="G128" s="69">
        <v>25</v>
      </c>
      <c r="H128" s="68">
        <v>10</v>
      </c>
      <c r="I128" s="68">
        <v>2</v>
      </c>
      <c r="J128" s="68">
        <v>8</v>
      </c>
      <c r="K128" s="67">
        <v>8</v>
      </c>
      <c r="L128" s="79">
        <v>0</v>
      </c>
      <c r="M128" s="80">
        <v>8</v>
      </c>
    </row>
    <row r="129" spans="1:14" ht="21" customHeight="1">
      <c r="A129" s="38" t="s">
        <v>111</v>
      </c>
      <c r="B129" s="64">
        <v>-149</v>
      </c>
      <c r="C129" s="65">
        <v>-38</v>
      </c>
      <c r="D129" s="65">
        <v>-111</v>
      </c>
      <c r="E129" s="64">
        <v>154</v>
      </c>
      <c r="F129" s="65">
        <v>38</v>
      </c>
      <c r="G129" s="66">
        <v>116</v>
      </c>
      <c r="H129" s="65">
        <v>15</v>
      </c>
      <c r="I129" s="65">
        <v>2</v>
      </c>
      <c r="J129" s="65">
        <v>13</v>
      </c>
      <c r="K129" s="64">
        <v>10</v>
      </c>
      <c r="L129" s="77">
        <v>2</v>
      </c>
      <c r="M129" s="78">
        <v>8</v>
      </c>
    </row>
    <row r="130" spans="1:14">
      <c r="A130" s="27" t="s">
        <v>113</v>
      </c>
      <c r="B130" s="67">
        <v>-37</v>
      </c>
      <c r="C130" s="68">
        <v>-11</v>
      </c>
      <c r="D130" s="68">
        <v>-26</v>
      </c>
      <c r="E130" s="67">
        <v>43</v>
      </c>
      <c r="F130" s="68">
        <v>11</v>
      </c>
      <c r="G130" s="69">
        <v>32</v>
      </c>
      <c r="H130" s="68">
        <v>8</v>
      </c>
      <c r="I130" s="68">
        <v>1</v>
      </c>
      <c r="J130" s="68">
        <v>7</v>
      </c>
      <c r="K130" s="67">
        <v>2</v>
      </c>
      <c r="L130" s="79">
        <v>1</v>
      </c>
      <c r="M130" s="80">
        <v>1</v>
      </c>
    </row>
    <row r="131" spans="1:14">
      <c r="A131" s="27" t="s">
        <v>115</v>
      </c>
      <c r="B131" s="67">
        <v>-41</v>
      </c>
      <c r="C131" s="68">
        <v>-14</v>
      </c>
      <c r="D131" s="68">
        <v>-27</v>
      </c>
      <c r="E131" s="67">
        <v>41</v>
      </c>
      <c r="F131" s="68">
        <v>14</v>
      </c>
      <c r="G131" s="69">
        <v>27</v>
      </c>
      <c r="H131" s="68">
        <v>4</v>
      </c>
      <c r="I131" s="68">
        <v>0</v>
      </c>
      <c r="J131" s="68">
        <v>4</v>
      </c>
      <c r="K131" s="67">
        <v>4</v>
      </c>
      <c r="L131" s="79">
        <v>0</v>
      </c>
      <c r="M131" s="80">
        <v>4</v>
      </c>
    </row>
    <row r="132" spans="1:14">
      <c r="A132" s="27" t="s">
        <v>117</v>
      </c>
      <c r="B132" s="67">
        <v>-34</v>
      </c>
      <c r="C132" s="68">
        <v>-6</v>
      </c>
      <c r="D132" s="68">
        <v>-28</v>
      </c>
      <c r="E132" s="67">
        <v>34</v>
      </c>
      <c r="F132" s="68">
        <v>7</v>
      </c>
      <c r="G132" s="69">
        <v>27</v>
      </c>
      <c r="H132" s="68">
        <v>2</v>
      </c>
      <c r="I132" s="68">
        <v>1</v>
      </c>
      <c r="J132" s="68">
        <v>1</v>
      </c>
      <c r="K132" s="67">
        <v>2</v>
      </c>
      <c r="L132" s="79">
        <v>0</v>
      </c>
      <c r="M132" s="80">
        <v>2</v>
      </c>
    </row>
    <row r="133" spans="1:14">
      <c r="A133" s="27" t="s">
        <v>119</v>
      </c>
      <c r="B133" s="67">
        <v>-17</v>
      </c>
      <c r="C133" s="68">
        <v>-2</v>
      </c>
      <c r="D133" s="68">
        <v>-15</v>
      </c>
      <c r="E133" s="67">
        <v>17</v>
      </c>
      <c r="F133" s="68">
        <v>2</v>
      </c>
      <c r="G133" s="69">
        <v>15</v>
      </c>
      <c r="H133" s="68">
        <v>1</v>
      </c>
      <c r="I133" s="68">
        <v>0</v>
      </c>
      <c r="J133" s="68">
        <v>1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20</v>
      </c>
      <c r="C134" s="68">
        <v>-5</v>
      </c>
      <c r="D134" s="68">
        <v>-15</v>
      </c>
      <c r="E134" s="67">
        <v>19</v>
      </c>
      <c r="F134" s="68">
        <v>4</v>
      </c>
      <c r="G134" s="69">
        <v>15</v>
      </c>
      <c r="H134" s="68">
        <v>0</v>
      </c>
      <c r="I134" s="68">
        <v>0</v>
      </c>
      <c r="J134" s="68">
        <v>0</v>
      </c>
      <c r="K134" s="67">
        <v>1</v>
      </c>
      <c r="L134" s="79">
        <v>1</v>
      </c>
      <c r="M134" s="80">
        <v>0</v>
      </c>
    </row>
    <row r="135" spans="1:14" ht="21" customHeight="1">
      <c r="A135" s="39" t="s">
        <v>122</v>
      </c>
      <c r="B135" s="42">
        <v>-46</v>
      </c>
      <c r="C135" s="40">
        <v>-5</v>
      </c>
      <c r="D135" s="40">
        <v>-41</v>
      </c>
      <c r="E135" s="42">
        <v>47</v>
      </c>
      <c r="F135" s="40">
        <v>5</v>
      </c>
      <c r="G135" s="43">
        <v>42</v>
      </c>
      <c r="H135" s="40">
        <v>3</v>
      </c>
      <c r="I135" s="40">
        <v>0</v>
      </c>
      <c r="J135" s="40">
        <v>3</v>
      </c>
      <c r="K135" s="42">
        <v>2</v>
      </c>
      <c r="L135" s="44">
        <v>0</v>
      </c>
      <c r="M135" s="85">
        <v>2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2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436</v>
      </c>
      <c r="C5" s="62">
        <v>-287</v>
      </c>
      <c r="D5" s="62">
        <v>-149</v>
      </c>
      <c r="E5" s="61">
        <v>1556</v>
      </c>
      <c r="F5" s="62">
        <v>801</v>
      </c>
      <c r="G5" s="63">
        <v>755</v>
      </c>
      <c r="H5" s="62">
        <v>5487</v>
      </c>
      <c r="I5" s="62">
        <v>2812</v>
      </c>
      <c r="J5" s="62">
        <v>2675</v>
      </c>
      <c r="K5" s="61">
        <v>5080</v>
      </c>
      <c r="L5" s="75">
        <v>2666</v>
      </c>
      <c r="M5" s="76">
        <v>2414</v>
      </c>
    </row>
    <row r="6" spans="1:13" ht="23.25" customHeight="1">
      <c r="A6" s="36" t="s">
        <v>2</v>
      </c>
      <c r="B6" s="64">
        <v>805</v>
      </c>
      <c r="C6" s="65">
        <v>417</v>
      </c>
      <c r="D6" s="65">
        <v>388</v>
      </c>
      <c r="E6" s="64">
        <v>3</v>
      </c>
      <c r="F6" s="65">
        <v>2</v>
      </c>
      <c r="G6" s="66">
        <v>1</v>
      </c>
      <c r="H6" s="65">
        <v>369</v>
      </c>
      <c r="I6" s="65">
        <v>197</v>
      </c>
      <c r="J6" s="65">
        <v>172</v>
      </c>
      <c r="K6" s="64">
        <v>274</v>
      </c>
      <c r="L6" s="77">
        <v>146</v>
      </c>
      <c r="M6" s="78">
        <v>128</v>
      </c>
    </row>
    <row r="7" spans="1:13">
      <c r="A7" s="15" t="s">
        <v>4</v>
      </c>
      <c r="B7" s="67">
        <v>728</v>
      </c>
      <c r="C7" s="68">
        <v>375</v>
      </c>
      <c r="D7" s="68">
        <v>353</v>
      </c>
      <c r="E7" s="67">
        <v>3</v>
      </c>
      <c r="F7" s="68">
        <v>2</v>
      </c>
      <c r="G7" s="69">
        <v>1</v>
      </c>
      <c r="H7" s="68">
        <v>55</v>
      </c>
      <c r="I7" s="68">
        <v>31</v>
      </c>
      <c r="J7" s="68">
        <v>24</v>
      </c>
      <c r="K7" s="67">
        <v>37</v>
      </c>
      <c r="L7" s="79">
        <v>22</v>
      </c>
      <c r="M7" s="80">
        <v>15</v>
      </c>
    </row>
    <row r="8" spans="1:13">
      <c r="A8" s="15" t="s">
        <v>6</v>
      </c>
      <c r="B8" s="67">
        <v>30</v>
      </c>
      <c r="C8" s="68">
        <v>18</v>
      </c>
      <c r="D8" s="68">
        <v>12</v>
      </c>
      <c r="E8" s="67">
        <v>0</v>
      </c>
      <c r="F8" s="68">
        <v>0</v>
      </c>
      <c r="G8" s="69">
        <v>0</v>
      </c>
      <c r="H8" s="68">
        <v>99</v>
      </c>
      <c r="I8" s="68">
        <v>55</v>
      </c>
      <c r="J8" s="68">
        <v>44</v>
      </c>
      <c r="K8" s="67">
        <v>69</v>
      </c>
      <c r="L8" s="79">
        <v>37</v>
      </c>
      <c r="M8" s="80">
        <v>32</v>
      </c>
    </row>
    <row r="9" spans="1:13">
      <c r="A9" s="15" t="s">
        <v>8</v>
      </c>
      <c r="B9" s="67">
        <v>25</v>
      </c>
      <c r="C9" s="68">
        <v>8</v>
      </c>
      <c r="D9" s="68">
        <v>17</v>
      </c>
      <c r="E9" s="67">
        <v>0</v>
      </c>
      <c r="F9" s="68">
        <v>0</v>
      </c>
      <c r="G9" s="69">
        <v>0</v>
      </c>
      <c r="H9" s="68">
        <v>106</v>
      </c>
      <c r="I9" s="68">
        <v>50</v>
      </c>
      <c r="J9" s="68">
        <v>56</v>
      </c>
      <c r="K9" s="67">
        <v>81</v>
      </c>
      <c r="L9" s="79">
        <v>42</v>
      </c>
      <c r="M9" s="80">
        <v>39</v>
      </c>
    </row>
    <row r="10" spans="1:13">
      <c r="A10" s="15" t="s">
        <v>10</v>
      </c>
      <c r="B10" s="67">
        <v>6</v>
      </c>
      <c r="C10" s="68">
        <v>7</v>
      </c>
      <c r="D10" s="68">
        <v>-1</v>
      </c>
      <c r="E10" s="67">
        <v>0</v>
      </c>
      <c r="F10" s="68">
        <v>0</v>
      </c>
      <c r="G10" s="69">
        <v>0</v>
      </c>
      <c r="H10" s="68">
        <v>62</v>
      </c>
      <c r="I10" s="68">
        <v>36</v>
      </c>
      <c r="J10" s="68">
        <v>26</v>
      </c>
      <c r="K10" s="67">
        <v>56</v>
      </c>
      <c r="L10" s="79">
        <v>29</v>
      </c>
      <c r="M10" s="80">
        <v>27</v>
      </c>
    </row>
    <row r="11" spans="1:13">
      <c r="A11" s="15" t="s">
        <v>12</v>
      </c>
      <c r="B11" s="67">
        <v>16</v>
      </c>
      <c r="C11" s="68">
        <v>9</v>
      </c>
      <c r="D11" s="68">
        <v>7</v>
      </c>
      <c r="E11" s="67">
        <v>0</v>
      </c>
      <c r="F11" s="68">
        <v>0</v>
      </c>
      <c r="G11" s="69">
        <v>0</v>
      </c>
      <c r="H11" s="68">
        <v>47</v>
      </c>
      <c r="I11" s="68">
        <v>25</v>
      </c>
      <c r="J11" s="68">
        <v>22</v>
      </c>
      <c r="K11" s="67">
        <v>31</v>
      </c>
      <c r="L11" s="79">
        <v>16</v>
      </c>
      <c r="M11" s="80">
        <v>15</v>
      </c>
    </row>
    <row r="12" spans="1:13" ht="21" customHeight="1">
      <c r="A12" s="36" t="s">
        <v>14</v>
      </c>
      <c r="B12" s="64">
        <v>-1</v>
      </c>
      <c r="C12" s="65">
        <v>4</v>
      </c>
      <c r="D12" s="65">
        <v>-5</v>
      </c>
      <c r="E12" s="64">
        <v>1</v>
      </c>
      <c r="F12" s="65">
        <v>1</v>
      </c>
      <c r="G12" s="66">
        <v>0</v>
      </c>
      <c r="H12" s="65">
        <v>149</v>
      </c>
      <c r="I12" s="65">
        <v>74</v>
      </c>
      <c r="J12" s="65">
        <v>75</v>
      </c>
      <c r="K12" s="64">
        <v>149</v>
      </c>
      <c r="L12" s="77">
        <v>69</v>
      </c>
      <c r="M12" s="78">
        <v>80</v>
      </c>
    </row>
    <row r="13" spans="1:13">
      <c r="A13" s="15" t="s">
        <v>16</v>
      </c>
      <c r="B13" s="67">
        <v>-1</v>
      </c>
      <c r="C13" s="68">
        <v>-3</v>
      </c>
      <c r="D13" s="68">
        <v>2</v>
      </c>
      <c r="E13" s="67">
        <v>0</v>
      </c>
      <c r="F13" s="68">
        <v>0</v>
      </c>
      <c r="G13" s="69">
        <v>0</v>
      </c>
      <c r="H13" s="68">
        <v>34</v>
      </c>
      <c r="I13" s="68">
        <v>14</v>
      </c>
      <c r="J13" s="68">
        <v>20</v>
      </c>
      <c r="K13" s="67">
        <v>35</v>
      </c>
      <c r="L13" s="79">
        <v>17</v>
      </c>
      <c r="M13" s="80">
        <v>18</v>
      </c>
    </row>
    <row r="14" spans="1:13">
      <c r="A14" s="15" t="s">
        <v>18</v>
      </c>
      <c r="B14" s="67">
        <v>-3</v>
      </c>
      <c r="C14" s="68">
        <v>6</v>
      </c>
      <c r="D14" s="68">
        <v>-9</v>
      </c>
      <c r="E14" s="67">
        <v>0</v>
      </c>
      <c r="F14" s="68">
        <v>0</v>
      </c>
      <c r="G14" s="69">
        <v>0</v>
      </c>
      <c r="H14" s="68">
        <v>34</v>
      </c>
      <c r="I14" s="68">
        <v>20</v>
      </c>
      <c r="J14" s="68">
        <v>14</v>
      </c>
      <c r="K14" s="67">
        <v>37</v>
      </c>
      <c r="L14" s="79">
        <v>14</v>
      </c>
      <c r="M14" s="80">
        <v>23</v>
      </c>
    </row>
    <row r="15" spans="1:13">
      <c r="A15" s="15" t="s">
        <v>20</v>
      </c>
      <c r="B15" s="67">
        <v>3</v>
      </c>
      <c r="C15" s="68">
        <v>6</v>
      </c>
      <c r="D15" s="68">
        <v>-3</v>
      </c>
      <c r="E15" s="67">
        <v>1</v>
      </c>
      <c r="F15" s="68">
        <v>1</v>
      </c>
      <c r="G15" s="69">
        <v>0</v>
      </c>
      <c r="H15" s="68">
        <v>39</v>
      </c>
      <c r="I15" s="68">
        <v>22</v>
      </c>
      <c r="J15" s="68">
        <v>17</v>
      </c>
      <c r="K15" s="67">
        <v>35</v>
      </c>
      <c r="L15" s="79">
        <v>15</v>
      </c>
      <c r="M15" s="80">
        <v>20</v>
      </c>
    </row>
    <row r="16" spans="1:13">
      <c r="A16" s="15" t="s">
        <v>22</v>
      </c>
      <c r="B16" s="67">
        <v>-3</v>
      </c>
      <c r="C16" s="68">
        <v>-4</v>
      </c>
      <c r="D16" s="68">
        <v>1</v>
      </c>
      <c r="E16" s="67">
        <v>0</v>
      </c>
      <c r="F16" s="68">
        <v>0</v>
      </c>
      <c r="G16" s="69">
        <v>0</v>
      </c>
      <c r="H16" s="68">
        <v>22</v>
      </c>
      <c r="I16" s="68">
        <v>12</v>
      </c>
      <c r="J16" s="68">
        <v>10</v>
      </c>
      <c r="K16" s="67">
        <v>25</v>
      </c>
      <c r="L16" s="79">
        <v>16</v>
      </c>
      <c r="M16" s="80">
        <v>9</v>
      </c>
    </row>
    <row r="17" spans="1:13">
      <c r="A17" s="15" t="s">
        <v>24</v>
      </c>
      <c r="B17" s="67">
        <v>3</v>
      </c>
      <c r="C17" s="68">
        <v>-1</v>
      </c>
      <c r="D17" s="68">
        <v>4</v>
      </c>
      <c r="E17" s="67">
        <v>0</v>
      </c>
      <c r="F17" s="68">
        <v>0</v>
      </c>
      <c r="G17" s="69">
        <v>0</v>
      </c>
      <c r="H17" s="68">
        <v>20</v>
      </c>
      <c r="I17" s="68">
        <v>6</v>
      </c>
      <c r="J17" s="68">
        <v>14</v>
      </c>
      <c r="K17" s="67">
        <v>17</v>
      </c>
      <c r="L17" s="79">
        <v>7</v>
      </c>
      <c r="M17" s="80">
        <v>10</v>
      </c>
    </row>
    <row r="18" spans="1:13" ht="21" customHeight="1">
      <c r="A18" s="36" t="s">
        <v>26</v>
      </c>
      <c r="B18" s="64">
        <v>17</v>
      </c>
      <c r="C18" s="65">
        <v>-1</v>
      </c>
      <c r="D18" s="65">
        <v>18</v>
      </c>
      <c r="E18" s="64">
        <v>0</v>
      </c>
      <c r="F18" s="65">
        <v>0</v>
      </c>
      <c r="G18" s="66">
        <v>0</v>
      </c>
      <c r="H18" s="65">
        <v>94</v>
      </c>
      <c r="I18" s="65">
        <v>45</v>
      </c>
      <c r="J18" s="65">
        <v>49</v>
      </c>
      <c r="K18" s="64">
        <v>77</v>
      </c>
      <c r="L18" s="77">
        <v>46</v>
      </c>
      <c r="M18" s="78">
        <v>31</v>
      </c>
    </row>
    <row r="19" spans="1:13">
      <c r="A19" s="15" t="s">
        <v>28</v>
      </c>
      <c r="B19" s="67">
        <v>0</v>
      </c>
      <c r="C19" s="68">
        <v>-3</v>
      </c>
      <c r="D19" s="68">
        <v>3</v>
      </c>
      <c r="E19" s="67">
        <v>0</v>
      </c>
      <c r="F19" s="68">
        <v>0</v>
      </c>
      <c r="G19" s="69">
        <v>0</v>
      </c>
      <c r="H19" s="68">
        <v>18</v>
      </c>
      <c r="I19" s="68">
        <v>8</v>
      </c>
      <c r="J19" s="68">
        <v>10</v>
      </c>
      <c r="K19" s="67">
        <v>18</v>
      </c>
      <c r="L19" s="79">
        <v>11</v>
      </c>
      <c r="M19" s="80">
        <v>7</v>
      </c>
    </row>
    <row r="20" spans="1:13">
      <c r="A20" s="15" t="s">
        <v>30</v>
      </c>
      <c r="B20" s="67">
        <v>4</v>
      </c>
      <c r="C20" s="68">
        <v>1</v>
      </c>
      <c r="D20" s="68">
        <v>3</v>
      </c>
      <c r="E20" s="67">
        <v>0</v>
      </c>
      <c r="F20" s="68">
        <v>0</v>
      </c>
      <c r="G20" s="69">
        <v>0</v>
      </c>
      <c r="H20" s="68">
        <v>17</v>
      </c>
      <c r="I20" s="68">
        <v>8</v>
      </c>
      <c r="J20" s="68">
        <v>9</v>
      </c>
      <c r="K20" s="67">
        <v>13</v>
      </c>
      <c r="L20" s="79">
        <v>7</v>
      </c>
      <c r="M20" s="80">
        <v>6</v>
      </c>
    </row>
    <row r="21" spans="1:13">
      <c r="A21" s="15" t="s">
        <v>32</v>
      </c>
      <c r="B21" s="67">
        <v>2</v>
      </c>
      <c r="C21" s="68">
        <v>-2</v>
      </c>
      <c r="D21" s="68">
        <v>4</v>
      </c>
      <c r="E21" s="67">
        <v>0</v>
      </c>
      <c r="F21" s="68">
        <v>0</v>
      </c>
      <c r="G21" s="69">
        <v>0</v>
      </c>
      <c r="H21" s="68">
        <v>14</v>
      </c>
      <c r="I21" s="68">
        <v>9</v>
      </c>
      <c r="J21" s="68">
        <v>5</v>
      </c>
      <c r="K21" s="67">
        <v>12</v>
      </c>
      <c r="L21" s="79">
        <v>11</v>
      </c>
      <c r="M21" s="80">
        <v>1</v>
      </c>
    </row>
    <row r="22" spans="1:13">
      <c r="A22" s="15" t="s">
        <v>34</v>
      </c>
      <c r="B22" s="67">
        <v>7</v>
      </c>
      <c r="C22" s="68">
        <v>5</v>
      </c>
      <c r="D22" s="68">
        <v>2</v>
      </c>
      <c r="E22" s="67">
        <v>0</v>
      </c>
      <c r="F22" s="68">
        <v>0</v>
      </c>
      <c r="G22" s="69">
        <v>0</v>
      </c>
      <c r="H22" s="68">
        <v>25</v>
      </c>
      <c r="I22" s="68">
        <v>13</v>
      </c>
      <c r="J22" s="68">
        <v>12</v>
      </c>
      <c r="K22" s="67">
        <v>18</v>
      </c>
      <c r="L22" s="79">
        <v>8</v>
      </c>
      <c r="M22" s="80">
        <v>10</v>
      </c>
    </row>
    <row r="23" spans="1:13">
      <c r="A23" s="15" t="s">
        <v>36</v>
      </c>
      <c r="B23" s="67">
        <v>4</v>
      </c>
      <c r="C23" s="68">
        <v>-2</v>
      </c>
      <c r="D23" s="68">
        <v>6</v>
      </c>
      <c r="E23" s="67">
        <v>0</v>
      </c>
      <c r="F23" s="68">
        <v>0</v>
      </c>
      <c r="G23" s="69">
        <v>0</v>
      </c>
      <c r="H23" s="68">
        <v>20</v>
      </c>
      <c r="I23" s="68">
        <v>7</v>
      </c>
      <c r="J23" s="68">
        <v>13</v>
      </c>
      <c r="K23" s="67">
        <v>16</v>
      </c>
      <c r="L23" s="79">
        <v>9</v>
      </c>
      <c r="M23" s="80">
        <v>7</v>
      </c>
    </row>
    <row r="24" spans="1:13" ht="21" customHeight="1">
      <c r="A24" s="36" t="s">
        <v>38</v>
      </c>
      <c r="B24" s="64">
        <v>-17</v>
      </c>
      <c r="C24" s="65">
        <v>-6</v>
      </c>
      <c r="D24" s="65">
        <v>-11</v>
      </c>
      <c r="E24" s="64">
        <v>2</v>
      </c>
      <c r="F24" s="65">
        <v>2</v>
      </c>
      <c r="G24" s="66">
        <v>0</v>
      </c>
      <c r="H24" s="65">
        <v>155</v>
      </c>
      <c r="I24" s="65">
        <v>85</v>
      </c>
      <c r="J24" s="65">
        <v>70</v>
      </c>
      <c r="K24" s="64">
        <v>170</v>
      </c>
      <c r="L24" s="77">
        <v>89</v>
      </c>
      <c r="M24" s="78">
        <v>81</v>
      </c>
    </row>
    <row r="25" spans="1:13">
      <c r="A25" s="15" t="s">
        <v>40</v>
      </c>
      <c r="B25" s="67">
        <v>5</v>
      </c>
      <c r="C25" s="68">
        <v>6</v>
      </c>
      <c r="D25" s="68">
        <v>-1</v>
      </c>
      <c r="E25" s="67">
        <v>0</v>
      </c>
      <c r="F25" s="68">
        <v>0</v>
      </c>
      <c r="G25" s="69">
        <v>0</v>
      </c>
      <c r="H25" s="68">
        <v>13</v>
      </c>
      <c r="I25" s="68">
        <v>9</v>
      </c>
      <c r="J25" s="68">
        <v>4</v>
      </c>
      <c r="K25" s="67">
        <v>8</v>
      </c>
      <c r="L25" s="79">
        <v>3</v>
      </c>
      <c r="M25" s="80">
        <v>5</v>
      </c>
    </row>
    <row r="26" spans="1:13">
      <c r="A26" s="15" t="s">
        <v>42</v>
      </c>
      <c r="B26" s="67">
        <v>-6</v>
      </c>
      <c r="C26" s="68">
        <v>0</v>
      </c>
      <c r="D26" s="68">
        <v>-6</v>
      </c>
      <c r="E26" s="67">
        <v>0</v>
      </c>
      <c r="F26" s="68">
        <v>0</v>
      </c>
      <c r="G26" s="69">
        <v>0</v>
      </c>
      <c r="H26" s="68">
        <v>24</v>
      </c>
      <c r="I26" s="68">
        <v>12</v>
      </c>
      <c r="J26" s="68">
        <v>12</v>
      </c>
      <c r="K26" s="67">
        <v>30</v>
      </c>
      <c r="L26" s="79">
        <v>12</v>
      </c>
      <c r="M26" s="80">
        <v>18</v>
      </c>
    </row>
    <row r="27" spans="1:13">
      <c r="A27" s="15" t="s">
        <v>44</v>
      </c>
      <c r="B27" s="67">
        <v>-4</v>
      </c>
      <c r="C27" s="68">
        <v>-3</v>
      </c>
      <c r="D27" s="68">
        <v>-1</v>
      </c>
      <c r="E27" s="67">
        <v>0</v>
      </c>
      <c r="F27" s="68">
        <v>0</v>
      </c>
      <c r="G27" s="69">
        <v>0</v>
      </c>
      <c r="H27" s="68">
        <v>16</v>
      </c>
      <c r="I27" s="68">
        <v>10</v>
      </c>
      <c r="J27" s="68">
        <v>6</v>
      </c>
      <c r="K27" s="67">
        <v>20</v>
      </c>
      <c r="L27" s="79">
        <v>13</v>
      </c>
      <c r="M27" s="80">
        <v>7</v>
      </c>
    </row>
    <row r="28" spans="1:13">
      <c r="A28" s="15" t="s">
        <v>46</v>
      </c>
      <c r="B28" s="67">
        <v>-12</v>
      </c>
      <c r="C28" s="68">
        <v>-9</v>
      </c>
      <c r="D28" s="68">
        <v>-3</v>
      </c>
      <c r="E28" s="67">
        <v>2</v>
      </c>
      <c r="F28" s="68">
        <v>2</v>
      </c>
      <c r="G28" s="69">
        <v>0</v>
      </c>
      <c r="H28" s="68">
        <v>28</v>
      </c>
      <c r="I28" s="68">
        <v>13</v>
      </c>
      <c r="J28" s="68">
        <v>15</v>
      </c>
      <c r="K28" s="67">
        <v>38</v>
      </c>
      <c r="L28" s="79">
        <v>20</v>
      </c>
      <c r="M28" s="80">
        <v>18</v>
      </c>
    </row>
    <row r="29" spans="1:13">
      <c r="A29" s="15" t="s">
        <v>48</v>
      </c>
      <c r="B29" s="67">
        <v>0</v>
      </c>
      <c r="C29" s="68">
        <v>0</v>
      </c>
      <c r="D29" s="68">
        <v>0</v>
      </c>
      <c r="E29" s="67">
        <v>0</v>
      </c>
      <c r="F29" s="68">
        <v>0</v>
      </c>
      <c r="G29" s="69">
        <v>0</v>
      </c>
      <c r="H29" s="68">
        <v>74</v>
      </c>
      <c r="I29" s="68">
        <v>41</v>
      </c>
      <c r="J29" s="68">
        <v>33</v>
      </c>
      <c r="K29" s="67">
        <v>74</v>
      </c>
      <c r="L29" s="79">
        <v>41</v>
      </c>
      <c r="M29" s="80">
        <v>33</v>
      </c>
    </row>
    <row r="30" spans="1:13" ht="21" customHeight="1">
      <c r="A30" s="36" t="s">
        <v>50</v>
      </c>
      <c r="B30" s="64">
        <v>-80</v>
      </c>
      <c r="C30" s="65">
        <v>-66</v>
      </c>
      <c r="D30" s="65">
        <v>-14</v>
      </c>
      <c r="E30" s="64">
        <v>3</v>
      </c>
      <c r="F30" s="65">
        <v>0</v>
      </c>
      <c r="G30" s="66">
        <v>3</v>
      </c>
      <c r="H30" s="65">
        <v>695</v>
      </c>
      <c r="I30" s="65">
        <v>328</v>
      </c>
      <c r="J30" s="65">
        <v>367</v>
      </c>
      <c r="K30" s="64">
        <v>772</v>
      </c>
      <c r="L30" s="77">
        <v>394</v>
      </c>
      <c r="M30" s="78">
        <v>378</v>
      </c>
    </row>
    <row r="31" spans="1:13">
      <c r="A31" s="15" t="s">
        <v>52</v>
      </c>
      <c r="B31" s="67">
        <v>-5</v>
      </c>
      <c r="C31" s="68">
        <v>-5</v>
      </c>
      <c r="D31" s="68">
        <v>0</v>
      </c>
      <c r="E31" s="67">
        <v>0</v>
      </c>
      <c r="F31" s="68">
        <v>0</v>
      </c>
      <c r="G31" s="69">
        <v>0</v>
      </c>
      <c r="H31" s="68">
        <v>65</v>
      </c>
      <c r="I31" s="68">
        <v>30</v>
      </c>
      <c r="J31" s="68">
        <v>35</v>
      </c>
      <c r="K31" s="67">
        <v>70</v>
      </c>
      <c r="L31" s="79">
        <v>35</v>
      </c>
      <c r="M31" s="80">
        <v>35</v>
      </c>
    </row>
    <row r="32" spans="1:13">
      <c r="A32" s="15" t="s">
        <v>54</v>
      </c>
      <c r="B32" s="67">
        <v>-7</v>
      </c>
      <c r="C32" s="68">
        <v>4</v>
      </c>
      <c r="D32" s="68">
        <v>-11</v>
      </c>
      <c r="E32" s="67">
        <v>1</v>
      </c>
      <c r="F32" s="68">
        <v>0</v>
      </c>
      <c r="G32" s="69">
        <v>1</v>
      </c>
      <c r="H32" s="68">
        <v>94</v>
      </c>
      <c r="I32" s="68">
        <v>43</v>
      </c>
      <c r="J32" s="68">
        <v>51</v>
      </c>
      <c r="K32" s="67">
        <v>100</v>
      </c>
      <c r="L32" s="79">
        <v>39</v>
      </c>
      <c r="M32" s="80">
        <v>61</v>
      </c>
    </row>
    <row r="33" spans="1:13">
      <c r="A33" s="15" t="s">
        <v>56</v>
      </c>
      <c r="B33" s="67">
        <v>1</v>
      </c>
      <c r="C33" s="68">
        <v>4</v>
      </c>
      <c r="D33" s="68">
        <v>-3</v>
      </c>
      <c r="E33" s="67">
        <v>1</v>
      </c>
      <c r="F33" s="68">
        <v>0</v>
      </c>
      <c r="G33" s="69">
        <v>1</v>
      </c>
      <c r="H33" s="68">
        <v>126</v>
      </c>
      <c r="I33" s="68">
        <v>65</v>
      </c>
      <c r="J33" s="68">
        <v>61</v>
      </c>
      <c r="K33" s="67">
        <v>124</v>
      </c>
      <c r="L33" s="79">
        <v>61</v>
      </c>
      <c r="M33" s="80">
        <v>63</v>
      </c>
    </row>
    <row r="34" spans="1:13">
      <c r="A34" s="15" t="s">
        <v>58</v>
      </c>
      <c r="B34" s="67">
        <v>-40</v>
      </c>
      <c r="C34" s="68">
        <v>-37</v>
      </c>
      <c r="D34" s="68">
        <v>-3</v>
      </c>
      <c r="E34" s="67">
        <v>0</v>
      </c>
      <c r="F34" s="68">
        <v>0</v>
      </c>
      <c r="G34" s="69">
        <v>0</v>
      </c>
      <c r="H34" s="68">
        <v>202</v>
      </c>
      <c r="I34" s="68">
        <v>97</v>
      </c>
      <c r="J34" s="68">
        <v>105</v>
      </c>
      <c r="K34" s="67">
        <v>242</v>
      </c>
      <c r="L34" s="79">
        <v>134</v>
      </c>
      <c r="M34" s="80">
        <v>108</v>
      </c>
    </row>
    <row r="35" spans="1:13">
      <c r="A35" s="15" t="s">
        <v>60</v>
      </c>
      <c r="B35" s="67">
        <v>-29</v>
      </c>
      <c r="C35" s="68">
        <v>-32</v>
      </c>
      <c r="D35" s="68">
        <v>3</v>
      </c>
      <c r="E35" s="67">
        <v>1</v>
      </c>
      <c r="F35" s="68">
        <v>0</v>
      </c>
      <c r="G35" s="69">
        <v>1</v>
      </c>
      <c r="H35" s="68">
        <v>208</v>
      </c>
      <c r="I35" s="68">
        <v>93</v>
      </c>
      <c r="J35" s="68">
        <v>115</v>
      </c>
      <c r="K35" s="67">
        <v>236</v>
      </c>
      <c r="L35" s="79">
        <v>125</v>
      </c>
      <c r="M35" s="80">
        <v>111</v>
      </c>
    </row>
    <row r="36" spans="1:13" ht="21" customHeight="1">
      <c r="A36" s="36" t="s">
        <v>62</v>
      </c>
      <c r="B36" s="64">
        <v>104</v>
      </c>
      <c r="C36" s="65">
        <v>39</v>
      </c>
      <c r="D36" s="65">
        <v>65</v>
      </c>
      <c r="E36" s="64">
        <v>8</v>
      </c>
      <c r="F36" s="65">
        <v>5</v>
      </c>
      <c r="G36" s="66">
        <v>3</v>
      </c>
      <c r="H36" s="65">
        <v>1132</v>
      </c>
      <c r="I36" s="65">
        <v>572</v>
      </c>
      <c r="J36" s="65">
        <v>560</v>
      </c>
      <c r="K36" s="64">
        <v>1020</v>
      </c>
      <c r="L36" s="77">
        <v>528</v>
      </c>
      <c r="M36" s="78">
        <v>492</v>
      </c>
    </row>
    <row r="37" spans="1:13">
      <c r="A37" s="15" t="s">
        <v>64</v>
      </c>
      <c r="B37" s="67">
        <v>3</v>
      </c>
      <c r="C37" s="68">
        <v>12</v>
      </c>
      <c r="D37" s="68">
        <v>-9</v>
      </c>
      <c r="E37" s="67">
        <v>0</v>
      </c>
      <c r="F37" s="68">
        <v>0</v>
      </c>
      <c r="G37" s="69">
        <v>0</v>
      </c>
      <c r="H37" s="68">
        <v>211</v>
      </c>
      <c r="I37" s="68">
        <v>119</v>
      </c>
      <c r="J37" s="68">
        <v>92</v>
      </c>
      <c r="K37" s="67">
        <v>208</v>
      </c>
      <c r="L37" s="79">
        <v>107</v>
      </c>
      <c r="M37" s="80">
        <v>101</v>
      </c>
    </row>
    <row r="38" spans="1:13">
      <c r="A38" s="15" t="s">
        <v>66</v>
      </c>
      <c r="B38" s="67">
        <v>-4</v>
      </c>
      <c r="C38" s="68">
        <v>-14</v>
      </c>
      <c r="D38" s="68">
        <v>10</v>
      </c>
      <c r="E38" s="67">
        <v>1</v>
      </c>
      <c r="F38" s="68">
        <v>0</v>
      </c>
      <c r="G38" s="69">
        <v>1</v>
      </c>
      <c r="H38" s="68">
        <v>228</v>
      </c>
      <c r="I38" s="68">
        <v>108</v>
      </c>
      <c r="J38" s="68">
        <v>120</v>
      </c>
      <c r="K38" s="67">
        <v>231</v>
      </c>
      <c r="L38" s="79">
        <v>122</v>
      </c>
      <c r="M38" s="80">
        <v>109</v>
      </c>
    </row>
    <row r="39" spans="1:13">
      <c r="A39" s="15" t="s">
        <v>68</v>
      </c>
      <c r="B39" s="67">
        <v>36</v>
      </c>
      <c r="C39" s="68">
        <v>7</v>
      </c>
      <c r="D39" s="68">
        <v>29</v>
      </c>
      <c r="E39" s="67">
        <v>1</v>
      </c>
      <c r="F39" s="68">
        <v>1</v>
      </c>
      <c r="G39" s="69">
        <v>0</v>
      </c>
      <c r="H39" s="68">
        <v>234</v>
      </c>
      <c r="I39" s="68">
        <v>111</v>
      </c>
      <c r="J39" s="68">
        <v>123</v>
      </c>
      <c r="K39" s="67">
        <v>197</v>
      </c>
      <c r="L39" s="79">
        <v>103</v>
      </c>
      <c r="M39" s="80">
        <v>94</v>
      </c>
    </row>
    <row r="40" spans="1:13">
      <c r="A40" s="15" t="s">
        <v>70</v>
      </c>
      <c r="B40" s="67">
        <v>41</v>
      </c>
      <c r="C40" s="68">
        <v>-6</v>
      </c>
      <c r="D40" s="68">
        <v>47</v>
      </c>
      <c r="E40" s="67">
        <v>2</v>
      </c>
      <c r="F40" s="68">
        <v>1</v>
      </c>
      <c r="G40" s="69">
        <v>1</v>
      </c>
      <c r="H40" s="68">
        <v>234</v>
      </c>
      <c r="I40" s="68">
        <v>98</v>
      </c>
      <c r="J40" s="68">
        <v>136</v>
      </c>
      <c r="K40" s="67">
        <v>191</v>
      </c>
      <c r="L40" s="79">
        <v>103</v>
      </c>
      <c r="M40" s="80">
        <v>88</v>
      </c>
    </row>
    <row r="41" spans="1:13">
      <c r="A41" s="15" t="s">
        <v>72</v>
      </c>
      <c r="B41" s="67">
        <v>28</v>
      </c>
      <c r="C41" s="68">
        <v>40</v>
      </c>
      <c r="D41" s="68">
        <v>-12</v>
      </c>
      <c r="E41" s="67">
        <v>4</v>
      </c>
      <c r="F41" s="68">
        <v>3</v>
      </c>
      <c r="G41" s="69">
        <v>1</v>
      </c>
      <c r="H41" s="68">
        <v>225</v>
      </c>
      <c r="I41" s="68">
        <v>136</v>
      </c>
      <c r="J41" s="68">
        <v>89</v>
      </c>
      <c r="K41" s="67">
        <v>193</v>
      </c>
      <c r="L41" s="79">
        <v>93</v>
      </c>
      <c r="M41" s="80">
        <v>100</v>
      </c>
    </row>
    <row r="42" spans="1:13" ht="21" customHeight="1">
      <c r="A42" s="36" t="s">
        <v>74</v>
      </c>
      <c r="B42" s="64">
        <v>79</v>
      </c>
      <c r="C42" s="65">
        <v>13</v>
      </c>
      <c r="D42" s="65">
        <v>66</v>
      </c>
      <c r="E42" s="64">
        <v>2</v>
      </c>
      <c r="F42" s="65">
        <v>0</v>
      </c>
      <c r="G42" s="66">
        <v>2</v>
      </c>
      <c r="H42" s="65">
        <v>760</v>
      </c>
      <c r="I42" s="65">
        <v>390</v>
      </c>
      <c r="J42" s="65">
        <v>370</v>
      </c>
      <c r="K42" s="64">
        <v>679</v>
      </c>
      <c r="L42" s="77">
        <v>377</v>
      </c>
      <c r="M42" s="78">
        <v>302</v>
      </c>
    </row>
    <row r="43" spans="1:13">
      <c r="A43" s="15" t="s">
        <v>76</v>
      </c>
      <c r="B43" s="67">
        <v>13</v>
      </c>
      <c r="C43" s="68">
        <v>-4</v>
      </c>
      <c r="D43" s="68">
        <v>17</v>
      </c>
      <c r="E43" s="67">
        <v>0</v>
      </c>
      <c r="F43" s="68">
        <v>0</v>
      </c>
      <c r="G43" s="69">
        <v>0</v>
      </c>
      <c r="H43" s="68">
        <v>197</v>
      </c>
      <c r="I43" s="68">
        <v>94</v>
      </c>
      <c r="J43" s="68">
        <v>103</v>
      </c>
      <c r="K43" s="67">
        <v>184</v>
      </c>
      <c r="L43" s="79">
        <v>98</v>
      </c>
      <c r="M43" s="80">
        <v>86</v>
      </c>
    </row>
    <row r="44" spans="1:13">
      <c r="A44" s="15" t="s">
        <v>78</v>
      </c>
      <c r="B44" s="67">
        <v>25</v>
      </c>
      <c r="C44" s="68">
        <v>22</v>
      </c>
      <c r="D44" s="68">
        <v>3</v>
      </c>
      <c r="E44" s="67">
        <v>2</v>
      </c>
      <c r="F44" s="68">
        <v>0</v>
      </c>
      <c r="G44" s="69">
        <v>2</v>
      </c>
      <c r="H44" s="68">
        <v>164</v>
      </c>
      <c r="I44" s="68">
        <v>88</v>
      </c>
      <c r="J44" s="68">
        <v>76</v>
      </c>
      <c r="K44" s="67">
        <v>137</v>
      </c>
      <c r="L44" s="79">
        <v>66</v>
      </c>
      <c r="M44" s="80">
        <v>71</v>
      </c>
    </row>
    <row r="45" spans="1:13">
      <c r="A45" s="15" t="s">
        <v>80</v>
      </c>
      <c r="B45" s="67">
        <v>15</v>
      </c>
      <c r="C45" s="68">
        <v>-18</v>
      </c>
      <c r="D45" s="68">
        <v>33</v>
      </c>
      <c r="E45" s="67">
        <v>0</v>
      </c>
      <c r="F45" s="68">
        <v>0</v>
      </c>
      <c r="G45" s="69">
        <v>0</v>
      </c>
      <c r="H45" s="68">
        <v>147</v>
      </c>
      <c r="I45" s="68">
        <v>64</v>
      </c>
      <c r="J45" s="68">
        <v>83</v>
      </c>
      <c r="K45" s="67">
        <v>132</v>
      </c>
      <c r="L45" s="79">
        <v>82</v>
      </c>
      <c r="M45" s="80">
        <v>50</v>
      </c>
    </row>
    <row r="46" spans="1:13">
      <c r="A46" s="15" t="s">
        <v>82</v>
      </c>
      <c r="B46" s="67">
        <v>4</v>
      </c>
      <c r="C46" s="68">
        <v>1</v>
      </c>
      <c r="D46" s="68">
        <v>3</v>
      </c>
      <c r="E46" s="67">
        <v>0</v>
      </c>
      <c r="F46" s="68">
        <v>0</v>
      </c>
      <c r="G46" s="69">
        <v>0</v>
      </c>
      <c r="H46" s="68">
        <v>136</v>
      </c>
      <c r="I46" s="68">
        <v>73</v>
      </c>
      <c r="J46" s="68">
        <v>63</v>
      </c>
      <c r="K46" s="67">
        <v>132</v>
      </c>
      <c r="L46" s="79">
        <v>72</v>
      </c>
      <c r="M46" s="80">
        <v>60</v>
      </c>
    </row>
    <row r="47" spans="1:13">
      <c r="A47" s="15" t="s">
        <v>84</v>
      </c>
      <c r="B47" s="67">
        <v>22</v>
      </c>
      <c r="C47" s="68">
        <v>12</v>
      </c>
      <c r="D47" s="68">
        <v>10</v>
      </c>
      <c r="E47" s="67">
        <v>0</v>
      </c>
      <c r="F47" s="68">
        <v>0</v>
      </c>
      <c r="G47" s="69">
        <v>0</v>
      </c>
      <c r="H47" s="68">
        <v>116</v>
      </c>
      <c r="I47" s="68">
        <v>71</v>
      </c>
      <c r="J47" s="68">
        <v>45</v>
      </c>
      <c r="K47" s="67">
        <v>94</v>
      </c>
      <c r="L47" s="79">
        <v>59</v>
      </c>
      <c r="M47" s="80">
        <v>35</v>
      </c>
    </row>
    <row r="48" spans="1:13" ht="21" customHeight="1">
      <c r="A48" s="36" t="s">
        <v>86</v>
      </c>
      <c r="B48" s="64">
        <v>66</v>
      </c>
      <c r="C48" s="65">
        <v>48</v>
      </c>
      <c r="D48" s="65">
        <v>18</v>
      </c>
      <c r="E48" s="64">
        <v>5</v>
      </c>
      <c r="F48" s="65">
        <v>5</v>
      </c>
      <c r="G48" s="66">
        <v>0</v>
      </c>
      <c r="H48" s="65">
        <v>500</v>
      </c>
      <c r="I48" s="65">
        <v>296</v>
      </c>
      <c r="J48" s="65">
        <v>204</v>
      </c>
      <c r="K48" s="64">
        <v>429</v>
      </c>
      <c r="L48" s="77">
        <v>243</v>
      </c>
      <c r="M48" s="78">
        <v>186</v>
      </c>
    </row>
    <row r="49" spans="1:13">
      <c r="A49" s="15" t="s">
        <v>88</v>
      </c>
      <c r="B49" s="67">
        <v>47</v>
      </c>
      <c r="C49" s="68">
        <v>21</v>
      </c>
      <c r="D49" s="68">
        <v>26</v>
      </c>
      <c r="E49" s="67">
        <v>1</v>
      </c>
      <c r="F49" s="68">
        <v>1</v>
      </c>
      <c r="G49" s="69">
        <v>0</v>
      </c>
      <c r="H49" s="68">
        <v>134</v>
      </c>
      <c r="I49" s="68">
        <v>77</v>
      </c>
      <c r="J49" s="68">
        <v>57</v>
      </c>
      <c r="K49" s="67">
        <v>86</v>
      </c>
      <c r="L49" s="79">
        <v>55</v>
      </c>
      <c r="M49" s="80">
        <v>31</v>
      </c>
    </row>
    <row r="50" spans="1:13">
      <c r="A50" s="15" t="s">
        <v>90</v>
      </c>
      <c r="B50" s="67">
        <v>2</v>
      </c>
      <c r="C50" s="68">
        <v>8</v>
      </c>
      <c r="D50" s="68">
        <v>-6</v>
      </c>
      <c r="E50" s="67">
        <v>0</v>
      </c>
      <c r="F50" s="68">
        <v>0</v>
      </c>
      <c r="G50" s="69">
        <v>0</v>
      </c>
      <c r="H50" s="68">
        <v>102</v>
      </c>
      <c r="I50" s="68">
        <v>59</v>
      </c>
      <c r="J50" s="68">
        <v>43</v>
      </c>
      <c r="K50" s="67">
        <v>100</v>
      </c>
      <c r="L50" s="79">
        <v>51</v>
      </c>
      <c r="M50" s="80">
        <v>49</v>
      </c>
    </row>
    <row r="51" spans="1:13">
      <c r="A51" s="15" t="s">
        <v>92</v>
      </c>
      <c r="B51" s="67">
        <v>-1</v>
      </c>
      <c r="C51" s="68">
        <v>18</v>
      </c>
      <c r="D51" s="68">
        <v>-19</v>
      </c>
      <c r="E51" s="67">
        <v>1</v>
      </c>
      <c r="F51" s="68">
        <v>1</v>
      </c>
      <c r="G51" s="69">
        <v>0</v>
      </c>
      <c r="H51" s="68">
        <v>101</v>
      </c>
      <c r="I51" s="68">
        <v>70</v>
      </c>
      <c r="J51" s="68">
        <v>31</v>
      </c>
      <c r="K51" s="67">
        <v>101</v>
      </c>
      <c r="L51" s="79">
        <v>51</v>
      </c>
      <c r="M51" s="80">
        <v>50</v>
      </c>
    </row>
    <row r="52" spans="1:13">
      <c r="A52" s="15" t="s">
        <v>94</v>
      </c>
      <c r="B52" s="67">
        <v>20</v>
      </c>
      <c r="C52" s="68">
        <v>2</v>
      </c>
      <c r="D52" s="68">
        <v>18</v>
      </c>
      <c r="E52" s="67">
        <v>1</v>
      </c>
      <c r="F52" s="68">
        <v>1</v>
      </c>
      <c r="G52" s="69">
        <v>0</v>
      </c>
      <c r="H52" s="68">
        <v>91</v>
      </c>
      <c r="I52" s="68">
        <v>48</v>
      </c>
      <c r="J52" s="68">
        <v>43</v>
      </c>
      <c r="K52" s="67">
        <v>70</v>
      </c>
      <c r="L52" s="79">
        <v>45</v>
      </c>
      <c r="M52" s="80">
        <v>25</v>
      </c>
    </row>
    <row r="53" spans="1:13">
      <c r="A53" s="15" t="s">
        <v>96</v>
      </c>
      <c r="B53" s="67">
        <v>-2</v>
      </c>
      <c r="C53" s="68">
        <v>-1</v>
      </c>
      <c r="D53" s="68">
        <v>-1</v>
      </c>
      <c r="E53" s="67">
        <v>2</v>
      </c>
      <c r="F53" s="68">
        <v>2</v>
      </c>
      <c r="G53" s="69">
        <v>0</v>
      </c>
      <c r="H53" s="68">
        <v>72</v>
      </c>
      <c r="I53" s="68">
        <v>42</v>
      </c>
      <c r="J53" s="68">
        <v>30</v>
      </c>
      <c r="K53" s="67">
        <v>72</v>
      </c>
      <c r="L53" s="79">
        <v>41</v>
      </c>
      <c r="M53" s="80">
        <v>31</v>
      </c>
    </row>
    <row r="54" spans="1:13" ht="21" customHeight="1">
      <c r="A54" s="36" t="s">
        <v>98</v>
      </c>
      <c r="B54" s="64">
        <v>0</v>
      </c>
      <c r="C54" s="65">
        <v>9</v>
      </c>
      <c r="D54" s="65">
        <v>-9</v>
      </c>
      <c r="E54" s="64">
        <v>9</v>
      </c>
      <c r="F54" s="65">
        <v>5</v>
      </c>
      <c r="G54" s="66">
        <v>4</v>
      </c>
      <c r="H54" s="65">
        <v>291</v>
      </c>
      <c r="I54" s="65">
        <v>171</v>
      </c>
      <c r="J54" s="65">
        <v>120</v>
      </c>
      <c r="K54" s="64">
        <v>282</v>
      </c>
      <c r="L54" s="77">
        <v>157</v>
      </c>
      <c r="M54" s="78">
        <v>125</v>
      </c>
    </row>
    <row r="55" spans="1:13">
      <c r="A55" s="15" t="s">
        <v>100</v>
      </c>
      <c r="B55" s="67">
        <v>16</v>
      </c>
      <c r="C55" s="68">
        <v>20</v>
      </c>
      <c r="D55" s="68">
        <v>-4</v>
      </c>
      <c r="E55" s="67">
        <v>1</v>
      </c>
      <c r="F55" s="68">
        <v>0</v>
      </c>
      <c r="G55" s="69">
        <v>1</v>
      </c>
      <c r="H55" s="68">
        <v>67</v>
      </c>
      <c r="I55" s="68">
        <v>46</v>
      </c>
      <c r="J55" s="68">
        <v>21</v>
      </c>
      <c r="K55" s="67">
        <v>50</v>
      </c>
      <c r="L55" s="79">
        <v>26</v>
      </c>
      <c r="M55" s="80">
        <v>24</v>
      </c>
    </row>
    <row r="56" spans="1:13">
      <c r="A56" s="15" t="s">
        <v>102</v>
      </c>
      <c r="B56" s="67">
        <v>-15</v>
      </c>
      <c r="C56" s="68">
        <v>-17</v>
      </c>
      <c r="D56" s="68">
        <v>2</v>
      </c>
      <c r="E56" s="67">
        <v>1</v>
      </c>
      <c r="F56" s="68">
        <v>1</v>
      </c>
      <c r="G56" s="69">
        <v>0</v>
      </c>
      <c r="H56" s="68">
        <v>50</v>
      </c>
      <c r="I56" s="68">
        <v>19</v>
      </c>
      <c r="J56" s="68">
        <v>31</v>
      </c>
      <c r="K56" s="67">
        <v>64</v>
      </c>
      <c r="L56" s="79">
        <v>35</v>
      </c>
      <c r="M56" s="80">
        <v>29</v>
      </c>
    </row>
    <row r="57" spans="1:13">
      <c r="A57" s="15" t="s">
        <v>104</v>
      </c>
      <c r="B57" s="67">
        <v>-1</v>
      </c>
      <c r="C57" s="68">
        <v>2</v>
      </c>
      <c r="D57" s="68">
        <v>-3</v>
      </c>
      <c r="E57" s="67">
        <v>2</v>
      </c>
      <c r="F57" s="68">
        <v>1</v>
      </c>
      <c r="G57" s="69">
        <v>1</v>
      </c>
      <c r="H57" s="68">
        <v>59</v>
      </c>
      <c r="I57" s="68">
        <v>35</v>
      </c>
      <c r="J57" s="68">
        <v>24</v>
      </c>
      <c r="K57" s="67">
        <v>58</v>
      </c>
      <c r="L57" s="79">
        <v>32</v>
      </c>
      <c r="M57" s="80">
        <v>26</v>
      </c>
    </row>
    <row r="58" spans="1:13">
      <c r="A58" s="15" t="s">
        <v>106</v>
      </c>
      <c r="B58" s="67">
        <v>-10</v>
      </c>
      <c r="C58" s="68">
        <v>0</v>
      </c>
      <c r="D58" s="68">
        <v>-10</v>
      </c>
      <c r="E58" s="67">
        <v>3</v>
      </c>
      <c r="F58" s="68">
        <v>1</v>
      </c>
      <c r="G58" s="69">
        <v>2</v>
      </c>
      <c r="H58" s="68">
        <v>53</v>
      </c>
      <c r="I58" s="68">
        <v>35</v>
      </c>
      <c r="J58" s="68">
        <v>18</v>
      </c>
      <c r="K58" s="67">
        <v>60</v>
      </c>
      <c r="L58" s="79">
        <v>34</v>
      </c>
      <c r="M58" s="80">
        <v>26</v>
      </c>
    </row>
    <row r="59" spans="1:13">
      <c r="A59" s="15" t="s">
        <v>108</v>
      </c>
      <c r="B59" s="67">
        <v>10</v>
      </c>
      <c r="C59" s="68">
        <v>4</v>
      </c>
      <c r="D59" s="68">
        <v>6</v>
      </c>
      <c r="E59" s="67">
        <v>2</v>
      </c>
      <c r="F59" s="68">
        <v>2</v>
      </c>
      <c r="G59" s="69">
        <v>0</v>
      </c>
      <c r="H59" s="68">
        <v>62</v>
      </c>
      <c r="I59" s="68">
        <v>36</v>
      </c>
      <c r="J59" s="68">
        <v>26</v>
      </c>
      <c r="K59" s="67">
        <v>50</v>
      </c>
      <c r="L59" s="79">
        <v>30</v>
      </c>
      <c r="M59" s="80">
        <v>20</v>
      </c>
    </row>
    <row r="60" spans="1:13" ht="21" customHeight="1">
      <c r="A60" s="36" t="s">
        <v>110</v>
      </c>
      <c r="B60" s="64">
        <v>-30</v>
      </c>
      <c r="C60" s="65">
        <v>-28</v>
      </c>
      <c r="D60" s="65">
        <v>-2</v>
      </c>
      <c r="E60" s="64">
        <v>16</v>
      </c>
      <c r="F60" s="65">
        <v>11</v>
      </c>
      <c r="G60" s="66">
        <v>5</v>
      </c>
      <c r="H60" s="65">
        <v>266</v>
      </c>
      <c r="I60" s="65">
        <v>147</v>
      </c>
      <c r="J60" s="65">
        <v>119</v>
      </c>
      <c r="K60" s="64">
        <v>280</v>
      </c>
      <c r="L60" s="77">
        <v>164</v>
      </c>
      <c r="M60" s="78">
        <v>116</v>
      </c>
    </row>
    <row r="61" spans="1:13">
      <c r="A61" s="15" t="s">
        <v>112</v>
      </c>
      <c r="B61" s="67">
        <v>-9</v>
      </c>
      <c r="C61" s="68">
        <v>-6</v>
      </c>
      <c r="D61" s="68">
        <v>-3</v>
      </c>
      <c r="E61" s="67">
        <v>2</v>
      </c>
      <c r="F61" s="68">
        <v>1</v>
      </c>
      <c r="G61" s="69">
        <v>1</v>
      </c>
      <c r="H61" s="68">
        <v>55</v>
      </c>
      <c r="I61" s="68">
        <v>34</v>
      </c>
      <c r="J61" s="68">
        <v>21</v>
      </c>
      <c r="K61" s="67">
        <v>62</v>
      </c>
      <c r="L61" s="79">
        <v>39</v>
      </c>
      <c r="M61" s="80">
        <v>23</v>
      </c>
    </row>
    <row r="62" spans="1:13">
      <c r="A62" s="15" t="s">
        <v>114</v>
      </c>
      <c r="B62" s="67">
        <v>2</v>
      </c>
      <c r="C62" s="68">
        <v>-1</v>
      </c>
      <c r="D62" s="68">
        <v>3</v>
      </c>
      <c r="E62" s="67">
        <v>2</v>
      </c>
      <c r="F62" s="68">
        <v>1</v>
      </c>
      <c r="G62" s="69">
        <v>1</v>
      </c>
      <c r="H62" s="68">
        <v>53</v>
      </c>
      <c r="I62" s="68">
        <v>27</v>
      </c>
      <c r="J62" s="68">
        <v>26</v>
      </c>
      <c r="K62" s="67">
        <v>49</v>
      </c>
      <c r="L62" s="79">
        <v>27</v>
      </c>
      <c r="M62" s="80">
        <v>22</v>
      </c>
    </row>
    <row r="63" spans="1:13">
      <c r="A63" s="15" t="s">
        <v>116</v>
      </c>
      <c r="B63" s="67">
        <v>-15</v>
      </c>
      <c r="C63" s="68">
        <v>-6</v>
      </c>
      <c r="D63" s="68">
        <v>-9</v>
      </c>
      <c r="E63" s="67">
        <v>3</v>
      </c>
      <c r="F63" s="68">
        <v>2</v>
      </c>
      <c r="G63" s="69">
        <v>1</v>
      </c>
      <c r="H63" s="68">
        <v>46</v>
      </c>
      <c r="I63" s="68">
        <v>28</v>
      </c>
      <c r="J63" s="68">
        <v>18</v>
      </c>
      <c r="K63" s="67">
        <v>58</v>
      </c>
      <c r="L63" s="79">
        <v>32</v>
      </c>
      <c r="M63" s="80">
        <v>26</v>
      </c>
    </row>
    <row r="64" spans="1:13">
      <c r="A64" s="15" t="s">
        <v>118</v>
      </c>
      <c r="B64" s="67">
        <v>-8</v>
      </c>
      <c r="C64" s="68">
        <v>-14</v>
      </c>
      <c r="D64" s="68">
        <v>6</v>
      </c>
      <c r="E64" s="67">
        <v>5</v>
      </c>
      <c r="F64" s="68">
        <v>4</v>
      </c>
      <c r="G64" s="69">
        <v>1</v>
      </c>
      <c r="H64" s="68">
        <v>48</v>
      </c>
      <c r="I64" s="68">
        <v>24</v>
      </c>
      <c r="J64" s="68">
        <v>24</v>
      </c>
      <c r="K64" s="67">
        <v>51</v>
      </c>
      <c r="L64" s="79">
        <v>34</v>
      </c>
      <c r="M64" s="80">
        <v>17</v>
      </c>
    </row>
    <row r="65" spans="1:13">
      <c r="A65" s="19" t="s">
        <v>120</v>
      </c>
      <c r="B65" s="70">
        <v>0</v>
      </c>
      <c r="C65" s="71">
        <v>-1</v>
      </c>
      <c r="D65" s="71">
        <v>1</v>
      </c>
      <c r="E65" s="70">
        <v>4</v>
      </c>
      <c r="F65" s="71">
        <v>3</v>
      </c>
      <c r="G65" s="72">
        <v>1</v>
      </c>
      <c r="H65" s="71">
        <v>64</v>
      </c>
      <c r="I65" s="71">
        <v>34</v>
      </c>
      <c r="J65" s="71">
        <v>30</v>
      </c>
      <c r="K65" s="70">
        <v>60</v>
      </c>
      <c r="L65" s="81">
        <v>32</v>
      </c>
      <c r="M65" s="82">
        <v>28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713</v>
      </c>
      <c r="C69" s="50">
        <v>368</v>
      </c>
      <c r="D69" s="84">
        <v>34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2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35</v>
      </c>
      <c r="C75" s="65">
        <v>-12</v>
      </c>
      <c r="D75" s="65">
        <v>-23</v>
      </c>
      <c r="E75" s="64">
        <v>35</v>
      </c>
      <c r="F75" s="65">
        <v>20</v>
      </c>
      <c r="G75" s="66">
        <v>15</v>
      </c>
      <c r="H75" s="65">
        <v>230</v>
      </c>
      <c r="I75" s="65">
        <v>126</v>
      </c>
      <c r="J75" s="65">
        <v>104</v>
      </c>
      <c r="K75" s="64">
        <v>230</v>
      </c>
      <c r="L75" s="77">
        <v>118</v>
      </c>
      <c r="M75" s="78">
        <v>112</v>
      </c>
    </row>
    <row r="76" spans="1:13">
      <c r="A76" s="27" t="s">
        <v>5</v>
      </c>
      <c r="B76" s="67">
        <v>-3</v>
      </c>
      <c r="C76" s="68">
        <v>5</v>
      </c>
      <c r="D76" s="68">
        <v>-8</v>
      </c>
      <c r="E76" s="67">
        <v>12</v>
      </c>
      <c r="F76" s="68">
        <v>7</v>
      </c>
      <c r="G76" s="69">
        <v>5</v>
      </c>
      <c r="H76" s="68">
        <v>57</v>
      </c>
      <c r="I76" s="68">
        <v>33</v>
      </c>
      <c r="J76" s="68">
        <v>24</v>
      </c>
      <c r="K76" s="67">
        <v>48</v>
      </c>
      <c r="L76" s="79">
        <v>21</v>
      </c>
      <c r="M76" s="80">
        <v>27</v>
      </c>
    </row>
    <row r="77" spans="1:13">
      <c r="A77" s="27" t="s">
        <v>7</v>
      </c>
      <c r="B77" s="67">
        <v>-18</v>
      </c>
      <c r="C77" s="68">
        <v>-8</v>
      </c>
      <c r="D77" s="68">
        <v>-10</v>
      </c>
      <c r="E77" s="67">
        <v>4</v>
      </c>
      <c r="F77" s="68">
        <v>3</v>
      </c>
      <c r="G77" s="69">
        <v>1</v>
      </c>
      <c r="H77" s="68">
        <v>35</v>
      </c>
      <c r="I77" s="68">
        <v>17</v>
      </c>
      <c r="J77" s="68">
        <v>18</v>
      </c>
      <c r="K77" s="67">
        <v>49</v>
      </c>
      <c r="L77" s="79">
        <v>22</v>
      </c>
      <c r="M77" s="80">
        <v>27</v>
      </c>
    </row>
    <row r="78" spans="1:13">
      <c r="A78" s="27" t="s">
        <v>9</v>
      </c>
      <c r="B78" s="67">
        <v>-10</v>
      </c>
      <c r="C78" s="68">
        <v>-12</v>
      </c>
      <c r="D78" s="68">
        <v>2</v>
      </c>
      <c r="E78" s="67">
        <v>3</v>
      </c>
      <c r="F78" s="68">
        <v>1</v>
      </c>
      <c r="G78" s="69">
        <v>2</v>
      </c>
      <c r="H78" s="68">
        <v>43</v>
      </c>
      <c r="I78" s="68">
        <v>22</v>
      </c>
      <c r="J78" s="68">
        <v>21</v>
      </c>
      <c r="K78" s="67">
        <v>50</v>
      </c>
      <c r="L78" s="79">
        <v>33</v>
      </c>
      <c r="M78" s="80">
        <v>17</v>
      </c>
    </row>
    <row r="79" spans="1:13">
      <c r="A79" s="27" t="s">
        <v>11</v>
      </c>
      <c r="B79" s="67">
        <v>9</v>
      </c>
      <c r="C79" s="68">
        <v>8</v>
      </c>
      <c r="D79" s="68">
        <v>1</v>
      </c>
      <c r="E79" s="67">
        <v>4</v>
      </c>
      <c r="F79" s="68">
        <v>2</v>
      </c>
      <c r="G79" s="69">
        <v>2</v>
      </c>
      <c r="H79" s="68">
        <v>47</v>
      </c>
      <c r="I79" s="68">
        <v>28</v>
      </c>
      <c r="J79" s="68">
        <v>19</v>
      </c>
      <c r="K79" s="67">
        <v>34</v>
      </c>
      <c r="L79" s="79">
        <v>18</v>
      </c>
      <c r="M79" s="80">
        <v>16</v>
      </c>
    </row>
    <row r="80" spans="1:13">
      <c r="A80" s="27" t="s">
        <v>13</v>
      </c>
      <c r="B80" s="67">
        <v>-13</v>
      </c>
      <c r="C80" s="68">
        <v>-5</v>
      </c>
      <c r="D80" s="68">
        <v>-8</v>
      </c>
      <c r="E80" s="67">
        <v>12</v>
      </c>
      <c r="F80" s="68">
        <v>7</v>
      </c>
      <c r="G80" s="69">
        <v>5</v>
      </c>
      <c r="H80" s="68">
        <v>48</v>
      </c>
      <c r="I80" s="68">
        <v>26</v>
      </c>
      <c r="J80" s="68">
        <v>22</v>
      </c>
      <c r="K80" s="67">
        <v>49</v>
      </c>
      <c r="L80" s="79">
        <v>24</v>
      </c>
      <c r="M80" s="80">
        <v>25</v>
      </c>
    </row>
    <row r="81" spans="1:13" ht="21" customHeight="1">
      <c r="A81" s="38" t="s">
        <v>15</v>
      </c>
      <c r="B81" s="64">
        <v>-2</v>
      </c>
      <c r="C81" s="65">
        <v>-15</v>
      </c>
      <c r="D81" s="65">
        <v>13</v>
      </c>
      <c r="E81" s="64">
        <v>22</v>
      </c>
      <c r="F81" s="65">
        <v>11</v>
      </c>
      <c r="G81" s="66">
        <v>11</v>
      </c>
      <c r="H81" s="65">
        <v>184</v>
      </c>
      <c r="I81" s="65">
        <v>90</v>
      </c>
      <c r="J81" s="65">
        <v>94</v>
      </c>
      <c r="K81" s="64">
        <v>164</v>
      </c>
      <c r="L81" s="77">
        <v>94</v>
      </c>
      <c r="M81" s="78">
        <v>70</v>
      </c>
    </row>
    <row r="82" spans="1:13">
      <c r="A82" s="27" t="s">
        <v>17</v>
      </c>
      <c r="B82" s="67">
        <v>-5</v>
      </c>
      <c r="C82" s="68">
        <v>0</v>
      </c>
      <c r="D82" s="68">
        <v>-5</v>
      </c>
      <c r="E82" s="67">
        <v>4</v>
      </c>
      <c r="F82" s="68">
        <v>3</v>
      </c>
      <c r="G82" s="69">
        <v>1</v>
      </c>
      <c r="H82" s="68">
        <v>42</v>
      </c>
      <c r="I82" s="68">
        <v>23</v>
      </c>
      <c r="J82" s="68">
        <v>19</v>
      </c>
      <c r="K82" s="67">
        <v>43</v>
      </c>
      <c r="L82" s="79">
        <v>20</v>
      </c>
      <c r="M82" s="80">
        <v>23</v>
      </c>
    </row>
    <row r="83" spans="1:13">
      <c r="A83" s="27" t="s">
        <v>19</v>
      </c>
      <c r="B83" s="67">
        <v>-1</v>
      </c>
      <c r="C83" s="68">
        <v>-6</v>
      </c>
      <c r="D83" s="68">
        <v>5</v>
      </c>
      <c r="E83" s="67">
        <v>5</v>
      </c>
      <c r="F83" s="68">
        <v>2</v>
      </c>
      <c r="G83" s="69">
        <v>3</v>
      </c>
      <c r="H83" s="68">
        <v>33</v>
      </c>
      <c r="I83" s="68">
        <v>16</v>
      </c>
      <c r="J83" s="68">
        <v>17</v>
      </c>
      <c r="K83" s="67">
        <v>29</v>
      </c>
      <c r="L83" s="79">
        <v>20</v>
      </c>
      <c r="M83" s="80">
        <v>9</v>
      </c>
    </row>
    <row r="84" spans="1:13">
      <c r="A84" s="27" t="s">
        <v>21</v>
      </c>
      <c r="B84" s="67">
        <v>9</v>
      </c>
      <c r="C84" s="68">
        <v>6</v>
      </c>
      <c r="D84" s="68">
        <v>3</v>
      </c>
      <c r="E84" s="67">
        <v>1</v>
      </c>
      <c r="F84" s="68">
        <v>1</v>
      </c>
      <c r="G84" s="69">
        <v>0</v>
      </c>
      <c r="H84" s="68">
        <v>38</v>
      </c>
      <c r="I84" s="68">
        <v>19</v>
      </c>
      <c r="J84" s="68">
        <v>19</v>
      </c>
      <c r="K84" s="67">
        <v>28</v>
      </c>
      <c r="L84" s="79">
        <v>12</v>
      </c>
      <c r="M84" s="80">
        <v>16</v>
      </c>
    </row>
    <row r="85" spans="1:13">
      <c r="A85" s="27" t="s">
        <v>23</v>
      </c>
      <c r="B85" s="67">
        <v>-4</v>
      </c>
      <c r="C85" s="68">
        <v>-8</v>
      </c>
      <c r="D85" s="68">
        <v>4</v>
      </c>
      <c r="E85" s="67">
        <v>6</v>
      </c>
      <c r="F85" s="68">
        <v>3</v>
      </c>
      <c r="G85" s="69">
        <v>3</v>
      </c>
      <c r="H85" s="68">
        <v>32</v>
      </c>
      <c r="I85" s="68">
        <v>16</v>
      </c>
      <c r="J85" s="68">
        <v>16</v>
      </c>
      <c r="K85" s="67">
        <v>30</v>
      </c>
      <c r="L85" s="79">
        <v>21</v>
      </c>
      <c r="M85" s="80">
        <v>9</v>
      </c>
    </row>
    <row r="86" spans="1:13">
      <c r="A86" s="27" t="s">
        <v>25</v>
      </c>
      <c r="B86" s="67">
        <v>-1</v>
      </c>
      <c r="C86" s="68">
        <v>-7</v>
      </c>
      <c r="D86" s="68">
        <v>6</v>
      </c>
      <c r="E86" s="67">
        <v>6</v>
      </c>
      <c r="F86" s="68">
        <v>2</v>
      </c>
      <c r="G86" s="69">
        <v>4</v>
      </c>
      <c r="H86" s="68">
        <v>39</v>
      </c>
      <c r="I86" s="68">
        <v>16</v>
      </c>
      <c r="J86" s="68">
        <v>23</v>
      </c>
      <c r="K86" s="67">
        <v>34</v>
      </c>
      <c r="L86" s="79">
        <v>21</v>
      </c>
      <c r="M86" s="80">
        <v>13</v>
      </c>
    </row>
    <row r="87" spans="1:13" ht="21" customHeight="1">
      <c r="A87" s="38" t="s">
        <v>27</v>
      </c>
      <c r="B87" s="64">
        <v>-35</v>
      </c>
      <c r="C87" s="65">
        <v>-11</v>
      </c>
      <c r="D87" s="65">
        <v>-24</v>
      </c>
      <c r="E87" s="64">
        <v>38</v>
      </c>
      <c r="F87" s="65">
        <v>21</v>
      </c>
      <c r="G87" s="66">
        <v>17</v>
      </c>
      <c r="H87" s="65">
        <v>119</v>
      </c>
      <c r="I87" s="65">
        <v>71</v>
      </c>
      <c r="J87" s="65">
        <v>48</v>
      </c>
      <c r="K87" s="64">
        <v>116</v>
      </c>
      <c r="L87" s="77">
        <v>61</v>
      </c>
      <c r="M87" s="78">
        <v>55</v>
      </c>
    </row>
    <row r="88" spans="1:13">
      <c r="A88" s="27" t="s">
        <v>29</v>
      </c>
      <c r="B88" s="67">
        <v>-1</v>
      </c>
      <c r="C88" s="68">
        <v>-1</v>
      </c>
      <c r="D88" s="68">
        <v>0</v>
      </c>
      <c r="E88" s="67">
        <v>4</v>
      </c>
      <c r="F88" s="68">
        <v>3</v>
      </c>
      <c r="G88" s="69">
        <v>1</v>
      </c>
      <c r="H88" s="68">
        <v>31</v>
      </c>
      <c r="I88" s="68">
        <v>19</v>
      </c>
      <c r="J88" s="68">
        <v>12</v>
      </c>
      <c r="K88" s="67">
        <v>28</v>
      </c>
      <c r="L88" s="79">
        <v>17</v>
      </c>
      <c r="M88" s="80">
        <v>11</v>
      </c>
    </row>
    <row r="89" spans="1:13">
      <c r="A89" s="27" t="s">
        <v>31</v>
      </c>
      <c r="B89" s="67">
        <v>-12</v>
      </c>
      <c r="C89" s="68">
        <v>-4</v>
      </c>
      <c r="D89" s="68">
        <v>-8</v>
      </c>
      <c r="E89" s="67">
        <v>12</v>
      </c>
      <c r="F89" s="68">
        <v>6</v>
      </c>
      <c r="G89" s="69">
        <v>6</v>
      </c>
      <c r="H89" s="68">
        <v>25</v>
      </c>
      <c r="I89" s="68">
        <v>15</v>
      </c>
      <c r="J89" s="68">
        <v>10</v>
      </c>
      <c r="K89" s="67">
        <v>25</v>
      </c>
      <c r="L89" s="79">
        <v>13</v>
      </c>
      <c r="M89" s="80">
        <v>12</v>
      </c>
    </row>
    <row r="90" spans="1:13">
      <c r="A90" s="27" t="s">
        <v>33</v>
      </c>
      <c r="B90" s="67">
        <v>-4</v>
      </c>
      <c r="C90" s="68">
        <v>1</v>
      </c>
      <c r="D90" s="68">
        <v>-5</v>
      </c>
      <c r="E90" s="67">
        <v>7</v>
      </c>
      <c r="F90" s="68">
        <v>3</v>
      </c>
      <c r="G90" s="69">
        <v>4</v>
      </c>
      <c r="H90" s="68">
        <v>23</v>
      </c>
      <c r="I90" s="68">
        <v>14</v>
      </c>
      <c r="J90" s="68">
        <v>9</v>
      </c>
      <c r="K90" s="67">
        <v>20</v>
      </c>
      <c r="L90" s="79">
        <v>10</v>
      </c>
      <c r="M90" s="80">
        <v>10</v>
      </c>
    </row>
    <row r="91" spans="1:13">
      <c r="A91" s="27" t="s">
        <v>35</v>
      </c>
      <c r="B91" s="67">
        <v>0</v>
      </c>
      <c r="C91" s="68">
        <v>2</v>
      </c>
      <c r="D91" s="68">
        <v>-2</v>
      </c>
      <c r="E91" s="67">
        <v>7</v>
      </c>
      <c r="F91" s="68">
        <v>4</v>
      </c>
      <c r="G91" s="69">
        <v>3</v>
      </c>
      <c r="H91" s="68">
        <v>27</v>
      </c>
      <c r="I91" s="68">
        <v>15</v>
      </c>
      <c r="J91" s="68">
        <v>12</v>
      </c>
      <c r="K91" s="67">
        <v>20</v>
      </c>
      <c r="L91" s="79">
        <v>9</v>
      </c>
      <c r="M91" s="80">
        <v>11</v>
      </c>
    </row>
    <row r="92" spans="1:13">
      <c r="A92" s="27" t="s">
        <v>37</v>
      </c>
      <c r="B92" s="67">
        <v>-18</v>
      </c>
      <c r="C92" s="68">
        <v>-9</v>
      </c>
      <c r="D92" s="68">
        <v>-9</v>
      </c>
      <c r="E92" s="67">
        <v>8</v>
      </c>
      <c r="F92" s="68">
        <v>5</v>
      </c>
      <c r="G92" s="69">
        <v>3</v>
      </c>
      <c r="H92" s="68">
        <v>13</v>
      </c>
      <c r="I92" s="68">
        <v>8</v>
      </c>
      <c r="J92" s="68">
        <v>5</v>
      </c>
      <c r="K92" s="67">
        <v>23</v>
      </c>
      <c r="L92" s="79">
        <v>12</v>
      </c>
      <c r="M92" s="80">
        <v>11</v>
      </c>
    </row>
    <row r="93" spans="1:13" ht="21" customHeight="1">
      <c r="A93" s="38" t="s">
        <v>39</v>
      </c>
      <c r="B93" s="64">
        <v>-50</v>
      </c>
      <c r="C93" s="65">
        <v>-37</v>
      </c>
      <c r="D93" s="65">
        <v>-13</v>
      </c>
      <c r="E93" s="64">
        <v>56</v>
      </c>
      <c r="F93" s="65">
        <v>43</v>
      </c>
      <c r="G93" s="66">
        <v>13</v>
      </c>
      <c r="H93" s="65">
        <v>91</v>
      </c>
      <c r="I93" s="65">
        <v>48</v>
      </c>
      <c r="J93" s="65">
        <v>43</v>
      </c>
      <c r="K93" s="64">
        <v>85</v>
      </c>
      <c r="L93" s="77">
        <v>42</v>
      </c>
      <c r="M93" s="78">
        <v>43</v>
      </c>
    </row>
    <row r="94" spans="1:13">
      <c r="A94" s="27" t="s">
        <v>41</v>
      </c>
      <c r="B94" s="67">
        <v>-9</v>
      </c>
      <c r="C94" s="68">
        <v>-3</v>
      </c>
      <c r="D94" s="68">
        <v>-6</v>
      </c>
      <c r="E94" s="67">
        <v>3</v>
      </c>
      <c r="F94" s="68">
        <v>3</v>
      </c>
      <c r="G94" s="69">
        <v>0</v>
      </c>
      <c r="H94" s="68">
        <v>17</v>
      </c>
      <c r="I94" s="68">
        <v>9</v>
      </c>
      <c r="J94" s="68">
        <v>8</v>
      </c>
      <c r="K94" s="67">
        <v>23</v>
      </c>
      <c r="L94" s="79">
        <v>9</v>
      </c>
      <c r="M94" s="80">
        <v>14</v>
      </c>
    </row>
    <row r="95" spans="1:13">
      <c r="A95" s="27" t="s">
        <v>43</v>
      </c>
      <c r="B95" s="67">
        <v>-12</v>
      </c>
      <c r="C95" s="68">
        <v>-10</v>
      </c>
      <c r="D95" s="68">
        <v>-2</v>
      </c>
      <c r="E95" s="67">
        <v>11</v>
      </c>
      <c r="F95" s="68">
        <v>10</v>
      </c>
      <c r="G95" s="69">
        <v>1</v>
      </c>
      <c r="H95" s="68">
        <v>18</v>
      </c>
      <c r="I95" s="68">
        <v>7</v>
      </c>
      <c r="J95" s="68">
        <v>11</v>
      </c>
      <c r="K95" s="67">
        <v>19</v>
      </c>
      <c r="L95" s="79">
        <v>7</v>
      </c>
      <c r="M95" s="80">
        <v>12</v>
      </c>
    </row>
    <row r="96" spans="1:13">
      <c r="A96" s="27" t="s">
        <v>45</v>
      </c>
      <c r="B96" s="67">
        <v>-4</v>
      </c>
      <c r="C96" s="68">
        <v>-6</v>
      </c>
      <c r="D96" s="68">
        <v>2</v>
      </c>
      <c r="E96" s="67">
        <v>13</v>
      </c>
      <c r="F96" s="68">
        <v>10</v>
      </c>
      <c r="G96" s="69">
        <v>3</v>
      </c>
      <c r="H96" s="68">
        <v>20</v>
      </c>
      <c r="I96" s="68">
        <v>11</v>
      </c>
      <c r="J96" s="68">
        <v>9</v>
      </c>
      <c r="K96" s="67">
        <v>11</v>
      </c>
      <c r="L96" s="79">
        <v>7</v>
      </c>
      <c r="M96" s="80">
        <v>4</v>
      </c>
    </row>
    <row r="97" spans="1:13">
      <c r="A97" s="27" t="s">
        <v>47</v>
      </c>
      <c r="B97" s="67">
        <v>-17</v>
      </c>
      <c r="C97" s="68">
        <v>-10</v>
      </c>
      <c r="D97" s="68">
        <v>-7</v>
      </c>
      <c r="E97" s="67">
        <v>15</v>
      </c>
      <c r="F97" s="68">
        <v>10</v>
      </c>
      <c r="G97" s="69">
        <v>5</v>
      </c>
      <c r="H97" s="68">
        <v>16</v>
      </c>
      <c r="I97" s="68">
        <v>10</v>
      </c>
      <c r="J97" s="68">
        <v>6</v>
      </c>
      <c r="K97" s="67">
        <v>18</v>
      </c>
      <c r="L97" s="79">
        <v>10</v>
      </c>
      <c r="M97" s="80">
        <v>8</v>
      </c>
    </row>
    <row r="98" spans="1:13">
      <c r="A98" s="27" t="s">
        <v>49</v>
      </c>
      <c r="B98" s="67">
        <v>-8</v>
      </c>
      <c r="C98" s="68">
        <v>-8</v>
      </c>
      <c r="D98" s="68">
        <v>0</v>
      </c>
      <c r="E98" s="67">
        <v>14</v>
      </c>
      <c r="F98" s="68">
        <v>10</v>
      </c>
      <c r="G98" s="69">
        <v>4</v>
      </c>
      <c r="H98" s="68">
        <v>20</v>
      </c>
      <c r="I98" s="68">
        <v>11</v>
      </c>
      <c r="J98" s="68">
        <v>9</v>
      </c>
      <c r="K98" s="67">
        <v>14</v>
      </c>
      <c r="L98" s="79">
        <v>9</v>
      </c>
      <c r="M98" s="80">
        <v>5</v>
      </c>
    </row>
    <row r="99" spans="1:13" ht="21" customHeight="1">
      <c r="A99" s="38" t="s">
        <v>51</v>
      </c>
      <c r="B99" s="64">
        <v>-97</v>
      </c>
      <c r="C99" s="65">
        <v>-69</v>
      </c>
      <c r="D99" s="65">
        <v>-28</v>
      </c>
      <c r="E99" s="64">
        <v>116</v>
      </c>
      <c r="F99" s="65">
        <v>81</v>
      </c>
      <c r="G99" s="66">
        <v>35</v>
      </c>
      <c r="H99" s="65">
        <v>115</v>
      </c>
      <c r="I99" s="65">
        <v>54</v>
      </c>
      <c r="J99" s="65">
        <v>61</v>
      </c>
      <c r="K99" s="64">
        <v>96</v>
      </c>
      <c r="L99" s="77">
        <v>42</v>
      </c>
      <c r="M99" s="78">
        <v>54</v>
      </c>
    </row>
    <row r="100" spans="1:13">
      <c r="A100" s="27" t="s">
        <v>53</v>
      </c>
      <c r="B100" s="67">
        <v>-8</v>
      </c>
      <c r="C100" s="68">
        <v>-7</v>
      </c>
      <c r="D100" s="68">
        <v>-1</v>
      </c>
      <c r="E100" s="67">
        <v>12</v>
      </c>
      <c r="F100" s="68">
        <v>8</v>
      </c>
      <c r="G100" s="69">
        <v>4</v>
      </c>
      <c r="H100" s="68">
        <v>25</v>
      </c>
      <c r="I100" s="68">
        <v>13</v>
      </c>
      <c r="J100" s="68">
        <v>12</v>
      </c>
      <c r="K100" s="67">
        <v>21</v>
      </c>
      <c r="L100" s="79">
        <v>12</v>
      </c>
      <c r="M100" s="80">
        <v>9</v>
      </c>
    </row>
    <row r="101" spans="1:13">
      <c r="A101" s="27" t="s">
        <v>55</v>
      </c>
      <c r="B101" s="67">
        <v>-20</v>
      </c>
      <c r="C101" s="68">
        <v>-6</v>
      </c>
      <c r="D101" s="68">
        <v>-14</v>
      </c>
      <c r="E101" s="67">
        <v>14</v>
      </c>
      <c r="F101" s="68">
        <v>8</v>
      </c>
      <c r="G101" s="69">
        <v>6</v>
      </c>
      <c r="H101" s="68">
        <v>17</v>
      </c>
      <c r="I101" s="68">
        <v>11</v>
      </c>
      <c r="J101" s="68">
        <v>6</v>
      </c>
      <c r="K101" s="67">
        <v>23</v>
      </c>
      <c r="L101" s="79">
        <v>9</v>
      </c>
      <c r="M101" s="80">
        <v>14</v>
      </c>
    </row>
    <row r="102" spans="1:13">
      <c r="A102" s="27" t="s">
        <v>57</v>
      </c>
      <c r="B102" s="67">
        <v>-18</v>
      </c>
      <c r="C102" s="68">
        <v>-14</v>
      </c>
      <c r="D102" s="68">
        <v>-4</v>
      </c>
      <c r="E102" s="67">
        <v>25</v>
      </c>
      <c r="F102" s="68">
        <v>17</v>
      </c>
      <c r="G102" s="69">
        <v>8</v>
      </c>
      <c r="H102" s="68">
        <v>27</v>
      </c>
      <c r="I102" s="68">
        <v>12</v>
      </c>
      <c r="J102" s="68">
        <v>15</v>
      </c>
      <c r="K102" s="67">
        <v>20</v>
      </c>
      <c r="L102" s="79">
        <v>9</v>
      </c>
      <c r="M102" s="80">
        <v>11</v>
      </c>
    </row>
    <row r="103" spans="1:13">
      <c r="A103" s="27" t="s">
        <v>59</v>
      </c>
      <c r="B103" s="67">
        <v>-17</v>
      </c>
      <c r="C103" s="68">
        <v>-14</v>
      </c>
      <c r="D103" s="68">
        <v>-3</v>
      </c>
      <c r="E103" s="67">
        <v>26</v>
      </c>
      <c r="F103" s="68">
        <v>17</v>
      </c>
      <c r="G103" s="69">
        <v>9</v>
      </c>
      <c r="H103" s="68">
        <v>24</v>
      </c>
      <c r="I103" s="68">
        <v>9</v>
      </c>
      <c r="J103" s="68">
        <v>15</v>
      </c>
      <c r="K103" s="67">
        <v>15</v>
      </c>
      <c r="L103" s="79">
        <v>6</v>
      </c>
      <c r="M103" s="80">
        <v>9</v>
      </c>
    </row>
    <row r="104" spans="1:13">
      <c r="A104" s="27" t="s">
        <v>61</v>
      </c>
      <c r="B104" s="67">
        <v>-34</v>
      </c>
      <c r="C104" s="68">
        <v>-28</v>
      </c>
      <c r="D104" s="68">
        <v>-6</v>
      </c>
      <c r="E104" s="67">
        <v>39</v>
      </c>
      <c r="F104" s="68">
        <v>31</v>
      </c>
      <c r="G104" s="69">
        <v>8</v>
      </c>
      <c r="H104" s="68">
        <v>22</v>
      </c>
      <c r="I104" s="68">
        <v>9</v>
      </c>
      <c r="J104" s="68">
        <v>13</v>
      </c>
      <c r="K104" s="67">
        <v>17</v>
      </c>
      <c r="L104" s="79">
        <v>6</v>
      </c>
      <c r="M104" s="80">
        <v>11</v>
      </c>
    </row>
    <row r="105" spans="1:13" ht="21" customHeight="1">
      <c r="A105" s="38" t="s">
        <v>63</v>
      </c>
      <c r="B105" s="64">
        <v>-137</v>
      </c>
      <c r="C105" s="65">
        <v>-93</v>
      </c>
      <c r="D105" s="65">
        <v>-44</v>
      </c>
      <c r="E105" s="64">
        <v>161</v>
      </c>
      <c r="F105" s="65">
        <v>102</v>
      </c>
      <c r="G105" s="66">
        <v>59</v>
      </c>
      <c r="H105" s="65">
        <v>99</v>
      </c>
      <c r="I105" s="65">
        <v>45</v>
      </c>
      <c r="J105" s="65">
        <v>54</v>
      </c>
      <c r="K105" s="64">
        <v>75</v>
      </c>
      <c r="L105" s="77">
        <v>36</v>
      </c>
      <c r="M105" s="78">
        <v>39</v>
      </c>
    </row>
    <row r="106" spans="1:13">
      <c r="A106" s="27" t="s">
        <v>65</v>
      </c>
      <c r="B106" s="67">
        <v>-34</v>
      </c>
      <c r="C106" s="68">
        <v>-21</v>
      </c>
      <c r="D106" s="68">
        <v>-13</v>
      </c>
      <c r="E106" s="67">
        <v>37</v>
      </c>
      <c r="F106" s="68">
        <v>24</v>
      </c>
      <c r="G106" s="69">
        <v>13</v>
      </c>
      <c r="H106" s="68">
        <v>27</v>
      </c>
      <c r="I106" s="68">
        <v>15</v>
      </c>
      <c r="J106" s="68">
        <v>12</v>
      </c>
      <c r="K106" s="67">
        <v>24</v>
      </c>
      <c r="L106" s="79">
        <v>12</v>
      </c>
      <c r="M106" s="80">
        <v>12</v>
      </c>
    </row>
    <row r="107" spans="1:13">
      <c r="A107" s="27" t="s">
        <v>67</v>
      </c>
      <c r="B107" s="67">
        <v>-22</v>
      </c>
      <c r="C107" s="68">
        <v>-16</v>
      </c>
      <c r="D107" s="68">
        <v>-6</v>
      </c>
      <c r="E107" s="67">
        <v>26</v>
      </c>
      <c r="F107" s="68">
        <v>17</v>
      </c>
      <c r="G107" s="69">
        <v>9</v>
      </c>
      <c r="H107" s="68">
        <v>18</v>
      </c>
      <c r="I107" s="68">
        <v>9</v>
      </c>
      <c r="J107" s="68">
        <v>9</v>
      </c>
      <c r="K107" s="67">
        <v>14</v>
      </c>
      <c r="L107" s="79">
        <v>8</v>
      </c>
      <c r="M107" s="80">
        <v>6</v>
      </c>
    </row>
    <row r="108" spans="1:13">
      <c r="A108" s="27" t="s">
        <v>69</v>
      </c>
      <c r="B108" s="67">
        <v>-14</v>
      </c>
      <c r="C108" s="68">
        <v>-13</v>
      </c>
      <c r="D108" s="68">
        <v>-1</v>
      </c>
      <c r="E108" s="67">
        <v>20</v>
      </c>
      <c r="F108" s="68">
        <v>14</v>
      </c>
      <c r="G108" s="69">
        <v>6</v>
      </c>
      <c r="H108" s="68">
        <v>12</v>
      </c>
      <c r="I108" s="68">
        <v>4</v>
      </c>
      <c r="J108" s="68">
        <v>8</v>
      </c>
      <c r="K108" s="67">
        <v>6</v>
      </c>
      <c r="L108" s="79">
        <v>3</v>
      </c>
      <c r="M108" s="80">
        <v>3</v>
      </c>
    </row>
    <row r="109" spans="1:13">
      <c r="A109" s="27" t="s">
        <v>71</v>
      </c>
      <c r="B109" s="67">
        <v>-23</v>
      </c>
      <c r="C109" s="68">
        <v>-14</v>
      </c>
      <c r="D109" s="68">
        <v>-9</v>
      </c>
      <c r="E109" s="67">
        <v>30</v>
      </c>
      <c r="F109" s="68">
        <v>18</v>
      </c>
      <c r="G109" s="69">
        <v>12</v>
      </c>
      <c r="H109" s="68">
        <v>22</v>
      </c>
      <c r="I109" s="68">
        <v>10</v>
      </c>
      <c r="J109" s="68">
        <v>12</v>
      </c>
      <c r="K109" s="67">
        <v>15</v>
      </c>
      <c r="L109" s="79">
        <v>6</v>
      </c>
      <c r="M109" s="80">
        <v>9</v>
      </c>
    </row>
    <row r="110" spans="1:13">
      <c r="A110" s="27" t="s">
        <v>73</v>
      </c>
      <c r="B110" s="67">
        <v>-44</v>
      </c>
      <c r="C110" s="68">
        <v>-29</v>
      </c>
      <c r="D110" s="68">
        <v>-15</v>
      </c>
      <c r="E110" s="67">
        <v>48</v>
      </c>
      <c r="F110" s="68">
        <v>29</v>
      </c>
      <c r="G110" s="69">
        <v>19</v>
      </c>
      <c r="H110" s="68">
        <v>20</v>
      </c>
      <c r="I110" s="68">
        <v>7</v>
      </c>
      <c r="J110" s="68">
        <v>13</v>
      </c>
      <c r="K110" s="67">
        <v>16</v>
      </c>
      <c r="L110" s="79">
        <v>7</v>
      </c>
      <c r="M110" s="80">
        <v>9</v>
      </c>
    </row>
    <row r="111" spans="1:13" ht="21" customHeight="1">
      <c r="A111" s="38" t="s">
        <v>75</v>
      </c>
      <c r="B111" s="64">
        <v>-248</v>
      </c>
      <c r="C111" s="65">
        <v>-154</v>
      </c>
      <c r="D111" s="65">
        <v>-94</v>
      </c>
      <c r="E111" s="64">
        <v>282</v>
      </c>
      <c r="F111" s="65">
        <v>169</v>
      </c>
      <c r="G111" s="66">
        <v>113</v>
      </c>
      <c r="H111" s="65">
        <v>107</v>
      </c>
      <c r="I111" s="65">
        <v>41</v>
      </c>
      <c r="J111" s="65">
        <v>66</v>
      </c>
      <c r="K111" s="64">
        <v>73</v>
      </c>
      <c r="L111" s="77">
        <v>26</v>
      </c>
      <c r="M111" s="78">
        <v>47</v>
      </c>
    </row>
    <row r="112" spans="1:13">
      <c r="A112" s="27" t="s">
        <v>77</v>
      </c>
      <c r="B112" s="67">
        <v>-31</v>
      </c>
      <c r="C112" s="68">
        <v>-20</v>
      </c>
      <c r="D112" s="68">
        <v>-11</v>
      </c>
      <c r="E112" s="67">
        <v>47</v>
      </c>
      <c r="F112" s="68">
        <v>29</v>
      </c>
      <c r="G112" s="69">
        <v>18</v>
      </c>
      <c r="H112" s="68">
        <v>25</v>
      </c>
      <c r="I112" s="68">
        <v>11</v>
      </c>
      <c r="J112" s="68">
        <v>14</v>
      </c>
      <c r="K112" s="67">
        <v>9</v>
      </c>
      <c r="L112" s="79">
        <v>2</v>
      </c>
      <c r="M112" s="80">
        <v>7</v>
      </c>
    </row>
    <row r="113" spans="1:13">
      <c r="A113" s="27" t="s">
        <v>79</v>
      </c>
      <c r="B113" s="67">
        <v>-52</v>
      </c>
      <c r="C113" s="68">
        <v>-36</v>
      </c>
      <c r="D113" s="68">
        <v>-16</v>
      </c>
      <c r="E113" s="67">
        <v>51</v>
      </c>
      <c r="F113" s="68">
        <v>31</v>
      </c>
      <c r="G113" s="69">
        <v>20</v>
      </c>
      <c r="H113" s="68">
        <v>18</v>
      </c>
      <c r="I113" s="68">
        <v>6</v>
      </c>
      <c r="J113" s="68">
        <v>12</v>
      </c>
      <c r="K113" s="67">
        <v>19</v>
      </c>
      <c r="L113" s="79">
        <v>11</v>
      </c>
      <c r="M113" s="80">
        <v>8</v>
      </c>
    </row>
    <row r="114" spans="1:13">
      <c r="A114" s="27" t="s">
        <v>81</v>
      </c>
      <c r="B114" s="67">
        <v>-55</v>
      </c>
      <c r="C114" s="68">
        <v>-25</v>
      </c>
      <c r="D114" s="68">
        <v>-30</v>
      </c>
      <c r="E114" s="67">
        <v>59</v>
      </c>
      <c r="F114" s="68">
        <v>32</v>
      </c>
      <c r="G114" s="69">
        <v>27</v>
      </c>
      <c r="H114" s="68">
        <v>19</v>
      </c>
      <c r="I114" s="68">
        <v>9</v>
      </c>
      <c r="J114" s="68">
        <v>10</v>
      </c>
      <c r="K114" s="67">
        <v>15</v>
      </c>
      <c r="L114" s="79">
        <v>2</v>
      </c>
      <c r="M114" s="80">
        <v>13</v>
      </c>
    </row>
    <row r="115" spans="1:13">
      <c r="A115" s="27" t="s">
        <v>83</v>
      </c>
      <c r="B115" s="67">
        <v>-51</v>
      </c>
      <c r="C115" s="68">
        <v>-34</v>
      </c>
      <c r="D115" s="68">
        <v>-17</v>
      </c>
      <c r="E115" s="67">
        <v>61</v>
      </c>
      <c r="F115" s="68">
        <v>38</v>
      </c>
      <c r="G115" s="69">
        <v>23</v>
      </c>
      <c r="H115" s="68">
        <v>21</v>
      </c>
      <c r="I115" s="68">
        <v>8</v>
      </c>
      <c r="J115" s="68">
        <v>13</v>
      </c>
      <c r="K115" s="67">
        <v>11</v>
      </c>
      <c r="L115" s="79">
        <v>4</v>
      </c>
      <c r="M115" s="80">
        <v>7</v>
      </c>
    </row>
    <row r="116" spans="1:13">
      <c r="A116" s="27" t="s">
        <v>85</v>
      </c>
      <c r="B116" s="67">
        <v>-59</v>
      </c>
      <c r="C116" s="68">
        <v>-39</v>
      </c>
      <c r="D116" s="68">
        <v>-20</v>
      </c>
      <c r="E116" s="67">
        <v>64</v>
      </c>
      <c r="F116" s="68">
        <v>39</v>
      </c>
      <c r="G116" s="69">
        <v>25</v>
      </c>
      <c r="H116" s="68">
        <v>24</v>
      </c>
      <c r="I116" s="68">
        <v>7</v>
      </c>
      <c r="J116" s="68">
        <v>17</v>
      </c>
      <c r="K116" s="67">
        <v>19</v>
      </c>
      <c r="L116" s="79">
        <v>7</v>
      </c>
      <c r="M116" s="80">
        <v>12</v>
      </c>
    </row>
    <row r="117" spans="1:13" ht="21" customHeight="1">
      <c r="A117" s="38" t="s">
        <v>87</v>
      </c>
      <c r="B117" s="64">
        <v>-334</v>
      </c>
      <c r="C117" s="65">
        <v>-170</v>
      </c>
      <c r="D117" s="65">
        <v>-164</v>
      </c>
      <c r="E117" s="64">
        <v>356</v>
      </c>
      <c r="F117" s="65">
        <v>172</v>
      </c>
      <c r="G117" s="66">
        <v>184</v>
      </c>
      <c r="H117" s="65">
        <v>77</v>
      </c>
      <c r="I117" s="65">
        <v>18</v>
      </c>
      <c r="J117" s="65">
        <v>59</v>
      </c>
      <c r="K117" s="64">
        <v>55</v>
      </c>
      <c r="L117" s="77">
        <v>16</v>
      </c>
      <c r="M117" s="78">
        <v>39</v>
      </c>
    </row>
    <row r="118" spans="1:13">
      <c r="A118" s="27" t="s">
        <v>89</v>
      </c>
      <c r="B118" s="67">
        <v>-75</v>
      </c>
      <c r="C118" s="68">
        <v>-35</v>
      </c>
      <c r="D118" s="68">
        <v>-40</v>
      </c>
      <c r="E118" s="67">
        <v>81</v>
      </c>
      <c r="F118" s="68">
        <v>33</v>
      </c>
      <c r="G118" s="69">
        <v>48</v>
      </c>
      <c r="H118" s="68">
        <v>16</v>
      </c>
      <c r="I118" s="68">
        <v>2</v>
      </c>
      <c r="J118" s="68">
        <v>14</v>
      </c>
      <c r="K118" s="67">
        <v>10</v>
      </c>
      <c r="L118" s="79">
        <v>4</v>
      </c>
      <c r="M118" s="80">
        <v>6</v>
      </c>
    </row>
    <row r="119" spans="1:13">
      <c r="A119" s="27" t="s">
        <v>91</v>
      </c>
      <c r="B119" s="67">
        <v>-59</v>
      </c>
      <c r="C119" s="68">
        <v>-30</v>
      </c>
      <c r="D119" s="68">
        <v>-29</v>
      </c>
      <c r="E119" s="67">
        <v>62</v>
      </c>
      <c r="F119" s="68">
        <v>31</v>
      </c>
      <c r="G119" s="69">
        <v>31</v>
      </c>
      <c r="H119" s="68">
        <v>13</v>
      </c>
      <c r="I119" s="68">
        <v>2</v>
      </c>
      <c r="J119" s="68">
        <v>11</v>
      </c>
      <c r="K119" s="67">
        <v>10</v>
      </c>
      <c r="L119" s="79">
        <v>1</v>
      </c>
      <c r="M119" s="80">
        <v>9</v>
      </c>
    </row>
    <row r="120" spans="1:13">
      <c r="A120" s="27" t="s">
        <v>93</v>
      </c>
      <c r="B120" s="67">
        <v>-54</v>
      </c>
      <c r="C120" s="68">
        <v>-27</v>
      </c>
      <c r="D120" s="68">
        <v>-27</v>
      </c>
      <c r="E120" s="67">
        <v>60</v>
      </c>
      <c r="F120" s="68">
        <v>30</v>
      </c>
      <c r="G120" s="69">
        <v>30</v>
      </c>
      <c r="H120" s="68">
        <v>19</v>
      </c>
      <c r="I120" s="68">
        <v>7</v>
      </c>
      <c r="J120" s="68">
        <v>12</v>
      </c>
      <c r="K120" s="67">
        <v>13</v>
      </c>
      <c r="L120" s="79">
        <v>4</v>
      </c>
      <c r="M120" s="80">
        <v>9</v>
      </c>
    </row>
    <row r="121" spans="1:13">
      <c r="A121" s="27" t="s">
        <v>95</v>
      </c>
      <c r="B121" s="67">
        <v>-76</v>
      </c>
      <c r="C121" s="68">
        <v>-37</v>
      </c>
      <c r="D121" s="68">
        <v>-39</v>
      </c>
      <c r="E121" s="67">
        <v>77</v>
      </c>
      <c r="F121" s="68">
        <v>38</v>
      </c>
      <c r="G121" s="69">
        <v>39</v>
      </c>
      <c r="H121" s="68">
        <v>16</v>
      </c>
      <c r="I121" s="68">
        <v>5</v>
      </c>
      <c r="J121" s="68">
        <v>11</v>
      </c>
      <c r="K121" s="67">
        <v>15</v>
      </c>
      <c r="L121" s="79">
        <v>4</v>
      </c>
      <c r="M121" s="80">
        <v>11</v>
      </c>
    </row>
    <row r="122" spans="1:13">
      <c r="A122" s="27" t="s">
        <v>97</v>
      </c>
      <c r="B122" s="67">
        <v>-70</v>
      </c>
      <c r="C122" s="68">
        <v>-41</v>
      </c>
      <c r="D122" s="68">
        <v>-29</v>
      </c>
      <c r="E122" s="67">
        <v>76</v>
      </c>
      <c r="F122" s="68">
        <v>40</v>
      </c>
      <c r="G122" s="69">
        <v>36</v>
      </c>
      <c r="H122" s="68">
        <v>13</v>
      </c>
      <c r="I122" s="68">
        <v>2</v>
      </c>
      <c r="J122" s="68">
        <v>11</v>
      </c>
      <c r="K122" s="67">
        <v>7</v>
      </c>
      <c r="L122" s="79">
        <v>3</v>
      </c>
      <c r="M122" s="80">
        <v>4</v>
      </c>
    </row>
    <row r="123" spans="1:13" ht="21" customHeight="1">
      <c r="A123" s="38" t="s">
        <v>99</v>
      </c>
      <c r="B123" s="64">
        <v>-277</v>
      </c>
      <c r="C123" s="65">
        <v>-104</v>
      </c>
      <c r="D123" s="65">
        <v>-173</v>
      </c>
      <c r="E123" s="64">
        <v>283</v>
      </c>
      <c r="F123" s="65">
        <v>105</v>
      </c>
      <c r="G123" s="66">
        <v>178</v>
      </c>
      <c r="H123" s="65">
        <v>46</v>
      </c>
      <c r="I123" s="65">
        <v>12</v>
      </c>
      <c r="J123" s="65">
        <v>34</v>
      </c>
      <c r="K123" s="64">
        <v>40</v>
      </c>
      <c r="L123" s="77">
        <v>11</v>
      </c>
      <c r="M123" s="78">
        <v>29</v>
      </c>
    </row>
    <row r="124" spans="1:13">
      <c r="A124" s="27" t="s">
        <v>101</v>
      </c>
      <c r="B124" s="67">
        <v>-64</v>
      </c>
      <c r="C124" s="68">
        <v>-31</v>
      </c>
      <c r="D124" s="68">
        <v>-33</v>
      </c>
      <c r="E124" s="67">
        <v>66</v>
      </c>
      <c r="F124" s="68">
        <v>31</v>
      </c>
      <c r="G124" s="69">
        <v>35</v>
      </c>
      <c r="H124" s="68">
        <v>13</v>
      </c>
      <c r="I124" s="68">
        <v>2</v>
      </c>
      <c r="J124" s="68">
        <v>11</v>
      </c>
      <c r="K124" s="67">
        <v>11</v>
      </c>
      <c r="L124" s="79">
        <v>2</v>
      </c>
      <c r="M124" s="80">
        <v>9</v>
      </c>
    </row>
    <row r="125" spans="1:13">
      <c r="A125" s="27" t="s">
        <v>103</v>
      </c>
      <c r="B125" s="67">
        <v>-78</v>
      </c>
      <c r="C125" s="68">
        <v>-22</v>
      </c>
      <c r="D125" s="68">
        <v>-56</v>
      </c>
      <c r="E125" s="67">
        <v>71</v>
      </c>
      <c r="F125" s="68">
        <v>20</v>
      </c>
      <c r="G125" s="69">
        <v>51</v>
      </c>
      <c r="H125" s="68">
        <v>8</v>
      </c>
      <c r="I125" s="68">
        <v>3</v>
      </c>
      <c r="J125" s="68">
        <v>5</v>
      </c>
      <c r="K125" s="67">
        <v>15</v>
      </c>
      <c r="L125" s="79">
        <v>5</v>
      </c>
      <c r="M125" s="80">
        <v>10</v>
      </c>
    </row>
    <row r="126" spans="1:13">
      <c r="A126" s="27" t="s">
        <v>105</v>
      </c>
      <c r="B126" s="67">
        <v>-55</v>
      </c>
      <c r="C126" s="68">
        <v>-24</v>
      </c>
      <c r="D126" s="68">
        <v>-31</v>
      </c>
      <c r="E126" s="67">
        <v>57</v>
      </c>
      <c r="F126" s="68">
        <v>24</v>
      </c>
      <c r="G126" s="69">
        <v>33</v>
      </c>
      <c r="H126" s="68">
        <v>8</v>
      </c>
      <c r="I126" s="68">
        <v>3</v>
      </c>
      <c r="J126" s="68">
        <v>5</v>
      </c>
      <c r="K126" s="67">
        <v>6</v>
      </c>
      <c r="L126" s="79">
        <v>3</v>
      </c>
      <c r="M126" s="80">
        <v>3</v>
      </c>
    </row>
    <row r="127" spans="1:13">
      <c r="A127" s="27" t="s">
        <v>107</v>
      </c>
      <c r="B127" s="67">
        <v>-49</v>
      </c>
      <c r="C127" s="68">
        <v>-18</v>
      </c>
      <c r="D127" s="68">
        <v>-31</v>
      </c>
      <c r="E127" s="67">
        <v>54</v>
      </c>
      <c r="F127" s="68">
        <v>19</v>
      </c>
      <c r="G127" s="69">
        <v>35</v>
      </c>
      <c r="H127" s="68">
        <v>8</v>
      </c>
      <c r="I127" s="68">
        <v>2</v>
      </c>
      <c r="J127" s="68">
        <v>6</v>
      </c>
      <c r="K127" s="67">
        <v>3</v>
      </c>
      <c r="L127" s="79">
        <v>1</v>
      </c>
      <c r="M127" s="80">
        <v>2</v>
      </c>
    </row>
    <row r="128" spans="1:13">
      <c r="A128" s="27" t="s">
        <v>109</v>
      </c>
      <c r="B128" s="67">
        <v>-31</v>
      </c>
      <c r="C128" s="68">
        <v>-9</v>
      </c>
      <c r="D128" s="68">
        <v>-22</v>
      </c>
      <c r="E128" s="67">
        <v>35</v>
      </c>
      <c r="F128" s="68">
        <v>11</v>
      </c>
      <c r="G128" s="69">
        <v>24</v>
      </c>
      <c r="H128" s="68">
        <v>9</v>
      </c>
      <c r="I128" s="68">
        <v>2</v>
      </c>
      <c r="J128" s="68">
        <v>7</v>
      </c>
      <c r="K128" s="67">
        <v>5</v>
      </c>
      <c r="L128" s="79">
        <v>0</v>
      </c>
      <c r="M128" s="80">
        <v>5</v>
      </c>
    </row>
    <row r="129" spans="1:14" ht="21" customHeight="1">
      <c r="A129" s="38" t="s">
        <v>111</v>
      </c>
      <c r="B129" s="64">
        <v>-129</v>
      </c>
      <c r="C129" s="65">
        <v>-46</v>
      </c>
      <c r="D129" s="65">
        <v>-83</v>
      </c>
      <c r="E129" s="64">
        <v>122</v>
      </c>
      <c r="F129" s="65">
        <v>41</v>
      </c>
      <c r="G129" s="66">
        <v>81</v>
      </c>
      <c r="H129" s="65">
        <v>5</v>
      </c>
      <c r="I129" s="65">
        <v>2</v>
      </c>
      <c r="J129" s="65">
        <v>3</v>
      </c>
      <c r="K129" s="64">
        <v>12</v>
      </c>
      <c r="L129" s="77">
        <v>7</v>
      </c>
      <c r="M129" s="78">
        <v>5</v>
      </c>
    </row>
    <row r="130" spans="1:14">
      <c r="A130" s="27" t="s">
        <v>113</v>
      </c>
      <c r="B130" s="67">
        <v>-37</v>
      </c>
      <c r="C130" s="68">
        <v>-13</v>
      </c>
      <c r="D130" s="68">
        <v>-24</v>
      </c>
      <c r="E130" s="67">
        <v>36</v>
      </c>
      <c r="F130" s="68">
        <v>12</v>
      </c>
      <c r="G130" s="69">
        <v>24</v>
      </c>
      <c r="H130" s="68">
        <v>2</v>
      </c>
      <c r="I130" s="68">
        <v>1</v>
      </c>
      <c r="J130" s="68">
        <v>1</v>
      </c>
      <c r="K130" s="67">
        <v>3</v>
      </c>
      <c r="L130" s="79">
        <v>2</v>
      </c>
      <c r="M130" s="80">
        <v>1</v>
      </c>
    </row>
    <row r="131" spans="1:14">
      <c r="A131" s="27" t="s">
        <v>115</v>
      </c>
      <c r="B131" s="67">
        <v>-29</v>
      </c>
      <c r="C131" s="68">
        <v>-11</v>
      </c>
      <c r="D131" s="68">
        <v>-18</v>
      </c>
      <c r="E131" s="67">
        <v>31</v>
      </c>
      <c r="F131" s="68">
        <v>12</v>
      </c>
      <c r="G131" s="69">
        <v>19</v>
      </c>
      <c r="H131" s="68">
        <v>2</v>
      </c>
      <c r="I131" s="68">
        <v>1</v>
      </c>
      <c r="J131" s="68">
        <v>1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-25</v>
      </c>
      <c r="C132" s="68">
        <v>-8</v>
      </c>
      <c r="D132" s="68">
        <v>-17</v>
      </c>
      <c r="E132" s="67">
        <v>24</v>
      </c>
      <c r="F132" s="68">
        <v>7</v>
      </c>
      <c r="G132" s="69">
        <v>17</v>
      </c>
      <c r="H132" s="68">
        <v>1</v>
      </c>
      <c r="I132" s="68">
        <v>0</v>
      </c>
      <c r="J132" s="68">
        <v>1</v>
      </c>
      <c r="K132" s="67">
        <v>2</v>
      </c>
      <c r="L132" s="79">
        <v>1</v>
      </c>
      <c r="M132" s="80">
        <v>1</v>
      </c>
    </row>
    <row r="133" spans="1:14">
      <c r="A133" s="27" t="s">
        <v>119</v>
      </c>
      <c r="B133" s="67">
        <v>-22</v>
      </c>
      <c r="C133" s="68">
        <v>-8</v>
      </c>
      <c r="D133" s="68">
        <v>-14</v>
      </c>
      <c r="E133" s="67">
        <v>18</v>
      </c>
      <c r="F133" s="68">
        <v>6</v>
      </c>
      <c r="G133" s="69">
        <v>12</v>
      </c>
      <c r="H133" s="68">
        <v>0</v>
      </c>
      <c r="I133" s="68">
        <v>0</v>
      </c>
      <c r="J133" s="68">
        <v>0</v>
      </c>
      <c r="K133" s="67">
        <v>4</v>
      </c>
      <c r="L133" s="79">
        <v>2</v>
      </c>
      <c r="M133" s="80">
        <v>2</v>
      </c>
    </row>
    <row r="134" spans="1:14">
      <c r="A134" s="27" t="s">
        <v>121</v>
      </c>
      <c r="B134" s="67">
        <v>-16</v>
      </c>
      <c r="C134" s="68">
        <v>-6</v>
      </c>
      <c r="D134" s="68">
        <v>-10</v>
      </c>
      <c r="E134" s="67">
        <v>13</v>
      </c>
      <c r="F134" s="68">
        <v>4</v>
      </c>
      <c r="G134" s="69">
        <v>9</v>
      </c>
      <c r="H134" s="68">
        <v>0</v>
      </c>
      <c r="I134" s="68">
        <v>0</v>
      </c>
      <c r="J134" s="68">
        <v>0</v>
      </c>
      <c r="K134" s="67">
        <v>3</v>
      </c>
      <c r="L134" s="79">
        <v>2</v>
      </c>
      <c r="M134" s="80">
        <v>1</v>
      </c>
    </row>
    <row r="135" spans="1:14" ht="21" customHeight="1">
      <c r="A135" s="39" t="s">
        <v>122</v>
      </c>
      <c r="B135" s="42">
        <v>-35</v>
      </c>
      <c r="C135" s="40">
        <v>-5</v>
      </c>
      <c r="D135" s="40">
        <v>-30</v>
      </c>
      <c r="E135" s="42">
        <v>36</v>
      </c>
      <c r="F135" s="40">
        <v>5</v>
      </c>
      <c r="G135" s="43">
        <v>31</v>
      </c>
      <c r="H135" s="40">
        <v>3</v>
      </c>
      <c r="I135" s="40">
        <v>0</v>
      </c>
      <c r="J135" s="40">
        <v>3</v>
      </c>
      <c r="K135" s="42">
        <v>2</v>
      </c>
      <c r="L135" s="44">
        <v>0</v>
      </c>
      <c r="M135" s="85">
        <v>2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3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361</v>
      </c>
      <c r="C5" s="62">
        <v>17</v>
      </c>
      <c r="D5" s="62">
        <v>344</v>
      </c>
      <c r="E5" s="61">
        <v>1422</v>
      </c>
      <c r="F5" s="62">
        <v>784</v>
      </c>
      <c r="G5" s="63">
        <v>638</v>
      </c>
      <c r="H5" s="62">
        <v>6334</v>
      </c>
      <c r="I5" s="62">
        <v>3302</v>
      </c>
      <c r="J5" s="62">
        <v>3032</v>
      </c>
      <c r="K5" s="61">
        <v>5305</v>
      </c>
      <c r="L5" s="75">
        <v>2877</v>
      </c>
      <c r="M5" s="76">
        <v>2428</v>
      </c>
    </row>
    <row r="6" spans="1:13" ht="23.25" customHeight="1">
      <c r="A6" s="36" t="s">
        <v>2</v>
      </c>
      <c r="B6" s="64">
        <v>828</v>
      </c>
      <c r="C6" s="65">
        <v>426</v>
      </c>
      <c r="D6" s="65">
        <v>402</v>
      </c>
      <c r="E6" s="64">
        <v>2</v>
      </c>
      <c r="F6" s="65">
        <v>2</v>
      </c>
      <c r="G6" s="66">
        <v>0</v>
      </c>
      <c r="H6" s="65">
        <v>350</v>
      </c>
      <c r="I6" s="65">
        <v>189</v>
      </c>
      <c r="J6" s="65">
        <v>161</v>
      </c>
      <c r="K6" s="64">
        <v>274</v>
      </c>
      <c r="L6" s="77">
        <v>137</v>
      </c>
      <c r="M6" s="78">
        <v>137</v>
      </c>
    </row>
    <row r="7" spans="1:13">
      <c r="A7" s="15" t="s">
        <v>4</v>
      </c>
      <c r="B7" s="67">
        <v>763</v>
      </c>
      <c r="C7" s="68">
        <v>379</v>
      </c>
      <c r="D7" s="68">
        <v>384</v>
      </c>
      <c r="E7" s="67">
        <v>0</v>
      </c>
      <c r="F7" s="68">
        <v>0</v>
      </c>
      <c r="G7" s="69">
        <v>0</v>
      </c>
      <c r="H7" s="68">
        <v>50</v>
      </c>
      <c r="I7" s="68">
        <v>29</v>
      </c>
      <c r="J7" s="68">
        <v>21</v>
      </c>
      <c r="K7" s="67">
        <v>41</v>
      </c>
      <c r="L7" s="79">
        <v>26</v>
      </c>
      <c r="M7" s="80">
        <v>15</v>
      </c>
    </row>
    <row r="8" spans="1:13">
      <c r="A8" s="15" t="s">
        <v>6</v>
      </c>
      <c r="B8" s="67">
        <v>14</v>
      </c>
      <c r="C8" s="68">
        <v>10</v>
      </c>
      <c r="D8" s="68">
        <v>4</v>
      </c>
      <c r="E8" s="67">
        <v>2</v>
      </c>
      <c r="F8" s="68">
        <v>2</v>
      </c>
      <c r="G8" s="69">
        <v>0</v>
      </c>
      <c r="H8" s="68">
        <v>98</v>
      </c>
      <c r="I8" s="68">
        <v>49</v>
      </c>
      <c r="J8" s="68">
        <v>49</v>
      </c>
      <c r="K8" s="67">
        <v>82</v>
      </c>
      <c r="L8" s="79">
        <v>37</v>
      </c>
      <c r="M8" s="80">
        <v>45</v>
      </c>
    </row>
    <row r="9" spans="1:13">
      <c r="A9" s="15" t="s">
        <v>8</v>
      </c>
      <c r="B9" s="67">
        <v>20</v>
      </c>
      <c r="C9" s="68">
        <v>12</v>
      </c>
      <c r="D9" s="68">
        <v>8</v>
      </c>
      <c r="E9" s="67">
        <v>0</v>
      </c>
      <c r="F9" s="68">
        <v>0</v>
      </c>
      <c r="G9" s="69">
        <v>0</v>
      </c>
      <c r="H9" s="68">
        <v>82</v>
      </c>
      <c r="I9" s="68">
        <v>43</v>
      </c>
      <c r="J9" s="68">
        <v>39</v>
      </c>
      <c r="K9" s="67">
        <v>62</v>
      </c>
      <c r="L9" s="79">
        <v>31</v>
      </c>
      <c r="M9" s="80">
        <v>31</v>
      </c>
    </row>
    <row r="10" spans="1:13">
      <c r="A10" s="15" t="s">
        <v>10</v>
      </c>
      <c r="B10" s="67">
        <v>16</v>
      </c>
      <c r="C10" s="68">
        <v>20</v>
      </c>
      <c r="D10" s="68">
        <v>-4</v>
      </c>
      <c r="E10" s="67">
        <v>0</v>
      </c>
      <c r="F10" s="68">
        <v>0</v>
      </c>
      <c r="G10" s="69">
        <v>0</v>
      </c>
      <c r="H10" s="68">
        <v>63</v>
      </c>
      <c r="I10" s="68">
        <v>44</v>
      </c>
      <c r="J10" s="68">
        <v>19</v>
      </c>
      <c r="K10" s="67">
        <v>47</v>
      </c>
      <c r="L10" s="79">
        <v>24</v>
      </c>
      <c r="M10" s="80">
        <v>23</v>
      </c>
    </row>
    <row r="11" spans="1:13">
      <c r="A11" s="15" t="s">
        <v>12</v>
      </c>
      <c r="B11" s="67">
        <v>15</v>
      </c>
      <c r="C11" s="68">
        <v>5</v>
      </c>
      <c r="D11" s="68">
        <v>10</v>
      </c>
      <c r="E11" s="67">
        <v>0</v>
      </c>
      <c r="F11" s="68">
        <v>0</v>
      </c>
      <c r="G11" s="69">
        <v>0</v>
      </c>
      <c r="H11" s="68">
        <v>57</v>
      </c>
      <c r="I11" s="68">
        <v>24</v>
      </c>
      <c r="J11" s="68">
        <v>33</v>
      </c>
      <c r="K11" s="67">
        <v>42</v>
      </c>
      <c r="L11" s="79">
        <v>19</v>
      </c>
      <c r="M11" s="80">
        <v>23</v>
      </c>
    </row>
    <row r="12" spans="1:13" ht="21" customHeight="1">
      <c r="A12" s="36" t="s">
        <v>14</v>
      </c>
      <c r="B12" s="64">
        <v>38</v>
      </c>
      <c r="C12" s="65">
        <v>22</v>
      </c>
      <c r="D12" s="65">
        <v>16</v>
      </c>
      <c r="E12" s="64">
        <v>1</v>
      </c>
      <c r="F12" s="65">
        <v>0</v>
      </c>
      <c r="G12" s="66">
        <v>1</v>
      </c>
      <c r="H12" s="65">
        <v>184</v>
      </c>
      <c r="I12" s="65">
        <v>91</v>
      </c>
      <c r="J12" s="65">
        <v>93</v>
      </c>
      <c r="K12" s="64">
        <v>145</v>
      </c>
      <c r="L12" s="77">
        <v>69</v>
      </c>
      <c r="M12" s="78">
        <v>76</v>
      </c>
    </row>
    <row r="13" spans="1:13">
      <c r="A13" s="15" t="s">
        <v>16</v>
      </c>
      <c r="B13" s="67">
        <v>7</v>
      </c>
      <c r="C13" s="68">
        <v>6</v>
      </c>
      <c r="D13" s="68">
        <v>1</v>
      </c>
      <c r="E13" s="67">
        <v>0</v>
      </c>
      <c r="F13" s="68">
        <v>0</v>
      </c>
      <c r="G13" s="69">
        <v>0</v>
      </c>
      <c r="H13" s="68">
        <v>48</v>
      </c>
      <c r="I13" s="68">
        <v>26</v>
      </c>
      <c r="J13" s="68">
        <v>22</v>
      </c>
      <c r="K13" s="67">
        <v>41</v>
      </c>
      <c r="L13" s="79">
        <v>20</v>
      </c>
      <c r="M13" s="80">
        <v>21</v>
      </c>
    </row>
    <row r="14" spans="1:13">
      <c r="A14" s="15" t="s">
        <v>18</v>
      </c>
      <c r="B14" s="67">
        <v>22</v>
      </c>
      <c r="C14" s="68">
        <v>9</v>
      </c>
      <c r="D14" s="68">
        <v>13</v>
      </c>
      <c r="E14" s="67">
        <v>0</v>
      </c>
      <c r="F14" s="68">
        <v>0</v>
      </c>
      <c r="G14" s="69">
        <v>0</v>
      </c>
      <c r="H14" s="68">
        <v>54</v>
      </c>
      <c r="I14" s="68">
        <v>22</v>
      </c>
      <c r="J14" s="68">
        <v>32</v>
      </c>
      <c r="K14" s="67">
        <v>32</v>
      </c>
      <c r="L14" s="79">
        <v>13</v>
      </c>
      <c r="M14" s="80">
        <v>19</v>
      </c>
    </row>
    <row r="15" spans="1:13">
      <c r="A15" s="15" t="s">
        <v>20</v>
      </c>
      <c r="B15" s="67">
        <v>1</v>
      </c>
      <c r="C15" s="68">
        <v>1</v>
      </c>
      <c r="D15" s="68">
        <v>0</v>
      </c>
      <c r="E15" s="67">
        <v>0</v>
      </c>
      <c r="F15" s="68">
        <v>0</v>
      </c>
      <c r="G15" s="69">
        <v>0</v>
      </c>
      <c r="H15" s="68">
        <v>41</v>
      </c>
      <c r="I15" s="68">
        <v>19</v>
      </c>
      <c r="J15" s="68">
        <v>22</v>
      </c>
      <c r="K15" s="67">
        <v>40</v>
      </c>
      <c r="L15" s="79">
        <v>18</v>
      </c>
      <c r="M15" s="80">
        <v>22</v>
      </c>
    </row>
    <row r="16" spans="1:13">
      <c r="A16" s="15" t="s">
        <v>22</v>
      </c>
      <c r="B16" s="67">
        <v>-5</v>
      </c>
      <c r="C16" s="68">
        <v>1</v>
      </c>
      <c r="D16" s="68">
        <v>-6</v>
      </c>
      <c r="E16" s="67">
        <v>1</v>
      </c>
      <c r="F16" s="68">
        <v>0</v>
      </c>
      <c r="G16" s="69">
        <v>1</v>
      </c>
      <c r="H16" s="68">
        <v>17</v>
      </c>
      <c r="I16" s="68">
        <v>10</v>
      </c>
      <c r="J16" s="68">
        <v>7</v>
      </c>
      <c r="K16" s="67">
        <v>21</v>
      </c>
      <c r="L16" s="79">
        <v>9</v>
      </c>
      <c r="M16" s="80">
        <v>12</v>
      </c>
    </row>
    <row r="17" spans="1:13">
      <c r="A17" s="15" t="s">
        <v>24</v>
      </c>
      <c r="B17" s="67">
        <v>13</v>
      </c>
      <c r="C17" s="68">
        <v>5</v>
      </c>
      <c r="D17" s="68">
        <v>8</v>
      </c>
      <c r="E17" s="67">
        <v>0</v>
      </c>
      <c r="F17" s="68">
        <v>0</v>
      </c>
      <c r="G17" s="69">
        <v>0</v>
      </c>
      <c r="H17" s="68">
        <v>24</v>
      </c>
      <c r="I17" s="68">
        <v>14</v>
      </c>
      <c r="J17" s="68">
        <v>10</v>
      </c>
      <c r="K17" s="67">
        <v>11</v>
      </c>
      <c r="L17" s="79">
        <v>9</v>
      </c>
      <c r="M17" s="80">
        <v>2</v>
      </c>
    </row>
    <row r="18" spans="1:13" ht="21" customHeight="1">
      <c r="A18" s="36" t="s">
        <v>26</v>
      </c>
      <c r="B18" s="64">
        <v>30</v>
      </c>
      <c r="C18" s="65">
        <v>18</v>
      </c>
      <c r="D18" s="65">
        <v>12</v>
      </c>
      <c r="E18" s="64">
        <v>0</v>
      </c>
      <c r="F18" s="65">
        <v>0</v>
      </c>
      <c r="G18" s="66">
        <v>0</v>
      </c>
      <c r="H18" s="65">
        <v>112</v>
      </c>
      <c r="I18" s="65">
        <v>65</v>
      </c>
      <c r="J18" s="65">
        <v>47</v>
      </c>
      <c r="K18" s="64">
        <v>82</v>
      </c>
      <c r="L18" s="77">
        <v>47</v>
      </c>
      <c r="M18" s="78">
        <v>35</v>
      </c>
    </row>
    <row r="19" spans="1:13">
      <c r="A19" s="15" t="s">
        <v>28</v>
      </c>
      <c r="B19" s="67">
        <v>4</v>
      </c>
      <c r="C19" s="68">
        <v>-1</v>
      </c>
      <c r="D19" s="68">
        <v>5</v>
      </c>
      <c r="E19" s="67">
        <v>0</v>
      </c>
      <c r="F19" s="68">
        <v>0</v>
      </c>
      <c r="G19" s="69">
        <v>0</v>
      </c>
      <c r="H19" s="68">
        <v>22</v>
      </c>
      <c r="I19" s="68">
        <v>12</v>
      </c>
      <c r="J19" s="68">
        <v>10</v>
      </c>
      <c r="K19" s="67">
        <v>18</v>
      </c>
      <c r="L19" s="79">
        <v>13</v>
      </c>
      <c r="M19" s="80">
        <v>5</v>
      </c>
    </row>
    <row r="20" spans="1:13">
      <c r="A20" s="15" t="s">
        <v>30</v>
      </c>
      <c r="B20" s="67">
        <v>-5</v>
      </c>
      <c r="C20" s="68">
        <v>1</v>
      </c>
      <c r="D20" s="68">
        <v>-6</v>
      </c>
      <c r="E20" s="67">
        <v>0</v>
      </c>
      <c r="F20" s="68">
        <v>0</v>
      </c>
      <c r="G20" s="69">
        <v>0</v>
      </c>
      <c r="H20" s="68">
        <v>16</v>
      </c>
      <c r="I20" s="68">
        <v>11</v>
      </c>
      <c r="J20" s="68">
        <v>5</v>
      </c>
      <c r="K20" s="67">
        <v>21</v>
      </c>
      <c r="L20" s="79">
        <v>10</v>
      </c>
      <c r="M20" s="80">
        <v>11</v>
      </c>
    </row>
    <row r="21" spans="1:13">
      <c r="A21" s="15" t="s">
        <v>32</v>
      </c>
      <c r="B21" s="67">
        <v>18</v>
      </c>
      <c r="C21" s="68">
        <v>12</v>
      </c>
      <c r="D21" s="68">
        <v>6</v>
      </c>
      <c r="E21" s="67">
        <v>0</v>
      </c>
      <c r="F21" s="68">
        <v>0</v>
      </c>
      <c r="G21" s="69">
        <v>0</v>
      </c>
      <c r="H21" s="68">
        <v>31</v>
      </c>
      <c r="I21" s="68">
        <v>19</v>
      </c>
      <c r="J21" s="68">
        <v>12</v>
      </c>
      <c r="K21" s="67">
        <v>13</v>
      </c>
      <c r="L21" s="79">
        <v>7</v>
      </c>
      <c r="M21" s="80">
        <v>6</v>
      </c>
    </row>
    <row r="22" spans="1:13">
      <c r="A22" s="15" t="s">
        <v>34</v>
      </c>
      <c r="B22" s="67">
        <v>12</v>
      </c>
      <c r="C22" s="68">
        <v>3</v>
      </c>
      <c r="D22" s="68">
        <v>9</v>
      </c>
      <c r="E22" s="67">
        <v>0</v>
      </c>
      <c r="F22" s="68">
        <v>0</v>
      </c>
      <c r="G22" s="69">
        <v>0</v>
      </c>
      <c r="H22" s="68">
        <v>30</v>
      </c>
      <c r="I22" s="68">
        <v>14</v>
      </c>
      <c r="J22" s="68">
        <v>16</v>
      </c>
      <c r="K22" s="67">
        <v>18</v>
      </c>
      <c r="L22" s="79">
        <v>11</v>
      </c>
      <c r="M22" s="80">
        <v>7</v>
      </c>
    </row>
    <row r="23" spans="1:13">
      <c r="A23" s="15" t="s">
        <v>36</v>
      </c>
      <c r="B23" s="67">
        <v>1</v>
      </c>
      <c r="C23" s="68">
        <v>3</v>
      </c>
      <c r="D23" s="68">
        <v>-2</v>
      </c>
      <c r="E23" s="67">
        <v>0</v>
      </c>
      <c r="F23" s="68">
        <v>0</v>
      </c>
      <c r="G23" s="69">
        <v>0</v>
      </c>
      <c r="H23" s="68">
        <v>13</v>
      </c>
      <c r="I23" s="68">
        <v>9</v>
      </c>
      <c r="J23" s="68">
        <v>4</v>
      </c>
      <c r="K23" s="67">
        <v>12</v>
      </c>
      <c r="L23" s="79">
        <v>6</v>
      </c>
      <c r="M23" s="80">
        <v>6</v>
      </c>
    </row>
    <row r="24" spans="1:13" ht="21" customHeight="1">
      <c r="A24" s="36" t="s">
        <v>38</v>
      </c>
      <c r="B24" s="64">
        <v>74</v>
      </c>
      <c r="C24" s="65">
        <v>25</v>
      </c>
      <c r="D24" s="65">
        <v>49</v>
      </c>
      <c r="E24" s="64">
        <v>0</v>
      </c>
      <c r="F24" s="65">
        <v>0</v>
      </c>
      <c r="G24" s="66">
        <v>0</v>
      </c>
      <c r="H24" s="65">
        <v>230</v>
      </c>
      <c r="I24" s="65">
        <v>117</v>
      </c>
      <c r="J24" s="65">
        <v>113</v>
      </c>
      <c r="K24" s="64">
        <v>156</v>
      </c>
      <c r="L24" s="77">
        <v>92</v>
      </c>
      <c r="M24" s="78">
        <v>64</v>
      </c>
    </row>
    <row r="25" spans="1:13">
      <c r="A25" s="15" t="s">
        <v>40</v>
      </c>
      <c r="B25" s="67">
        <v>20</v>
      </c>
      <c r="C25" s="68">
        <v>10</v>
      </c>
      <c r="D25" s="68">
        <v>10</v>
      </c>
      <c r="E25" s="67">
        <v>0</v>
      </c>
      <c r="F25" s="68">
        <v>0</v>
      </c>
      <c r="G25" s="69">
        <v>0</v>
      </c>
      <c r="H25" s="68">
        <v>26</v>
      </c>
      <c r="I25" s="68">
        <v>13</v>
      </c>
      <c r="J25" s="68">
        <v>13</v>
      </c>
      <c r="K25" s="67">
        <v>6</v>
      </c>
      <c r="L25" s="79">
        <v>3</v>
      </c>
      <c r="M25" s="80">
        <v>3</v>
      </c>
    </row>
    <row r="26" spans="1:13">
      <c r="A26" s="15" t="s">
        <v>42</v>
      </c>
      <c r="B26" s="67">
        <v>4</v>
      </c>
      <c r="C26" s="68">
        <v>1</v>
      </c>
      <c r="D26" s="68">
        <v>3</v>
      </c>
      <c r="E26" s="67">
        <v>0</v>
      </c>
      <c r="F26" s="68">
        <v>0</v>
      </c>
      <c r="G26" s="69">
        <v>0</v>
      </c>
      <c r="H26" s="68">
        <v>30</v>
      </c>
      <c r="I26" s="68">
        <v>12</v>
      </c>
      <c r="J26" s="68">
        <v>18</v>
      </c>
      <c r="K26" s="67">
        <v>26</v>
      </c>
      <c r="L26" s="79">
        <v>11</v>
      </c>
      <c r="M26" s="80">
        <v>15</v>
      </c>
    </row>
    <row r="27" spans="1:13">
      <c r="A27" s="15" t="s">
        <v>44</v>
      </c>
      <c r="B27" s="67">
        <v>6</v>
      </c>
      <c r="C27" s="68">
        <v>1</v>
      </c>
      <c r="D27" s="68">
        <v>5</v>
      </c>
      <c r="E27" s="67">
        <v>0</v>
      </c>
      <c r="F27" s="68">
        <v>0</v>
      </c>
      <c r="G27" s="69">
        <v>0</v>
      </c>
      <c r="H27" s="68">
        <v>13</v>
      </c>
      <c r="I27" s="68">
        <v>4</v>
      </c>
      <c r="J27" s="68">
        <v>9</v>
      </c>
      <c r="K27" s="67">
        <v>7</v>
      </c>
      <c r="L27" s="79">
        <v>3</v>
      </c>
      <c r="M27" s="80">
        <v>4</v>
      </c>
    </row>
    <row r="28" spans="1:13">
      <c r="A28" s="15" t="s">
        <v>46</v>
      </c>
      <c r="B28" s="67">
        <v>19</v>
      </c>
      <c r="C28" s="68">
        <v>9</v>
      </c>
      <c r="D28" s="68">
        <v>10</v>
      </c>
      <c r="E28" s="67">
        <v>0</v>
      </c>
      <c r="F28" s="68">
        <v>0</v>
      </c>
      <c r="G28" s="69">
        <v>0</v>
      </c>
      <c r="H28" s="68">
        <v>47</v>
      </c>
      <c r="I28" s="68">
        <v>22</v>
      </c>
      <c r="J28" s="68">
        <v>25</v>
      </c>
      <c r="K28" s="67">
        <v>28</v>
      </c>
      <c r="L28" s="79">
        <v>13</v>
      </c>
      <c r="M28" s="80">
        <v>15</v>
      </c>
    </row>
    <row r="29" spans="1:13">
      <c r="A29" s="15" t="s">
        <v>48</v>
      </c>
      <c r="B29" s="67">
        <v>25</v>
      </c>
      <c r="C29" s="68">
        <v>4</v>
      </c>
      <c r="D29" s="68">
        <v>21</v>
      </c>
      <c r="E29" s="67">
        <v>0</v>
      </c>
      <c r="F29" s="68">
        <v>0</v>
      </c>
      <c r="G29" s="69">
        <v>0</v>
      </c>
      <c r="H29" s="68">
        <v>114</v>
      </c>
      <c r="I29" s="68">
        <v>66</v>
      </c>
      <c r="J29" s="68">
        <v>48</v>
      </c>
      <c r="K29" s="67">
        <v>89</v>
      </c>
      <c r="L29" s="79">
        <v>62</v>
      </c>
      <c r="M29" s="80">
        <v>27</v>
      </c>
    </row>
    <row r="30" spans="1:13" ht="21" customHeight="1">
      <c r="A30" s="36" t="s">
        <v>50</v>
      </c>
      <c r="B30" s="64">
        <v>-87</v>
      </c>
      <c r="C30" s="65">
        <v>-92</v>
      </c>
      <c r="D30" s="65">
        <v>5</v>
      </c>
      <c r="E30" s="64">
        <v>2</v>
      </c>
      <c r="F30" s="65">
        <v>1</v>
      </c>
      <c r="G30" s="66">
        <v>1</v>
      </c>
      <c r="H30" s="65">
        <v>965</v>
      </c>
      <c r="I30" s="65">
        <v>538</v>
      </c>
      <c r="J30" s="65">
        <v>427</v>
      </c>
      <c r="K30" s="64">
        <v>1050</v>
      </c>
      <c r="L30" s="77">
        <v>629</v>
      </c>
      <c r="M30" s="78">
        <v>421</v>
      </c>
    </row>
    <row r="31" spans="1:13">
      <c r="A31" s="15" t="s">
        <v>52</v>
      </c>
      <c r="B31" s="67">
        <v>-35</v>
      </c>
      <c r="C31" s="68">
        <v>-29</v>
      </c>
      <c r="D31" s="68">
        <v>-6</v>
      </c>
      <c r="E31" s="67">
        <v>0</v>
      </c>
      <c r="F31" s="68">
        <v>0</v>
      </c>
      <c r="G31" s="69">
        <v>0</v>
      </c>
      <c r="H31" s="68">
        <v>96</v>
      </c>
      <c r="I31" s="68">
        <v>62</v>
      </c>
      <c r="J31" s="68">
        <v>34</v>
      </c>
      <c r="K31" s="67">
        <v>131</v>
      </c>
      <c r="L31" s="79">
        <v>91</v>
      </c>
      <c r="M31" s="80">
        <v>40</v>
      </c>
    </row>
    <row r="32" spans="1:13">
      <c r="A32" s="15" t="s">
        <v>54</v>
      </c>
      <c r="B32" s="67">
        <v>14</v>
      </c>
      <c r="C32" s="68">
        <v>19</v>
      </c>
      <c r="D32" s="68">
        <v>-5</v>
      </c>
      <c r="E32" s="67">
        <v>0</v>
      </c>
      <c r="F32" s="68">
        <v>0</v>
      </c>
      <c r="G32" s="69">
        <v>0</v>
      </c>
      <c r="H32" s="68">
        <v>144</v>
      </c>
      <c r="I32" s="68">
        <v>87</v>
      </c>
      <c r="J32" s="68">
        <v>57</v>
      </c>
      <c r="K32" s="67">
        <v>130</v>
      </c>
      <c r="L32" s="79">
        <v>68</v>
      </c>
      <c r="M32" s="80">
        <v>62</v>
      </c>
    </row>
    <row r="33" spans="1:13">
      <c r="A33" s="15" t="s">
        <v>56</v>
      </c>
      <c r="B33" s="67">
        <v>-15</v>
      </c>
      <c r="C33" s="68">
        <v>-25</v>
      </c>
      <c r="D33" s="68">
        <v>10</v>
      </c>
      <c r="E33" s="67">
        <v>0</v>
      </c>
      <c r="F33" s="68">
        <v>0</v>
      </c>
      <c r="G33" s="69">
        <v>0</v>
      </c>
      <c r="H33" s="68">
        <v>182</v>
      </c>
      <c r="I33" s="68">
        <v>92</v>
      </c>
      <c r="J33" s="68">
        <v>90</v>
      </c>
      <c r="K33" s="67">
        <v>197</v>
      </c>
      <c r="L33" s="79">
        <v>117</v>
      </c>
      <c r="M33" s="80">
        <v>80</v>
      </c>
    </row>
    <row r="34" spans="1:13">
      <c r="A34" s="15" t="s">
        <v>58</v>
      </c>
      <c r="B34" s="67">
        <v>-38</v>
      </c>
      <c r="C34" s="68">
        <v>-30</v>
      </c>
      <c r="D34" s="68">
        <v>-8</v>
      </c>
      <c r="E34" s="67">
        <v>1</v>
      </c>
      <c r="F34" s="68">
        <v>1</v>
      </c>
      <c r="G34" s="69">
        <v>0</v>
      </c>
      <c r="H34" s="68">
        <v>317</v>
      </c>
      <c r="I34" s="68">
        <v>183</v>
      </c>
      <c r="J34" s="68">
        <v>134</v>
      </c>
      <c r="K34" s="67">
        <v>354</v>
      </c>
      <c r="L34" s="79">
        <v>212</v>
      </c>
      <c r="M34" s="80">
        <v>142</v>
      </c>
    </row>
    <row r="35" spans="1:13">
      <c r="A35" s="15" t="s">
        <v>60</v>
      </c>
      <c r="B35" s="67">
        <v>-13</v>
      </c>
      <c r="C35" s="68">
        <v>-27</v>
      </c>
      <c r="D35" s="68">
        <v>14</v>
      </c>
      <c r="E35" s="67">
        <v>1</v>
      </c>
      <c r="F35" s="68">
        <v>0</v>
      </c>
      <c r="G35" s="69">
        <v>1</v>
      </c>
      <c r="H35" s="68">
        <v>226</v>
      </c>
      <c r="I35" s="68">
        <v>114</v>
      </c>
      <c r="J35" s="68">
        <v>112</v>
      </c>
      <c r="K35" s="67">
        <v>238</v>
      </c>
      <c r="L35" s="79">
        <v>141</v>
      </c>
      <c r="M35" s="80">
        <v>97</v>
      </c>
    </row>
    <row r="36" spans="1:13" ht="21" customHeight="1">
      <c r="A36" s="36" t="s">
        <v>62</v>
      </c>
      <c r="B36" s="64">
        <v>199</v>
      </c>
      <c r="C36" s="65">
        <v>98</v>
      </c>
      <c r="D36" s="65">
        <v>101</v>
      </c>
      <c r="E36" s="64">
        <v>5</v>
      </c>
      <c r="F36" s="65">
        <v>3</v>
      </c>
      <c r="G36" s="66">
        <v>2</v>
      </c>
      <c r="H36" s="65">
        <v>1163</v>
      </c>
      <c r="I36" s="65">
        <v>592</v>
      </c>
      <c r="J36" s="65">
        <v>571</v>
      </c>
      <c r="K36" s="64">
        <v>959</v>
      </c>
      <c r="L36" s="77">
        <v>491</v>
      </c>
      <c r="M36" s="78">
        <v>468</v>
      </c>
    </row>
    <row r="37" spans="1:13">
      <c r="A37" s="15" t="s">
        <v>64</v>
      </c>
      <c r="B37" s="67">
        <v>-8</v>
      </c>
      <c r="C37" s="68">
        <v>6</v>
      </c>
      <c r="D37" s="68">
        <v>-14</v>
      </c>
      <c r="E37" s="67">
        <v>1</v>
      </c>
      <c r="F37" s="68">
        <v>1</v>
      </c>
      <c r="G37" s="69">
        <v>0</v>
      </c>
      <c r="H37" s="68">
        <v>213</v>
      </c>
      <c r="I37" s="68">
        <v>114</v>
      </c>
      <c r="J37" s="68">
        <v>99</v>
      </c>
      <c r="K37" s="67">
        <v>220</v>
      </c>
      <c r="L37" s="79">
        <v>107</v>
      </c>
      <c r="M37" s="80">
        <v>113</v>
      </c>
    </row>
    <row r="38" spans="1:13">
      <c r="A38" s="15" t="s">
        <v>66</v>
      </c>
      <c r="B38" s="67">
        <v>37</v>
      </c>
      <c r="C38" s="68">
        <v>-4</v>
      </c>
      <c r="D38" s="68">
        <v>41</v>
      </c>
      <c r="E38" s="67">
        <v>0</v>
      </c>
      <c r="F38" s="68">
        <v>0</v>
      </c>
      <c r="G38" s="69">
        <v>0</v>
      </c>
      <c r="H38" s="68">
        <v>234</v>
      </c>
      <c r="I38" s="68">
        <v>109</v>
      </c>
      <c r="J38" s="68">
        <v>125</v>
      </c>
      <c r="K38" s="67">
        <v>197</v>
      </c>
      <c r="L38" s="79">
        <v>113</v>
      </c>
      <c r="M38" s="80">
        <v>84</v>
      </c>
    </row>
    <row r="39" spans="1:13">
      <c r="A39" s="15" t="s">
        <v>68</v>
      </c>
      <c r="B39" s="67">
        <v>32</v>
      </c>
      <c r="C39" s="68">
        <v>14</v>
      </c>
      <c r="D39" s="68">
        <v>18</v>
      </c>
      <c r="E39" s="67">
        <v>2</v>
      </c>
      <c r="F39" s="68">
        <v>1</v>
      </c>
      <c r="G39" s="69">
        <v>1</v>
      </c>
      <c r="H39" s="68">
        <v>239</v>
      </c>
      <c r="I39" s="68">
        <v>123</v>
      </c>
      <c r="J39" s="68">
        <v>116</v>
      </c>
      <c r="K39" s="67">
        <v>205</v>
      </c>
      <c r="L39" s="79">
        <v>108</v>
      </c>
      <c r="M39" s="80">
        <v>97</v>
      </c>
    </row>
    <row r="40" spans="1:13">
      <c r="A40" s="15" t="s">
        <v>70</v>
      </c>
      <c r="B40" s="67">
        <v>67</v>
      </c>
      <c r="C40" s="68">
        <v>29</v>
      </c>
      <c r="D40" s="68">
        <v>38</v>
      </c>
      <c r="E40" s="67">
        <v>0</v>
      </c>
      <c r="F40" s="68">
        <v>0</v>
      </c>
      <c r="G40" s="69">
        <v>0</v>
      </c>
      <c r="H40" s="68">
        <v>253</v>
      </c>
      <c r="I40" s="68">
        <v>122</v>
      </c>
      <c r="J40" s="68">
        <v>131</v>
      </c>
      <c r="K40" s="67">
        <v>186</v>
      </c>
      <c r="L40" s="79">
        <v>93</v>
      </c>
      <c r="M40" s="80">
        <v>93</v>
      </c>
    </row>
    <row r="41" spans="1:13">
      <c r="A41" s="15" t="s">
        <v>72</v>
      </c>
      <c r="B41" s="67">
        <v>71</v>
      </c>
      <c r="C41" s="68">
        <v>53</v>
      </c>
      <c r="D41" s="68">
        <v>18</v>
      </c>
      <c r="E41" s="67">
        <v>2</v>
      </c>
      <c r="F41" s="68">
        <v>1</v>
      </c>
      <c r="G41" s="69">
        <v>1</v>
      </c>
      <c r="H41" s="68">
        <v>224</v>
      </c>
      <c r="I41" s="68">
        <v>124</v>
      </c>
      <c r="J41" s="68">
        <v>100</v>
      </c>
      <c r="K41" s="67">
        <v>151</v>
      </c>
      <c r="L41" s="79">
        <v>70</v>
      </c>
      <c r="M41" s="80">
        <v>81</v>
      </c>
    </row>
    <row r="42" spans="1:13" ht="21" customHeight="1">
      <c r="A42" s="36" t="s">
        <v>74</v>
      </c>
      <c r="B42" s="64">
        <v>154</v>
      </c>
      <c r="C42" s="65">
        <v>67</v>
      </c>
      <c r="D42" s="65">
        <v>87</v>
      </c>
      <c r="E42" s="64">
        <v>4</v>
      </c>
      <c r="F42" s="65">
        <v>2</v>
      </c>
      <c r="G42" s="66">
        <v>2</v>
      </c>
      <c r="H42" s="65">
        <v>861</v>
      </c>
      <c r="I42" s="65">
        <v>440</v>
      </c>
      <c r="J42" s="65">
        <v>421</v>
      </c>
      <c r="K42" s="64">
        <v>703</v>
      </c>
      <c r="L42" s="77">
        <v>371</v>
      </c>
      <c r="M42" s="78">
        <v>332</v>
      </c>
    </row>
    <row r="43" spans="1:13">
      <c r="A43" s="15" t="s">
        <v>76</v>
      </c>
      <c r="B43" s="67">
        <v>12</v>
      </c>
      <c r="C43" s="68">
        <v>8</v>
      </c>
      <c r="D43" s="68">
        <v>4</v>
      </c>
      <c r="E43" s="67">
        <v>1</v>
      </c>
      <c r="F43" s="68">
        <v>1</v>
      </c>
      <c r="G43" s="69">
        <v>0</v>
      </c>
      <c r="H43" s="68">
        <v>201</v>
      </c>
      <c r="I43" s="68">
        <v>100</v>
      </c>
      <c r="J43" s="68">
        <v>101</v>
      </c>
      <c r="K43" s="67">
        <v>188</v>
      </c>
      <c r="L43" s="79">
        <v>91</v>
      </c>
      <c r="M43" s="80">
        <v>97</v>
      </c>
    </row>
    <row r="44" spans="1:13">
      <c r="A44" s="15" t="s">
        <v>78</v>
      </c>
      <c r="B44" s="67">
        <v>56</v>
      </c>
      <c r="C44" s="68">
        <v>25</v>
      </c>
      <c r="D44" s="68">
        <v>31</v>
      </c>
      <c r="E44" s="67">
        <v>0</v>
      </c>
      <c r="F44" s="68">
        <v>0</v>
      </c>
      <c r="G44" s="69">
        <v>0</v>
      </c>
      <c r="H44" s="68">
        <v>197</v>
      </c>
      <c r="I44" s="68">
        <v>96</v>
      </c>
      <c r="J44" s="68">
        <v>101</v>
      </c>
      <c r="K44" s="67">
        <v>141</v>
      </c>
      <c r="L44" s="79">
        <v>71</v>
      </c>
      <c r="M44" s="80">
        <v>70</v>
      </c>
    </row>
    <row r="45" spans="1:13">
      <c r="A45" s="15" t="s">
        <v>80</v>
      </c>
      <c r="B45" s="67">
        <v>24</v>
      </c>
      <c r="C45" s="68">
        <v>1</v>
      </c>
      <c r="D45" s="68">
        <v>23</v>
      </c>
      <c r="E45" s="67">
        <v>0</v>
      </c>
      <c r="F45" s="68">
        <v>0</v>
      </c>
      <c r="G45" s="69">
        <v>0</v>
      </c>
      <c r="H45" s="68">
        <v>162</v>
      </c>
      <c r="I45" s="68">
        <v>84</v>
      </c>
      <c r="J45" s="68">
        <v>78</v>
      </c>
      <c r="K45" s="67">
        <v>138</v>
      </c>
      <c r="L45" s="79">
        <v>83</v>
      </c>
      <c r="M45" s="80">
        <v>55</v>
      </c>
    </row>
    <row r="46" spans="1:13">
      <c r="A46" s="15" t="s">
        <v>82</v>
      </c>
      <c r="B46" s="67">
        <v>44</v>
      </c>
      <c r="C46" s="68">
        <v>16</v>
      </c>
      <c r="D46" s="68">
        <v>28</v>
      </c>
      <c r="E46" s="67">
        <v>1</v>
      </c>
      <c r="F46" s="68">
        <v>0</v>
      </c>
      <c r="G46" s="69">
        <v>1</v>
      </c>
      <c r="H46" s="68">
        <v>165</v>
      </c>
      <c r="I46" s="68">
        <v>83</v>
      </c>
      <c r="J46" s="68">
        <v>82</v>
      </c>
      <c r="K46" s="67">
        <v>120</v>
      </c>
      <c r="L46" s="79">
        <v>67</v>
      </c>
      <c r="M46" s="80">
        <v>53</v>
      </c>
    </row>
    <row r="47" spans="1:13">
      <c r="A47" s="15" t="s">
        <v>84</v>
      </c>
      <c r="B47" s="67">
        <v>18</v>
      </c>
      <c r="C47" s="68">
        <v>17</v>
      </c>
      <c r="D47" s="68">
        <v>1</v>
      </c>
      <c r="E47" s="67">
        <v>2</v>
      </c>
      <c r="F47" s="68">
        <v>1</v>
      </c>
      <c r="G47" s="69">
        <v>1</v>
      </c>
      <c r="H47" s="68">
        <v>136</v>
      </c>
      <c r="I47" s="68">
        <v>77</v>
      </c>
      <c r="J47" s="68">
        <v>59</v>
      </c>
      <c r="K47" s="67">
        <v>116</v>
      </c>
      <c r="L47" s="79">
        <v>59</v>
      </c>
      <c r="M47" s="80">
        <v>57</v>
      </c>
    </row>
    <row r="48" spans="1:13" ht="21" customHeight="1">
      <c r="A48" s="36" t="s">
        <v>86</v>
      </c>
      <c r="B48" s="64">
        <v>125</v>
      </c>
      <c r="C48" s="65">
        <v>60</v>
      </c>
      <c r="D48" s="65">
        <v>65</v>
      </c>
      <c r="E48" s="64">
        <v>4</v>
      </c>
      <c r="F48" s="65">
        <v>3</v>
      </c>
      <c r="G48" s="66">
        <v>1</v>
      </c>
      <c r="H48" s="65">
        <v>540</v>
      </c>
      <c r="I48" s="65">
        <v>298</v>
      </c>
      <c r="J48" s="65">
        <v>242</v>
      </c>
      <c r="K48" s="64">
        <v>411</v>
      </c>
      <c r="L48" s="77">
        <v>235</v>
      </c>
      <c r="M48" s="78">
        <v>176</v>
      </c>
    </row>
    <row r="49" spans="1:13">
      <c r="A49" s="15" t="s">
        <v>88</v>
      </c>
      <c r="B49" s="67">
        <v>50</v>
      </c>
      <c r="C49" s="68">
        <v>35</v>
      </c>
      <c r="D49" s="68">
        <v>15</v>
      </c>
      <c r="E49" s="67">
        <v>1</v>
      </c>
      <c r="F49" s="68">
        <v>0</v>
      </c>
      <c r="G49" s="69">
        <v>1</v>
      </c>
      <c r="H49" s="68">
        <v>145</v>
      </c>
      <c r="I49" s="68">
        <v>86</v>
      </c>
      <c r="J49" s="68">
        <v>59</v>
      </c>
      <c r="K49" s="67">
        <v>94</v>
      </c>
      <c r="L49" s="79">
        <v>51</v>
      </c>
      <c r="M49" s="80">
        <v>43</v>
      </c>
    </row>
    <row r="50" spans="1:13">
      <c r="A50" s="15" t="s">
        <v>90</v>
      </c>
      <c r="B50" s="67">
        <v>13</v>
      </c>
      <c r="C50" s="68">
        <v>5</v>
      </c>
      <c r="D50" s="68">
        <v>8</v>
      </c>
      <c r="E50" s="67">
        <v>1</v>
      </c>
      <c r="F50" s="68">
        <v>1</v>
      </c>
      <c r="G50" s="69">
        <v>0</v>
      </c>
      <c r="H50" s="68">
        <v>107</v>
      </c>
      <c r="I50" s="68">
        <v>58</v>
      </c>
      <c r="J50" s="68">
        <v>49</v>
      </c>
      <c r="K50" s="67">
        <v>93</v>
      </c>
      <c r="L50" s="79">
        <v>52</v>
      </c>
      <c r="M50" s="80">
        <v>41</v>
      </c>
    </row>
    <row r="51" spans="1:13">
      <c r="A51" s="15" t="s">
        <v>92</v>
      </c>
      <c r="B51" s="67">
        <v>33</v>
      </c>
      <c r="C51" s="68">
        <v>11</v>
      </c>
      <c r="D51" s="68">
        <v>22</v>
      </c>
      <c r="E51" s="67">
        <v>0</v>
      </c>
      <c r="F51" s="68">
        <v>0</v>
      </c>
      <c r="G51" s="69">
        <v>0</v>
      </c>
      <c r="H51" s="68">
        <v>108</v>
      </c>
      <c r="I51" s="68">
        <v>59</v>
      </c>
      <c r="J51" s="68">
        <v>49</v>
      </c>
      <c r="K51" s="67">
        <v>75</v>
      </c>
      <c r="L51" s="79">
        <v>48</v>
      </c>
      <c r="M51" s="80">
        <v>27</v>
      </c>
    </row>
    <row r="52" spans="1:13">
      <c r="A52" s="15" t="s">
        <v>94</v>
      </c>
      <c r="B52" s="67">
        <v>2</v>
      </c>
      <c r="C52" s="68">
        <v>4</v>
      </c>
      <c r="D52" s="68">
        <v>-2</v>
      </c>
      <c r="E52" s="67">
        <v>1</v>
      </c>
      <c r="F52" s="68">
        <v>1</v>
      </c>
      <c r="G52" s="69">
        <v>0</v>
      </c>
      <c r="H52" s="68">
        <v>87</v>
      </c>
      <c r="I52" s="68">
        <v>48</v>
      </c>
      <c r="J52" s="68">
        <v>39</v>
      </c>
      <c r="K52" s="67">
        <v>84</v>
      </c>
      <c r="L52" s="79">
        <v>43</v>
      </c>
      <c r="M52" s="80">
        <v>41</v>
      </c>
    </row>
    <row r="53" spans="1:13">
      <c r="A53" s="15" t="s">
        <v>96</v>
      </c>
      <c r="B53" s="67">
        <v>27</v>
      </c>
      <c r="C53" s="68">
        <v>5</v>
      </c>
      <c r="D53" s="68">
        <v>22</v>
      </c>
      <c r="E53" s="67">
        <v>1</v>
      </c>
      <c r="F53" s="68">
        <v>1</v>
      </c>
      <c r="G53" s="69">
        <v>0</v>
      </c>
      <c r="H53" s="68">
        <v>93</v>
      </c>
      <c r="I53" s="68">
        <v>47</v>
      </c>
      <c r="J53" s="68">
        <v>46</v>
      </c>
      <c r="K53" s="67">
        <v>65</v>
      </c>
      <c r="L53" s="79">
        <v>41</v>
      </c>
      <c r="M53" s="80">
        <v>24</v>
      </c>
    </row>
    <row r="54" spans="1:13" ht="21" customHeight="1">
      <c r="A54" s="36" t="s">
        <v>98</v>
      </c>
      <c r="B54" s="64">
        <v>89</v>
      </c>
      <c r="C54" s="65">
        <v>27</v>
      </c>
      <c r="D54" s="65">
        <v>62</v>
      </c>
      <c r="E54" s="64">
        <v>7</v>
      </c>
      <c r="F54" s="65">
        <v>4</v>
      </c>
      <c r="G54" s="66">
        <v>3</v>
      </c>
      <c r="H54" s="65">
        <v>390</v>
      </c>
      <c r="I54" s="65">
        <v>208</v>
      </c>
      <c r="J54" s="65">
        <v>182</v>
      </c>
      <c r="K54" s="64">
        <v>294</v>
      </c>
      <c r="L54" s="77">
        <v>177</v>
      </c>
      <c r="M54" s="78">
        <v>117</v>
      </c>
    </row>
    <row r="55" spans="1:13">
      <c r="A55" s="15" t="s">
        <v>100</v>
      </c>
      <c r="B55" s="67">
        <v>5</v>
      </c>
      <c r="C55" s="68">
        <v>-3</v>
      </c>
      <c r="D55" s="68">
        <v>8</v>
      </c>
      <c r="E55" s="67">
        <v>0</v>
      </c>
      <c r="F55" s="68">
        <v>0</v>
      </c>
      <c r="G55" s="69">
        <v>0</v>
      </c>
      <c r="H55" s="68">
        <v>78</v>
      </c>
      <c r="I55" s="68">
        <v>43</v>
      </c>
      <c r="J55" s="68">
        <v>35</v>
      </c>
      <c r="K55" s="67">
        <v>73</v>
      </c>
      <c r="L55" s="79">
        <v>46</v>
      </c>
      <c r="M55" s="80">
        <v>27</v>
      </c>
    </row>
    <row r="56" spans="1:13">
      <c r="A56" s="15" t="s">
        <v>102</v>
      </c>
      <c r="B56" s="67">
        <v>21</v>
      </c>
      <c r="C56" s="68">
        <v>0</v>
      </c>
      <c r="D56" s="68">
        <v>21</v>
      </c>
      <c r="E56" s="67">
        <v>0</v>
      </c>
      <c r="F56" s="68">
        <v>0</v>
      </c>
      <c r="G56" s="69">
        <v>0</v>
      </c>
      <c r="H56" s="68">
        <v>79</v>
      </c>
      <c r="I56" s="68">
        <v>42</v>
      </c>
      <c r="J56" s="68">
        <v>37</v>
      </c>
      <c r="K56" s="67">
        <v>58</v>
      </c>
      <c r="L56" s="79">
        <v>42</v>
      </c>
      <c r="M56" s="80">
        <v>16</v>
      </c>
    </row>
    <row r="57" spans="1:13">
      <c r="A57" s="15" t="s">
        <v>104</v>
      </c>
      <c r="B57" s="67">
        <v>24</v>
      </c>
      <c r="C57" s="68">
        <v>14</v>
      </c>
      <c r="D57" s="68">
        <v>10</v>
      </c>
      <c r="E57" s="67">
        <v>2</v>
      </c>
      <c r="F57" s="68">
        <v>1</v>
      </c>
      <c r="G57" s="69">
        <v>1</v>
      </c>
      <c r="H57" s="68">
        <v>83</v>
      </c>
      <c r="I57" s="68">
        <v>45</v>
      </c>
      <c r="J57" s="68">
        <v>38</v>
      </c>
      <c r="K57" s="67">
        <v>57</v>
      </c>
      <c r="L57" s="79">
        <v>30</v>
      </c>
      <c r="M57" s="80">
        <v>27</v>
      </c>
    </row>
    <row r="58" spans="1:13">
      <c r="A58" s="15" t="s">
        <v>106</v>
      </c>
      <c r="B58" s="67">
        <v>16</v>
      </c>
      <c r="C58" s="68">
        <v>-2</v>
      </c>
      <c r="D58" s="68">
        <v>18</v>
      </c>
      <c r="E58" s="67">
        <v>2</v>
      </c>
      <c r="F58" s="68">
        <v>1</v>
      </c>
      <c r="G58" s="69">
        <v>1</v>
      </c>
      <c r="H58" s="68">
        <v>69</v>
      </c>
      <c r="I58" s="68">
        <v>31</v>
      </c>
      <c r="J58" s="68">
        <v>38</v>
      </c>
      <c r="K58" s="67">
        <v>51</v>
      </c>
      <c r="L58" s="79">
        <v>32</v>
      </c>
      <c r="M58" s="80">
        <v>19</v>
      </c>
    </row>
    <row r="59" spans="1:13">
      <c r="A59" s="15" t="s">
        <v>108</v>
      </c>
      <c r="B59" s="67">
        <v>23</v>
      </c>
      <c r="C59" s="68">
        <v>18</v>
      </c>
      <c r="D59" s="68">
        <v>5</v>
      </c>
      <c r="E59" s="67">
        <v>3</v>
      </c>
      <c r="F59" s="68">
        <v>2</v>
      </c>
      <c r="G59" s="69">
        <v>1</v>
      </c>
      <c r="H59" s="68">
        <v>81</v>
      </c>
      <c r="I59" s="68">
        <v>47</v>
      </c>
      <c r="J59" s="68">
        <v>34</v>
      </c>
      <c r="K59" s="67">
        <v>55</v>
      </c>
      <c r="L59" s="79">
        <v>27</v>
      </c>
      <c r="M59" s="80">
        <v>28</v>
      </c>
    </row>
    <row r="60" spans="1:13" ht="21" customHeight="1">
      <c r="A60" s="36" t="s">
        <v>110</v>
      </c>
      <c r="B60" s="64">
        <v>94</v>
      </c>
      <c r="C60" s="65">
        <v>43</v>
      </c>
      <c r="D60" s="65">
        <v>51</v>
      </c>
      <c r="E60" s="64">
        <v>8</v>
      </c>
      <c r="F60" s="65">
        <v>4</v>
      </c>
      <c r="G60" s="66">
        <v>4</v>
      </c>
      <c r="H60" s="65">
        <v>309</v>
      </c>
      <c r="I60" s="65">
        <v>169</v>
      </c>
      <c r="J60" s="65">
        <v>140</v>
      </c>
      <c r="K60" s="64">
        <v>207</v>
      </c>
      <c r="L60" s="77">
        <v>122</v>
      </c>
      <c r="M60" s="78">
        <v>85</v>
      </c>
    </row>
    <row r="61" spans="1:13">
      <c r="A61" s="15" t="s">
        <v>112</v>
      </c>
      <c r="B61" s="67">
        <v>24</v>
      </c>
      <c r="C61" s="68">
        <v>11</v>
      </c>
      <c r="D61" s="68">
        <v>13</v>
      </c>
      <c r="E61" s="67">
        <v>0</v>
      </c>
      <c r="F61" s="68">
        <v>0</v>
      </c>
      <c r="G61" s="69">
        <v>0</v>
      </c>
      <c r="H61" s="68">
        <v>63</v>
      </c>
      <c r="I61" s="68">
        <v>34</v>
      </c>
      <c r="J61" s="68">
        <v>29</v>
      </c>
      <c r="K61" s="67">
        <v>39</v>
      </c>
      <c r="L61" s="79">
        <v>23</v>
      </c>
      <c r="M61" s="80">
        <v>16</v>
      </c>
    </row>
    <row r="62" spans="1:13">
      <c r="A62" s="15" t="s">
        <v>114</v>
      </c>
      <c r="B62" s="67">
        <v>13</v>
      </c>
      <c r="C62" s="68">
        <v>6</v>
      </c>
      <c r="D62" s="68">
        <v>7</v>
      </c>
      <c r="E62" s="67">
        <v>1</v>
      </c>
      <c r="F62" s="68">
        <v>0</v>
      </c>
      <c r="G62" s="69">
        <v>1</v>
      </c>
      <c r="H62" s="68">
        <v>58</v>
      </c>
      <c r="I62" s="68">
        <v>32</v>
      </c>
      <c r="J62" s="68">
        <v>26</v>
      </c>
      <c r="K62" s="67">
        <v>44</v>
      </c>
      <c r="L62" s="79">
        <v>26</v>
      </c>
      <c r="M62" s="80">
        <v>18</v>
      </c>
    </row>
    <row r="63" spans="1:13">
      <c r="A63" s="15" t="s">
        <v>116</v>
      </c>
      <c r="B63" s="67">
        <v>19</v>
      </c>
      <c r="C63" s="68">
        <v>13</v>
      </c>
      <c r="D63" s="68">
        <v>6</v>
      </c>
      <c r="E63" s="67">
        <v>3</v>
      </c>
      <c r="F63" s="68">
        <v>1</v>
      </c>
      <c r="G63" s="69">
        <v>2</v>
      </c>
      <c r="H63" s="68">
        <v>66</v>
      </c>
      <c r="I63" s="68">
        <v>36</v>
      </c>
      <c r="J63" s="68">
        <v>30</v>
      </c>
      <c r="K63" s="67">
        <v>44</v>
      </c>
      <c r="L63" s="79">
        <v>22</v>
      </c>
      <c r="M63" s="80">
        <v>22</v>
      </c>
    </row>
    <row r="64" spans="1:13">
      <c r="A64" s="15" t="s">
        <v>118</v>
      </c>
      <c r="B64" s="67">
        <v>15</v>
      </c>
      <c r="C64" s="68">
        <v>3</v>
      </c>
      <c r="D64" s="68">
        <v>12</v>
      </c>
      <c r="E64" s="67">
        <v>2</v>
      </c>
      <c r="F64" s="68">
        <v>1</v>
      </c>
      <c r="G64" s="69">
        <v>1</v>
      </c>
      <c r="H64" s="68">
        <v>59</v>
      </c>
      <c r="I64" s="68">
        <v>33</v>
      </c>
      <c r="J64" s="68">
        <v>26</v>
      </c>
      <c r="K64" s="67">
        <v>42</v>
      </c>
      <c r="L64" s="79">
        <v>29</v>
      </c>
      <c r="M64" s="80">
        <v>13</v>
      </c>
    </row>
    <row r="65" spans="1:13">
      <c r="A65" s="19" t="s">
        <v>120</v>
      </c>
      <c r="B65" s="70">
        <v>23</v>
      </c>
      <c r="C65" s="71">
        <v>10</v>
      </c>
      <c r="D65" s="71">
        <v>13</v>
      </c>
      <c r="E65" s="70">
        <v>2</v>
      </c>
      <c r="F65" s="71">
        <v>2</v>
      </c>
      <c r="G65" s="72">
        <v>0</v>
      </c>
      <c r="H65" s="71">
        <v>63</v>
      </c>
      <c r="I65" s="71">
        <v>34</v>
      </c>
      <c r="J65" s="71">
        <v>29</v>
      </c>
      <c r="K65" s="70">
        <v>38</v>
      </c>
      <c r="L65" s="81">
        <v>22</v>
      </c>
      <c r="M65" s="82">
        <v>16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754</v>
      </c>
      <c r="C69" s="50">
        <v>376</v>
      </c>
      <c r="D69" s="84">
        <v>378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3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32</v>
      </c>
      <c r="C75" s="65">
        <v>24</v>
      </c>
      <c r="D75" s="65">
        <v>8</v>
      </c>
      <c r="E75" s="64">
        <v>15</v>
      </c>
      <c r="F75" s="65">
        <v>6</v>
      </c>
      <c r="G75" s="66">
        <v>9</v>
      </c>
      <c r="H75" s="65">
        <v>278</v>
      </c>
      <c r="I75" s="65">
        <v>154</v>
      </c>
      <c r="J75" s="65">
        <v>124</v>
      </c>
      <c r="K75" s="64">
        <v>231</v>
      </c>
      <c r="L75" s="77">
        <v>124</v>
      </c>
      <c r="M75" s="78">
        <v>107</v>
      </c>
    </row>
    <row r="76" spans="1:13">
      <c r="A76" s="27" t="s">
        <v>5</v>
      </c>
      <c r="B76" s="67">
        <v>2</v>
      </c>
      <c r="C76" s="68">
        <v>7</v>
      </c>
      <c r="D76" s="68">
        <v>-5</v>
      </c>
      <c r="E76" s="67">
        <v>4</v>
      </c>
      <c r="F76" s="68">
        <v>1</v>
      </c>
      <c r="G76" s="69">
        <v>3</v>
      </c>
      <c r="H76" s="68">
        <v>63</v>
      </c>
      <c r="I76" s="68">
        <v>40</v>
      </c>
      <c r="J76" s="68">
        <v>23</v>
      </c>
      <c r="K76" s="67">
        <v>57</v>
      </c>
      <c r="L76" s="79">
        <v>32</v>
      </c>
      <c r="M76" s="80">
        <v>25</v>
      </c>
    </row>
    <row r="77" spans="1:13">
      <c r="A77" s="27" t="s">
        <v>7</v>
      </c>
      <c r="B77" s="67">
        <v>13</v>
      </c>
      <c r="C77" s="68">
        <v>13</v>
      </c>
      <c r="D77" s="68">
        <v>0</v>
      </c>
      <c r="E77" s="67">
        <v>1</v>
      </c>
      <c r="F77" s="68">
        <v>1</v>
      </c>
      <c r="G77" s="69">
        <v>0</v>
      </c>
      <c r="H77" s="68">
        <v>59</v>
      </c>
      <c r="I77" s="68">
        <v>35</v>
      </c>
      <c r="J77" s="68">
        <v>24</v>
      </c>
      <c r="K77" s="67">
        <v>45</v>
      </c>
      <c r="L77" s="79">
        <v>21</v>
      </c>
      <c r="M77" s="80">
        <v>24</v>
      </c>
    </row>
    <row r="78" spans="1:13">
      <c r="A78" s="27" t="s">
        <v>9</v>
      </c>
      <c r="B78" s="67">
        <v>-2</v>
      </c>
      <c r="C78" s="68">
        <v>-2</v>
      </c>
      <c r="D78" s="68">
        <v>0</v>
      </c>
      <c r="E78" s="67">
        <v>2</v>
      </c>
      <c r="F78" s="68">
        <v>0</v>
      </c>
      <c r="G78" s="69">
        <v>2</v>
      </c>
      <c r="H78" s="68">
        <v>46</v>
      </c>
      <c r="I78" s="68">
        <v>22</v>
      </c>
      <c r="J78" s="68">
        <v>24</v>
      </c>
      <c r="K78" s="67">
        <v>46</v>
      </c>
      <c r="L78" s="79">
        <v>24</v>
      </c>
      <c r="M78" s="80">
        <v>22</v>
      </c>
    </row>
    <row r="79" spans="1:13">
      <c r="A79" s="27" t="s">
        <v>11</v>
      </c>
      <c r="B79" s="67">
        <v>7</v>
      </c>
      <c r="C79" s="68">
        <v>6</v>
      </c>
      <c r="D79" s="68">
        <v>1</v>
      </c>
      <c r="E79" s="67">
        <v>4</v>
      </c>
      <c r="F79" s="68">
        <v>2</v>
      </c>
      <c r="G79" s="69">
        <v>2</v>
      </c>
      <c r="H79" s="68">
        <v>55</v>
      </c>
      <c r="I79" s="68">
        <v>31</v>
      </c>
      <c r="J79" s="68">
        <v>24</v>
      </c>
      <c r="K79" s="67">
        <v>44</v>
      </c>
      <c r="L79" s="79">
        <v>23</v>
      </c>
      <c r="M79" s="80">
        <v>21</v>
      </c>
    </row>
    <row r="80" spans="1:13">
      <c r="A80" s="27" t="s">
        <v>13</v>
      </c>
      <c r="B80" s="67">
        <v>12</v>
      </c>
      <c r="C80" s="68">
        <v>0</v>
      </c>
      <c r="D80" s="68">
        <v>12</v>
      </c>
      <c r="E80" s="67">
        <v>4</v>
      </c>
      <c r="F80" s="68">
        <v>2</v>
      </c>
      <c r="G80" s="69">
        <v>2</v>
      </c>
      <c r="H80" s="68">
        <v>55</v>
      </c>
      <c r="I80" s="68">
        <v>26</v>
      </c>
      <c r="J80" s="68">
        <v>29</v>
      </c>
      <c r="K80" s="67">
        <v>39</v>
      </c>
      <c r="L80" s="79">
        <v>24</v>
      </c>
      <c r="M80" s="80">
        <v>15</v>
      </c>
    </row>
    <row r="81" spans="1:13" ht="21" customHeight="1">
      <c r="A81" s="38" t="s">
        <v>15</v>
      </c>
      <c r="B81" s="64">
        <v>16</v>
      </c>
      <c r="C81" s="65">
        <v>3</v>
      </c>
      <c r="D81" s="65">
        <v>13</v>
      </c>
      <c r="E81" s="64">
        <v>21</v>
      </c>
      <c r="F81" s="65">
        <v>16</v>
      </c>
      <c r="G81" s="66">
        <v>5</v>
      </c>
      <c r="H81" s="65">
        <v>223</v>
      </c>
      <c r="I81" s="65">
        <v>128</v>
      </c>
      <c r="J81" s="65">
        <v>95</v>
      </c>
      <c r="K81" s="64">
        <v>186</v>
      </c>
      <c r="L81" s="77">
        <v>109</v>
      </c>
      <c r="M81" s="78">
        <v>77</v>
      </c>
    </row>
    <row r="82" spans="1:13">
      <c r="A82" s="27" t="s">
        <v>17</v>
      </c>
      <c r="B82" s="67">
        <v>4</v>
      </c>
      <c r="C82" s="68">
        <v>0</v>
      </c>
      <c r="D82" s="68">
        <v>4</v>
      </c>
      <c r="E82" s="67">
        <v>7</v>
      </c>
      <c r="F82" s="68">
        <v>5</v>
      </c>
      <c r="G82" s="69">
        <v>2</v>
      </c>
      <c r="H82" s="68">
        <v>64</v>
      </c>
      <c r="I82" s="68">
        <v>37</v>
      </c>
      <c r="J82" s="68">
        <v>27</v>
      </c>
      <c r="K82" s="67">
        <v>53</v>
      </c>
      <c r="L82" s="79">
        <v>32</v>
      </c>
      <c r="M82" s="80">
        <v>21</v>
      </c>
    </row>
    <row r="83" spans="1:13">
      <c r="A83" s="27" t="s">
        <v>19</v>
      </c>
      <c r="B83" s="67">
        <v>-5</v>
      </c>
      <c r="C83" s="68">
        <v>0</v>
      </c>
      <c r="D83" s="68">
        <v>-5</v>
      </c>
      <c r="E83" s="67">
        <v>1</v>
      </c>
      <c r="F83" s="68">
        <v>1</v>
      </c>
      <c r="G83" s="69">
        <v>0</v>
      </c>
      <c r="H83" s="68">
        <v>32</v>
      </c>
      <c r="I83" s="68">
        <v>21</v>
      </c>
      <c r="J83" s="68">
        <v>11</v>
      </c>
      <c r="K83" s="67">
        <v>36</v>
      </c>
      <c r="L83" s="79">
        <v>20</v>
      </c>
      <c r="M83" s="80">
        <v>16</v>
      </c>
    </row>
    <row r="84" spans="1:13">
      <c r="A84" s="27" t="s">
        <v>21</v>
      </c>
      <c r="B84" s="67">
        <v>12</v>
      </c>
      <c r="C84" s="68">
        <v>-2</v>
      </c>
      <c r="D84" s="68">
        <v>14</v>
      </c>
      <c r="E84" s="67">
        <v>4</v>
      </c>
      <c r="F84" s="68">
        <v>3</v>
      </c>
      <c r="G84" s="69">
        <v>1</v>
      </c>
      <c r="H84" s="68">
        <v>48</v>
      </c>
      <c r="I84" s="68">
        <v>22</v>
      </c>
      <c r="J84" s="68">
        <v>26</v>
      </c>
      <c r="K84" s="67">
        <v>32</v>
      </c>
      <c r="L84" s="79">
        <v>21</v>
      </c>
      <c r="M84" s="80">
        <v>11</v>
      </c>
    </row>
    <row r="85" spans="1:13">
      <c r="A85" s="27" t="s">
        <v>23</v>
      </c>
      <c r="B85" s="67">
        <v>4</v>
      </c>
      <c r="C85" s="68">
        <v>3</v>
      </c>
      <c r="D85" s="68">
        <v>1</v>
      </c>
      <c r="E85" s="67">
        <v>5</v>
      </c>
      <c r="F85" s="68">
        <v>4</v>
      </c>
      <c r="G85" s="69">
        <v>1</v>
      </c>
      <c r="H85" s="68">
        <v>40</v>
      </c>
      <c r="I85" s="68">
        <v>27</v>
      </c>
      <c r="J85" s="68">
        <v>13</v>
      </c>
      <c r="K85" s="67">
        <v>31</v>
      </c>
      <c r="L85" s="79">
        <v>20</v>
      </c>
      <c r="M85" s="80">
        <v>11</v>
      </c>
    </row>
    <row r="86" spans="1:13">
      <c r="A86" s="27" t="s">
        <v>25</v>
      </c>
      <c r="B86" s="67">
        <v>1</v>
      </c>
      <c r="C86" s="68">
        <v>2</v>
      </c>
      <c r="D86" s="68">
        <v>-1</v>
      </c>
      <c r="E86" s="67">
        <v>4</v>
      </c>
      <c r="F86" s="68">
        <v>3</v>
      </c>
      <c r="G86" s="69">
        <v>1</v>
      </c>
      <c r="H86" s="68">
        <v>39</v>
      </c>
      <c r="I86" s="68">
        <v>21</v>
      </c>
      <c r="J86" s="68">
        <v>18</v>
      </c>
      <c r="K86" s="67">
        <v>34</v>
      </c>
      <c r="L86" s="79">
        <v>16</v>
      </c>
      <c r="M86" s="80">
        <v>18</v>
      </c>
    </row>
    <row r="87" spans="1:13" ht="21" customHeight="1">
      <c r="A87" s="38" t="s">
        <v>27</v>
      </c>
      <c r="B87" s="64">
        <v>2</v>
      </c>
      <c r="C87" s="65">
        <v>7</v>
      </c>
      <c r="D87" s="65">
        <v>-5</v>
      </c>
      <c r="E87" s="64">
        <v>33</v>
      </c>
      <c r="F87" s="65">
        <v>21</v>
      </c>
      <c r="G87" s="66">
        <v>12</v>
      </c>
      <c r="H87" s="65">
        <v>161</v>
      </c>
      <c r="I87" s="65">
        <v>85</v>
      </c>
      <c r="J87" s="65">
        <v>76</v>
      </c>
      <c r="K87" s="64">
        <v>126</v>
      </c>
      <c r="L87" s="77">
        <v>57</v>
      </c>
      <c r="M87" s="78">
        <v>69</v>
      </c>
    </row>
    <row r="88" spans="1:13">
      <c r="A88" s="27" t="s">
        <v>29</v>
      </c>
      <c r="B88" s="67">
        <v>19</v>
      </c>
      <c r="C88" s="68">
        <v>14</v>
      </c>
      <c r="D88" s="68">
        <v>5</v>
      </c>
      <c r="E88" s="67">
        <v>6</v>
      </c>
      <c r="F88" s="68">
        <v>2</v>
      </c>
      <c r="G88" s="69">
        <v>4</v>
      </c>
      <c r="H88" s="68">
        <v>42</v>
      </c>
      <c r="I88" s="68">
        <v>25</v>
      </c>
      <c r="J88" s="68">
        <v>17</v>
      </c>
      <c r="K88" s="67">
        <v>17</v>
      </c>
      <c r="L88" s="79">
        <v>9</v>
      </c>
      <c r="M88" s="80">
        <v>8</v>
      </c>
    </row>
    <row r="89" spans="1:13">
      <c r="A89" s="27" t="s">
        <v>31</v>
      </c>
      <c r="B89" s="67">
        <v>-5</v>
      </c>
      <c r="C89" s="68">
        <v>-3</v>
      </c>
      <c r="D89" s="68">
        <v>-2</v>
      </c>
      <c r="E89" s="67">
        <v>7</v>
      </c>
      <c r="F89" s="68">
        <v>6</v>
      </c>
      <c r="G89" s="69">
        <v>1</v>
      </c>
      <c r="H89" s="68">
        <v>31</v>
      </c>
      <c r="I89" s="68">
        <v>17</v>
      </c>
      <c r="J89" s="68">
        <v>14</v>
      </c>
      <c r="K89" s="67">
        <v>29</v>
      </c>
      <c r="L89" s="79">
        <v>14</v>
      </c>
      <c r="M89" s="80">
        <v>15</v>
      </c>
    </row>
    <row r="90" spans="1:13">
      <c r="A90" s="27" t="s">
        <v>33</v>
      </c>
      <c r="B90" s="67">
        <v>-11</v>
      </c>
      <c r="C90" s="68">
        <v>-7</v>
      </c>
      <c r="D90" s="68">
        <v>-4</v>
      </c>
      <c r="E90" s="67">
        <v>10</v>
      </c>
      <c r="F90" s="68">
        <v>8</v>
      </c>
      <c r="G90" s="69">
        <v>2</v>
      </c>
      <c r="H90" s="68">
        <v>31</v>
      </c>
      <c r="I90" s="68">
        <v>17</v>
      </c>
      <c r="J90" s="68">
        <v>14</v>
      </c>
      <c r="K90" s="67">
        <v>32</v>
      </c>
      <c r="L90" s="79">
        <v>16</v>
      </c>
      <c r="M90" s="80">
        <v>16</v>
      </c>
    </row>
    <row r="91" spans="1:13">
      <c r="A91" s="27" t="s">
        <v>35</v>
      </c>
      <c r="B91" s="67">
        <v>7</v>
      </c>
      <c r="C91" s="68">
        <v>3</v>
      </c>
      <c r="D91" s="68">
        <v>4</v>
      </c>
      <c r="E91" s="67">
        <v>3</v>
      </c>
      <c r="F91" s="68">
        <v>2</v>
      </c>
      <c r="G91" s="69">
        <v>1</v>
      </c>
      <c r="H91" s="68">
        <v>33</v>
      </c>
      <c r="I91" s="68">
        <v>16</v>
      </c>
      <c r="J91" s="68">
        <v>17</v>
      </c>
      <c r="K91" s="67">
        <v>23</v>
      </c>
      <c r="L91" s="79">
        <v>11</v>
      </c>
      <c r="M91" s="80">
        <v>12</v>
      </c>
    </row>
    <row r="92" spans="1:13">
      <c r="A92" s="27" t="s">
        <v>37</v>
      </c>
      <c r="B92" s="67">
        <v>-8</v>
      </c>
      <c r="C92" s="68">
        <v>0</v>
      </c>
      <c r="D92" s="68">
        <v>-8</v>
      </c>
      <c r="E92" s="67">
        <v>7</v>
      </c>
      <c r="F92" s="68">
        <v>3</v>
      </c>
      <c r="G92" s="69">
        <v>4</v>
      </c>
      <c r="H92" s="68">
        <v>24</v>
      </c>
      <c r="I92" s="68">
        <v>10</v>
      </c>
      <c r="J92" s="68">
        <v>14</v>
      </c>
      <c r="K92" s="67">
        <v>25</v>
      </c>
      <c r="L92" s="79">
        <v>7</v>
      </c>
      <c r="M92" s="80">
        <v>18</v>
      </c>
    </row>
    <row r="93" spans="1:13" ht="21" customHeight="1">
      <c r="A93" s="38" t="s">
        <v>39</v>
      </c>
      <c r="B93" s="64">
        <v>-2</v>
      </c>
      <c r="C93" s="65">
        <v>-20</v>
      </c>
      <c r="D93" s="65">
        <v>18</v>
      </c>
      <c r="E93" s="64">
        <v>41</v>
      </c>
      <c r="F93" s="65">
        <v>25</v>
      </c>
      <c r="G93" s="66">
        <v>16</v>
      </c>
      <c r="H93" s="65">
        <v>133</v>
      </c>
      <c r="I93" s="65">
        <v>63</v>
      </c>
      <c r="J93" s="65">
        <v>70</v>
      </c>
      <c r="K93" s="64">
        <v>94</v>
      </c>
      <c r="L93" s="77">
        <v>58</v>
      </c>
      <c r="M93" s="78">
        <v>36</v>
      </c>
    </row>
    <row r="94" spans="1:13">
      <c r="A94" s="27" t="s">
        <v>41</v>
      </c>
      <c r="B94" s="67">
        <v>-3</v>
      </c>
      <c r="C94" s="68">
        <v>-2</v>
      </c>
      <c r="D94" s="68">
        <v>-1</v>
      </c>
      <c r="E94" s="67">
        <v>10</v>
      </c>
      <c r="F94" s="68">
        <v>5</v>
      </c>
      <c r="G94" s="69">
        <v>5</v>
      </c>
      <c r="H94" s="68">
        <v>26</v>
      </c>
      <c r="I94" s="68">
        <v>15</v>
      </c>
      <c r="J94" s="68">
        <v>11</v>
      </c>
      <c r="K94" s="67">
        <v>19</v>
      </c>
      <c r="L94" s="79">
        <v>12</v>
      </c>
      <c r="M94" s="80">
        <v>7</v>
      </c>
    </row>
    <row r="95" spans="1:13">
      <c r="A95" s="27" t="s">
        <v>43</v>
      </c>
      <c r="B95" s="67">
        <v>-10</v>
      </c>
      <c r="C95" s="68">
        <v>-9</v>
      </c>
      <c r="D95" s="68">
        <v>-1</v>
      </c>
      <c r="E95" s="67">
        <v>4</v>
      </c>
      <c r="F95" s="68">
        <v>1</v>
      </c>
      <c r="G95" s="69">
        <v>3</v>
      </c>
      <c r="H95" s="68">
        <v>21</v>
      </c>
      <c r="I95" s="68">
        <v>12</v>
      </c>
      <c r="J95" s="68">
        <v>9</v>
      </c>
      <c r="K95" s="67">
        <v>27</v>
      </c>
      <c r="L95" s="79">
        <v>20</v>
      </c>
      <c r="M95" s="80">
        <v>7</v>
      </c>
    </row>
    <row r="96" spans="1:13">
      <c r="A96" s="27" t="s">
        <v>45</v>
      </c>
      <c r="B96" s="67">
        <v>15</v>
      </c>
      <c r="C96" s="68">
        <v>3</v>
      </c>
      <c r="D96" s="68">
        <v>12</v>
      </c>
      <c r="E96" s="67">
        <v>6</v>
      </c>
      <c r="F96" s="68">
        <v>5</v>
      </c>
      <c r="G96" s="69">
        <v>1</v>
      </c>
      <c r="H96" s="68">
        <v>36</v>
      </c>
      <c r="I96" s="68">
        <v>14</v>
      </c>
      <c r="J96" s="68">
        <v>22</v>
      </c>
      <c r="K96" s="67">
        <v>15</v>
      </c>
      <c r="L96" s="79">
        <v>6</v>
      </c>
      <c r="M96" s="80">
        <v>9</v>
      </c>
    </row>
    <row r="97" spans="1:13">
      <c r="A97" s="27" t="s">
        <v>47</v>
      </c>
      <c r="B97" s="67">
        <v>3</v>
      </c>
      <c r="C97" s="68">
        <v>-4</v>
      </c>
      <c r="D97" s="68">
        <v>7</v>
      </c>
      <c r="E97" s="67">
        <v>10</v>
      </c>
      <c r="F97" s="68">
        <v>6</v>
      </c>
      <c r="G97" s="69">
        <v>4</v>
      </c>
      <c r="H97" s="68">
        <v>31</v>
      </c>
      <c r="I97" s="68">
        <v>12</v>
      </c>
      <c r="J97" s="68">
        <v>19</v>
      </c>
      <c r="K97" s="67">
        <v>18</v>
      </c>
      <c r="L97" s="79">
        <v>10</v>
      </c>
      <c r="M97" s="80">
        <v>8</v>
      </c>
    </row>
    <row r="98" spans="1:13">
      <c r="A98" s="27" t="s">
        <v>49</v>
      </c>
      <c r="B98" s="67">
        <v>-7</v>
      </c>
      <c r="C98" s="68">
        <v>-8</v>
      </c>
      <c r="D98" s="68">
        <v>1</v>
      </c>
      <c r="E98" s="67">
        <v>11</v>
      </c>
      <c r="F98" s="68">
        <v>8</v>
      </c>
      <c r="G98" s="69">
        <v>3</v>
      </c>
      <c r="H98" s="68">
        <v>19</v>
      </c>
      <c r="I98" s="68">
        <v>10</v>
      </c>
      <c r="J98" s="68">
        <v>9</v>
      </c>
      <c r="K98" s="67">
        <v>15</v>
      </c>
      <c r="L98" s="79">
        <v>10</v>
      </c>
      <c r="M98" s="80">
        <v>5</v>
      </c>
    </row>
    <row r="99" spans="1:13" ht="21" customHeight="1">
      <c r="A99" s="38" t="s">
        <v>51</v>
      </c>
      <c r="B99" s="64">
        <v>-90</v>
      </c>
      <c r="C99" s="65">
        <v>-67</v>
      </c>
      <c r="D99" s="65">
        <v>-23</v>
      </c>
      <c r="E99" s="64">
        <v>104</v>
      </c>
      <c r="F99" s="65">
        <v>72</v>
      </c>
      <c r="G99" s="66">
        <v>32</v>
      </c>
      <c r="H99" s="65">
        <v>127</v>
      </c>
      <c r="I99" s="65">
        <v>58</v>
      </c>
      <c r="J99" s="65">
        <v>69</v>
      </c>
      <c r="K99" s="64">
        <v>113</v>
      </c>
      <c r="L99" s="77">
        <v>53</v>
      </c>
      <c r="M99" s="78">
        <v>60</v>
      </c>
    </row>
    <row r="100" spans="1:13">
      <c r="A100" s="27" t="s">
        <v>53</v>
      </c>
      <c r="B100" s="67">
        <v>-17</v>
      </c>
      <c r="C100" s="68">
        <v>-11</v>
      </c>
      <c r="D100" s="68">
        <v>-6</v>
      </c>
      <c r="E100" s="67">
        <v>18</v>
      </c>
      <c r="F100" s="68">
        <v>13</v>
      </c>
      <c r="G100" s="69">
        <v>5</v>
      </c>
      <c r="H100" s="68">
        <v>23</v>
      </c>
      <c r="I100" s="68">
        <v>13</v>
      </c>
      <c r="J100" s="68">
        <v>10</v>
      </c>
      <c r="K100" s="67">
        <v>22</v>
      </c>
      <c r="L100" s="79">
        <v>11</v>
      </c>
      <c r="M100" s="80">
        <v>11</v>
      </c>
    </row>
    <row r="101" spans="1:13">
      <c r="A101" s="27" t="s">
        <v>55</v>
      </c>
      <c r="B101" s="67">
        <v>0</v>
      </c>
      <c r="C101" s="68">
        <v>0</v>
      </c>
      <c r="D101" s="68">
        <v>0</v>
      </c>
      <c r="E101" s="67">
        <v>9</v>
      </c>
      <c r="F101" s="68">
        <v>7</v>
      </c>
      <c r="G101" s="69">
        <v>2</v>
      </c>
      <c r="H101" s="68">
        <v>29</v>
      </c>
      <c r="I101" s="68">
        <v>17</v>
      </c>
      <c r="J101" s="68">
        <v>12</v>
      </c>
      <c r="K101" s="67">
        <v>20</v>
      </c>
      <c r="L101" s="79">
        <v>10</v>
      </c>
      <c r="M101" s="80">
        <v>10</v>
      </c>
    </row>
    <row r="102" spans="1:13">
      <c r="A102" s="27" t="s">
        <v>57</v>
      </c>
      <c r="B102" s="67">
        <v>-21</v>
      </c>
      <c r="C102" s="68">
        <v>-24</v>
      </c>
      <c r="D102" s="68">
        <v>3</v>
      </c>
      <c r="E102" s="67">
        <v>27</v>
      </c>
      <c r="F102" s="68">
        <v>24</v>
      </c>
      <c r="G102" s="69">
        <v>3</v>
      </c>
      <c r="H102" s="68">
        <v>29</v>
      </c>
      <c r="I102" s="68">
        <v>9</v>
      </c>
      <c r="J102" s="68">
        <v>20</v>
      </c>
      <c r="K102" s="67">
        <v>23</v>
      </c>
      <c r="L102" s="79">
        <v>9</v>
      </c>
      <c r="M102" s="80">
        <v>14</v>
      </c>
    </row>
    <row r="103" spans="1:13">
      <c r="A103" s="27" t="s">
        <v>59</v>
      </c>
      <c r="B103" s="67">
        <v>-31</v>
      </c>
      <c r="C103" s="68">
        <v>-19</v>
      </c>
      <c r="D103" s="68">
        <v>-12</v>
      </c>
      <c r="E103" s="67">
        <v>22</v>
      </c>
      <c r="F103" s="68">
        <v>12</v>
      </c>
      <c r="G103" s="69">
        <v>10</v>
      </c>
      <c r="H103" s="68">
        <v>20</v>
      </c>
      <c r="I103" s="68">
        <v>9</v>
      </c>
      <c r="J103" s="68">
        <v>11</v>
      </c>
      <c r="K103" s="67">
        <v>29</v>
      </c>
      <c r="L103" s="79">
        <v>16</v>
      </c>
      <c r="M103" s="80">
        <v>13</v>
      </c>
    </row>
    <row r="104" spans="1:13">
      <c r="A104" s="27" t="s">
        <v>61</v>
      </c>
      <c r="B104" s="67">
        <v>-21</v>
      </c>
      <c r="C104" s="68">
        <v>-13</v>
      </c>
      <c r="D104" s="68">
        <v>-8</v>
      </c>
      <c r="E104" s="67">
        <v>28</v>
      </c>
      <c r="F104" s="68">
        <v>16</v>
      </c>
      <c r="G104" s="69">
        <v>12</v>
      </c>
      <c r="H104" s="68">
        <v>26</v>
      </c>
      <c r="I104" s="68">
        <v>10</v>
      </c>
      <c r="J104" s="68">
        <v>16</v>
      </c>
      <c r="K104" s="67">
        <v>19</v>
      </c>
      <c r="L104" s="79">
        <v>7</v>
      </c>
      <c r="M104" s="80">
        <v>12</v>
      </c>
    </row>
    <row r="105" spans="1:13" ht="21" customHeight="1">
      <c r="A105" s="38" t="s">
        <v>63</v>
      </c>
      <c r="B105" s="64">
        <v>-142</v>
      </c>
      <c r="C105" s="65">
        <v>-98</v>
      </c>
      <c r="D105" s="65">
        <v>-44</v>
      </c>
      <c r="E105" s="64">
        <v>150</v>
      </c>
      <c r="F105" s="65">
        <v>98</v>
      </c>
      <c r="G105" s="66">
        <v>52</v>
      </c>
      <c r="H105" s="65">
        <v>88</v>
      </c>
      <c r="I105" s="65">
        <v>43</v>
      </c>
      <c r="J105" s="65">
        <v>45</v>
      </c>
      <c r="K105" s="64">
        <v>80</v>
      </c>
      <c r="L105" s="77">
        <v>43</v>
      </c>
      <c r="M105" s="78">
        <v>37</v>
      </c>
    </row>
    <row r="106" spans="1:13">
      <c r="A106" s="27" t="s">
        <v>65</v>
      </c>
      <c r="B106" s="67">
        <v>-35</v>
      </c>
      <c r="C106" s="68">
        <v>-25</v>
      </c>
      <c r="D106" s="68">
        <v>-10</v>
      </c>
      <c r="E106" s="67">
        <v>40</v>
      </c>
      <c r="F106" s="68">
        <v>27</v>
      </c>
      <c r="G106" s="69">
        <v>13</v>
      </c>
      <c r="H106" s="68">
        <v>23</v>
      </c>
      <c r="I106" s="68">
        <v>15</v>
      </c>
      <c r="J106" s="68">
        <v>8</v>
      </c>
      <c r="K106" s="67">
        <v>18</v>
      </c>
      <c r="L106" s="79">
        <v>13</v>
      </c>
      <c r="M106" s="80">
        <v>5</v>
      </c>
    </row>
    <row r="107" spans="1:13">
      <c r="A107" s="27" t="s">
        <v>67</v>
      </c>
      <c r="B107" s="67">
        <v>-15</v>
      </c>
      <c r="C107" s="68">
        <v>-14</v>
      </c>
      <c r="D107" s="68">
        <v>-1</v>
      </c>
      <c r="E107" s="67">
        <v>21</v>
      </c>
      <c r="F107" s="68">
        <v>15</v>
      </c>
      <c r="G107" s="69">
        <v>6</v>
      </c>
      <c r="H107" s="68">
        <v>20</v>
      </c>
      <c r="I107" s="68">
        <v>9</v>
      </c>
      <c r="J107" s="68">
        <v>11</v>
      </c>
      <c r="K107" s="67">
        <v>14</v>
      </c>
      <c r="L107" s="79">
        <v>8</v>
      </c>
      <c r="M107" s="80">
        <v>6</v>
      </c>
    </row>
    <row r="108" spans="1:13">
      <c r="A108" s="27" t="s">
        <v>69</v>
      </c>
      <c r="B108" s="67">
        <v>-18</v>
      </c>
      <c r="C108" s="68">
        <v>-15</v>
      </c>
      <c r="D108" s="68">
        <v>-3</v>
      </c>
      <c r="E108" s="67">
        <v>22</v>
      </c>
      <c r="F108" s="68">
        <v>15</v>
      </c>
      <c r="G108" s="69">
        <v>7</v>
      </c>
      <c r="H108" s="68">
        <v>16</v>
      </c>
      <c r="I108" s="68">
        <v>5</v>
      </c>
      <c r="J108" s="68">
        <v>11</v>
      </c>
      <c r="K108" s="67">
        <v>12</v>
      </c>
      <c r="L108" s="79">
        <v>5</v>
      </c>
      <c r="M108" s="80">
        <v>7</v>
      </c>
    </row>
    <row r="109" spans="1:13">
      <c r="A109" s="27" t="s">
        <v>71</v>
      </c>
      <c r="B109" s="67">
        <v>-32</v>
      </c>
      <c r="C109" s="68">
        <v>-18</v>
      </c>
      <c r="D109" s="68">
        <v>-14</v>
      </c>
      <c r="E109" s="67">
        <v>27</v>
      </c>
      <c r="F109" s="68">
        <v>17</v>
      </c>
      <c r="G109" s="69">
        <v>10</v>
      </c>
      <c r="H109" s="68">
        <v>10</v>
      </c>
      <c r="I109" s="68">
        <v>4</v>
      </c>
      <c r="J109" s="68">
        <v>6</v>
      </c>
      <c r="K109" s="67">
        <v>15</v>
      </c>
      <c r="L109" s="79">
        <v>5</v>
      </c>
      <c r="M109" s="80">
        <v>10</v>
      </c>
    </row>
    <row r="110" spans="1:13">
      <c r="A110" s="27" t="s">
        <v>73</v>
      </c>
      <c r="B110" s="67">
        <v>-42</v>
      </c>
      <c r="C110" s="68">
        <v>-26</v>
      </c>
      <c r="D110" s="68">
        <v>-16</v>
      </c>
      <c r="E110" s="67">
        <v>40</v>
      </c>
      <c r="F110" s="68">
        <v>24</v>
      </c>
      <c r="G110" s="69">
        <v>16</v>
      </c>
      <c r="H110" s="68">
        <v>19</v>
      </c>
      <c r="I110" s="68">
        <v>10</v>
      </c>
      <c r="J110" s="68">
        <v>9</v>
      </c>
      <c r="K110" s="67">
        <v>21</v>
      </c>
      <c r="L110" s="79">
        <v>12</v>
      </c>
      <c r="M110" s="80">
        <v>9</v>
      </c>
    </row>
    <row r="111" spans="1:13" ht="21" customHeight="1">
      <c r="A111" s="38" t="s">
        <v>75</v>
      </c>
      <c r="B111" s="64">
        <v>-283</v>
      </c>
      <c r="C111" s="65">
        <v>-181</v>
      </c>
      <c r="D111" s="65">
        <v>-102</v>
      </c>
      <c r="E111" s="64">
        <v>283</v>
      </c>
      <c r="F111" s="65">
        <v>180</v>
      </c>
      <c r="G111" s="66">
        <v>103</v>
      </c>
      <c r="H111" s="65">
        <v>86</v>
      </c>
      <c r="I111" s="65">
        <v>30</v>
      </c>
      <c r="J111" s="65">
        <v>56</v>
      </c>
      <c r="K111" s="64">
        <v>86</v>
      </c>
      <c r="L111" s="77">
        <v>31</v>
      </c>
      <c r="M111" s="78">
        <v>55</v>
      </c>
    </row>
    <row r="112" spans="1:13">
      <c r="A112" s="27" t="s">
        <v>77</v>
      </c>
      <c r="B112" s="67">
        <v>-46</v>
      </c>
      <c r="C112" s="68">
        <v>-28</v>
      </c>
      <c r="D112" s="68">
        <v>-18</v>
      </c>
      <c r="E112" s="67">
        <v>42</v>
      </c>
      <c r="F112" s="68">
        <v>27</v>
      </c>
      <c r="G112" s="69">
        <v>15</v>
      </c>
      <c r="H112" s="68">
        <v>20</v>
      </c>
      <c r="I112" s="68">
        <v>7</v>
      </c>
      <c r="J112" s="68">
        <v>13</v>
      </c>
      <c r="K112" s="67">
        <v>24</v>
      </c>
      <c r="L112" s="79">
        <v>8</v>
      </c>
      <c r="M112" s="80">
        <v>16</v>
      </c>
    </row>
    <row r="113" spans="1:13">
      <c r="A113" s="27" t="s">
        <v>79</v>
      </c>
      <c r="B113" s="67">
        <v>-51</v>
      </c>
      <c r="C113" s="68">
        <v>-40</v>
      </c>
      <c r="D113" s="68">
        <v>-11</v>
      </c>
      <c r="E113" s="67">
        <v>53</v>
      </c>
      <c r="F113" s="68">
        <v>41</v>
      </c>
      <c r="G113" s="69">
        <v>12</v>
      </c>
      <c r="H113" s="68">
        <v>24</v>
      </c>
      <c r="I113" s="68">
        <v>9</v>
      </c>
      <c r="J113" s="68">
        <v>15</v>
      </c>
      <c r="K113" s="67">
        <v>22</v>
      </c>
      <c r="L113" s="79">
        <v>8</v>
      </c>
      <c r="M113" s="80">
        <v>14</v>
      </c>
    </row>
    <row r="114" spans="1:13">
      <c r="A114" s="27" t="s">
        <v>81</v>
      </c>
      <c r="B114" s="67">
        <v>-64</v>
      </c>
      <c r="C114" s="68">
        <v>-42</v>
      </c>
      <c r="D114" s="68">
        <v>-22</v>
      </c>
      <c r="E114" s="67">
        <v>66</v>
      </c>
      <c r="F114" s="68">
        <v>42</v>
      </c>
      <c r="G114" s="69">
        <v>24</v>
      </c>
      <c r="H114" s="68">
        <v>14</v>
      </c>
      <c r="I114" s="68">
        <v>5</v>
      </c>
      <c r="J114" s="68">
        <v>9</v>
      </c>
      <c r="K114" s="67">
        <v>12</v>
      </c>
      <c r="L114" s="79">
        <v>5</v>
      </c>
      <c r="M114" s="80">
        <v>7</v>
      </c>
    </row>
    <row r="115" spans="1:13">
      <c r="A115" s="27" t="s">
        <v>83</v>
      </c>
      <c r="B115" s="67">
        <v>-65</v>
      </c>
      <c r="C115" s="68">
        <v>-38</v>
      </c>
      <c r="D115" s="68">
        <v>-27</v>
      </c>
      <c r="E115" s="67">
        <v>61</v>
      </c>
      <c r="F115" s="68">
        <v>35</v>
      </c>
      <c r="G115" s="69">
        <v>26</v>
      </c>
      <c r="H115" s="68">
        <v>14</v>
      </c>
      <c r="I115" s="68">
        <v>2</v>
      </c>
      <c r="J115" s="68">
        <v>12</v>
      </c>
      <c r="K115" s="67">
        <v>18</v>
      </c>
      <c r="L115" s="79">
        <v>5</v>
      </c>
      <c r="M115" s="80">
        <v>13</v>
      </c>
    </row>
    <row r="116" spans="1:13">
      <c r="A116" s="27" t="s">
        <v>85</v>
      </c>
      <c r="B116" s="67">
        <v>-57</v>
      </c>
      <c r="C116" s="68">
        <v>-33</v>
      </c>
      <c r="D116" s="68">
        <v>-24</v>
      </c>
      <c r="E116" s="67">
        <v>61</v>
      </c>
      <c r="F116" s="68">
        <v>35</v>
      </c>
      <c r="G116" s="69">
        <v>26</v>
      </c>
      <c r="H116" s="68">
        <v>14</v>
      </c>
      <c r="I116" s="68">
        <v>7</v>
      </c>
      <c r="J116" s="68">
        <v>7</v>
      </c>
      <c r="K116" s="67">
        <v>10</v>
      </c>
      <c r="L116" s="79">
        <v>5</v>
      </c>
      <c r="M116" s="80">
        <v>5</v>
      </c>
    </row>
    <row r="117" spans="1:13" ht="21" customHeight="1">
      <c r="A117" s="38" t="s">
        <v>87</v>
      </c>
      <c r="B117" s="64">
        <v>-304</v>
      </c>
      <c r="C117" s="65">
        <v>-190</v>
      </c>
      <c r="D117" s="65">
        <v>-114</v>
      </c>
      <c r="E117" s="64">
        <v>317</v>
      </c>
      <c r="F117" s="65">
        <v>188</v>
      </c>
      <c r="G117" s="66">
        <v>129</v>
      </c>
      <c r="H117" s="65">
        <v>73</v>
      </c>
      <c r="I117" s="65">
        <v>18</v>
      </c>
      <c r="J117" s="65">
        <v>55</v>
      </c>
      <c r="K117" s="64">
        <v>60</v>
      </c>
      <c r="L117" s="77">
        <v>20</v>
      </c>
      <c r="M117" s="78">
        <v>40</v>
      </c>
    </row>
    <row r="118" spans="1:13">
      <c r="A118" s="27" t="s">
        <v>89</v>
      </c>
      <c r="B118" s="67">
        <v>-69</v>
      </c>
      <c r="C118" s="68">
        <v>-46</v>
      </c>
      <c r="D118" s="68">
        <v>-23</v>
      </c>
      <c r="E118" s="67">
        <v>70</v>
      </c>
      <c r="F118" s="68">
        <v>44</v>
      </c>
      <c r="G118" s="69">
        <v>26</v>
      </c>
      <c r="H118" s="68">
        <v>13</v>
      </c>
      <c r="I118" s="68">
        <v>5</v>
      </c>
      <c r="J118" s="68">
        <v>8</v>
      </c>
      <c r="K118" s="67">
        <v>12</v>
      </c>
      <c r="L118" s="79">
        <v>7</v>
      </c>
      <c r="M118" s="80">
        <v>5</v>
      </c>
    </row>
    <row r="119" spans="1:13">
      <c r="A119" s="27" t="s">
        <v>91</v>
      </c>
      <c r="B119" s="67">
        <v>-58</v>
      </c>
      <c r="C119" s="68">
        <v>-33</v>
      </c>
      <c r="D119" s="68">
        <v>-25</v>
      </c>
      <c r="E119" s="67">
        <v>61</v>
      </c>
      <c r="F119" s="68">
        <v>36</v>
      </c>
      <c r="G119" s="69">
        <v>25</v>
      </c>
      <c r="H119" s="68">
        <v>21</v>
      </c>
      <c r="I119" s="68">
        <v>7</v>
      </c>
      <c r="J119" s="68">
        <v>14</v>
      </c>
      <c r="K119" s="67">
        <v>18</v>
      </c>
      <c r="L119" s="79">
        <v>4</v>
      </c>
      <c r="M119" s="80">
        <v>14</v>
      </c>
    </row>
    <row r="120" spans="1:13">
      <c r="A120" s="27" t="s">
        <v>93</v>
      </c>
      <c r="B120" s="67">
        <v>-63</v>
      </c>
      <c r="C120" s="68">
        <v>-42</v>
      </c>
      <c r="D120" s="68">
        <v>-21</v>
      </c>
      <c r="E120" s="67">
        <v>69</v>
      </c>
      <c r="F120" s="68">
        <v>41</v>
      </c>
      <c r="G120" s="69">
        <v>28</v>
      </c>
      <c r="H120" s="68">
        <v>20</v>
      </c>
      <c r="I120" s="68">
        <v>3</v>
      </c>
      <c r="J120" s="68">
        <v>17</v>
      </c>
      <c r="K120" s="67">
        <v>14</v>
      </c>
      <c r="L120" s="79">
        <v>4</v>
      </c>
      <c r="M120" s="80">
        <v>10</v>
      </c>
    </row>
    <row r="121" spans="1:13">
      <c r="A121" s="27" t="s">
        <v>95</v>
      </c>
      <c r="B121" s="67">
        <v>-53</v>
      </c>
      <c r="C121" s="68">
        <v>-29</v>
      </c>
      <c r="D121" s="68">
        <v>-24</v>
      </c>
      <c r="E121" s="67">
        <v>56</v>
      </c>
      <c r="F121" s="68">
        <v>30</v>
      </c>
      <c r="G121" s="69">
        <v>26</v>
      </c>
      <c r="H121" s="68">
        <v>10</v>
      </c>
      <c r="I121" s="68">
        <v>2</v>
      </c>
      <c r="J121" s="68">
        <v>8</v>
      </c>
      <c r="K121" s="67">
        <v>7</v>
      </c>
      <c r="L121" s="79">
        <v>1</v>
      </c>
      <c r="M121" s="80">
        <v>6</v>
      </c>
    </row>
    <row r="122" spans="1:13">
      <c r="A122" s="27" t="s">
        <v>97</v>
      </c>
      <c r="B122" s="67">
        <v>-61</v>
      </c>
      <c r="C122" s="68">
        <v>-40</v>
      </c>
      <c r="D122" s="68">
        <v>-21</v>
      </c>
      <c r="E122" s="67">
        <v>61</v>
      </c>
      <c r="F122" s="68">
        <v>37</v>
      </c>
      <c r="G122" s="69">
        <v>24</v>
      </c>
      <c r="H122" s="68">
        <v>9</v>
      </c>
      <c r="I122" s="68">
        <v>1</v>
      </c>
      <c r="J122" s="68">
        <v>8</v>
      </c>
      <c r="K122" s="67">
        <v>9</v>
      </c>
      <c r="L122" s="79">
        <v>4</v>
      </c>
      <c r="M122" s="80">
        <v>5</v>
      </c>
    </row>
    <row r="123" spans="1:13" ht="21" customHeight="1">
      <c r="A123" s="38" t="s">
        <v>99</v>
      </c>
      <c r="B123" s="64">
        <v>-252</v>
      </c>
      <c r="C123" s="65">
        <v>-114</v>
      </c>
      <c r="D123" s="65">
        <v>-138</v>
      </c>
      <c r="E123" s="64">
        <v>263</v>
      </c>
      <c r="F123" s="65">
        <v>113</v>
      </c>
      <c r="G123" s="66">
        <v>150</v>
      </c>
      <c r="H123" s="65">
        <v>45</v>
      </c>
      <c r="I123" s="65">
        <v>10</v>
      </c>
      <c r="J123" s="65">
        <v>35</v>
      </c>
      <c r="K123" s="64">
        <v>34</v>
      </c>
      <c r="L123" s="77">
        <v>11</v>
      </c>
      <c r="M123" s="78">
        <v>23</v>
      </c>
    </row>
    <row r="124" spans="1:13">
      <c r="A124" s="27" t="s">
        <v>101</v>
      </c>
      <c r="B124" s="67">
        <v>-53</v>
      </c>
      <c r="C124" s="68">
        <v>-24</v>
      </c>
      <c r="D124" s="68">
        <v>-29</v>
      </c>
      <c r="E124" s="67">
        <v>59</v>
      </c>
      <c r="F124" s="68">
        <v>28</v>
      </c>
      <c r="G124" s="69">
        <v>31</v>
      </c>
      <c r="H124" s="68">
        <v>15</v>
      </c>
      <c r="I124" s="68">
        <v>5</v>
      </c>
      <c r="J124" s="68">
        <v>10</v>
      </c>
      <c r="K124" s="67">
        <v>9</v>
      </c>
      <c r="L124" s="79">
        <v>1</v>
      </c>
      <c r="M124" s="80">
        <v>8</v>
      </c>
    </row>
    <row r="125" spans="1:13">
      <c r="A125" s="27" t="s">
        <v>103</v>
      </c>
      <c r="B125" s="67">
        <v>-57</v>
      </c>
      <c r="C125" s="68">
        <v>-34</v>
      </c>
      <c r="D125" s="68">
        <v>-23</v>
      </c>
      <c r="E125" s="67">
        <v>62</v>
      </c>
      <c r="F125" s="68">
        <v>34</v>
      </c>
      <c r="G125" s="69">
        <v>28</v>
      </c>
      <c r="H125" s="68">
        <v>13</v>
      </c>
      <c r="I125" s="68">
        <v>3</v>
      </c>
      <c r="J125" s="68">
        <v>10</v>
      </c>
      <c r="K125" s="67">
        <v>8</v>
      </c>
      <c r="L125" s="79">
        <v>3</v>
      </c>
      <c r="M125" s="80">
        <v>5</v>
      </c>
    </row>
    <row r="126" spans="1:13">
      <c r="A126" s="27" t="s">
        <v>105</v>
      </c>
      <c r="B126" s="67">
        <v>-62</v>
      </c>
      <c r="C126" s="68">
        <v>-18</v>
      </c>
      <c r="D126" s="68">
        <v>-44</v>
      </c>
      <c r="E126" s="67">
        <v>57</v>
      </c>
      <c r="F126" s="68">
        <v>17</v>
      </c>
      <c r="G126" s="69">
        <v>40</v>
      </c>
      <c r="H126" s="68">
        <v>4</v>
      </c>
      <c r="I126" s="68">
        <v>1</v>
      </c>
      <c r="J126" s="68">
        <v>3</v>
      </c>
      <c r="K126" s="67">
        <v>9</v>
      </c>
      <c r="L126" s="79">
        <v>2</v>
      </c>
      <c r="M126" s="80">
        <v>7</v>
      </c>
    </row>
    <row r="127" spans="1:13">
      <c r="A127" s="27" t="s">
        <v>107</v>
      </c>
      <c r="B127" s="67">
        <v>-44</v>
      </c>
      <c r="C127" s="68">
        <v>-18</v>
      </c>
      <c r="D127" s="68">
        <v>-26</v>
      </c>
      <c r="E127" s="67">
        <v>44</v>
      </c>
      <c r="F127" s="68">
        <v>17</v>
      </c>
      <c r="G127" s="69">
        <v>27</v>
      </c>
      <c r="H127" s="68">
        <v>5</v>
      </c>
      <c r="I127" s="68">
        <v>1</v>
      </c>
      <c r="J127" s="68">
        <v>4</v>
      </c>
      <c r="K127" s="67">
        <v>5</v>
      </c>
      <c r="L127" s="79">
        <v>2</v>
      </c>
      <c r="M127" s="80">
        <v>3</v>
      </c>
    </row>
    <row r="128" spans="1:13">
      <c r="A128" s="27" t="s">
        <v>109</v>
      </c>
      <c r="B128" s="67">
        <v>-36</v>
      </c>
      <c r="C128" s="68">
        <v>-20</v>
      </c>
      <c r="D128" s="68">
        <v>-16</v>
      </c>
      <c r="E128" s="67">
        <v>41</v>
      </c>
      <c r="F128" s="68">
        <v>17</v>
      </c>
      <c r="G128" s="69">
        <v>24</v>
      </c>
      <c r="H128" s="68">
        <v>8</v>
      </c>
      <c r="I128" s="68">
        <v>0</v>
      </c>
      <c r="J128" s="68">
        <v>8</v>
      </c>
      <c r="K128" s="67">
        <v>3</v>
      </c>
      <c r="L128" s="79">
        <v>3</v>
      </c>
      <c r="M128" s="80">
        <v>0</v>
      </c>
    </row>
    <row r="129" spans="1:14" ht="21" customHeight="1">
      <c r="A129" s="38" t="s">
        <v>111</v>
      </c>
      <c r="B129" s="64">
        <v>-117</v>
      </c>
      <c r="C129" s="65">
        <v>-30</v>
      </c>
      <c r="D129" s="65">
        <v>-87</v>
      </c>
      <c r="E129" s="64">
        <v>119</v>
      </c>
      <c r="F129" s="65">
        <v>35</v>
      </c>
      <c r="G129" s="66">
        <v>84</v>
      </c>
      <c r="H129" s="65">
        <v>16</v>
      </c>
      <c r="I129" s="65">
        <v>6</v>
      </c>
      <c r="J129" s="65">
        <v>10</v>
      </c>
      <c r="K129" s="64">
        <v>14</v>
      </c>
      <c r="L129" s="77">
        <v>1</v>
      </c>
      <c r="M129" s="78">
        <v>13</v>
      </c>
    </row>
    <row r="130" spans="1:14">
      <c r="A130" s="27" t="s">
        <v>113</v>
      </c>
      <c r="B130" s="67">
        <v>-25</v>
      </c>
      <c r="C130" s="68">
        <v>-11</v>
      </c>
      <c r="D130" s="68">
        <v>-14</v>
      </c>
      <c r="E130" s="67">
        <v>25</v>
      </c>
      <c r="F130" s="68">
        <v>12</v>
      </c>
      <c r="G130" s="69">
        <v>13</v>
      </c>
      <c r="H130" s="68">
        <v>3</v>
      </c>
      <c r="I130" s="68">
        <v>1</v>
      </c>
      <c r="J130" s="68">
        <v>2</v>
      </c>
      <c r="K130" s="67">
        <v>3</v>
      </c>
      <c r="L130" s="79">
        <v>0</v>
      </c>
      <c r="M130" s="80">
        <v>3</v>
      </c>
    </row>
    <row r="131" spans="1:14">
      <c r="A131" s="27" t="s">
        <v>115</v>
      </c>
      <c r="B131" s="67">
        <v>-33</v>
      </c>
      <c r="C131" s="68">
        <v>-6</v>
      </c>
      <c r="D131" s="68">
        <v>-27</v>
      </c>
      <c r="E131" s="67">
        <v>34</v>
      </c>
      <c r="F131" s="68">
        <v>8</v>
      </c>
      <c r="G131" s="69">
        <v>26</v>
      </c>
      <c r="H131" s="68">
        <v>6</v>
      </c>
      <c r="I131" s="68">
        <v>2</v>
      </c>
      <c r="J131" s="68">
        <v>4</v>
      </c>
      <c r="K131" s="67">
        <v>5</v>
      </c>
      <c r="L131" s="79">
        <v>0</v>
      </c>
      <c r="M131" s="80">
        <v>5</v>
      </c>
    </row>
    <row r="132" spans="1:14">
      <c r="A132" s="27" t="s">
        <v>117</v>
      </c>
      <c r="B132" s="67">
        <v>-29</v>
      </c>
      <c r="C132" s="68">
        <v>-8</v>
      </c>
      <c r="D132" s="68">
        <v>-21</v>
      </c>
      <c r="E132" s="67">
        <v>31</v>
      </c>
      <c r="F132" s="68">
        <v>9</v>
      </c>
      <c r="G132" s="69">
        <v>22</v>
      </c>
      <c r="H132" s="68">
        <v>4</v>
      </c>
      <c r="I132" s="68">
        <v>2</v>
      </c>
      <c r="J132" s="68">
        <v>2</v>
      </c>
      <c r="K132" s="67">
        <v>2</v>
      </c>
      <c r="L132" s="79">
        <v>1</v>
      </c>
      <c r="M132" s="80">
        <v>1</v>
      </c>
    </row>
    <row r="133" spans="1:14">
      <c r="A133" s="27" t="s">
        <v>119</v>
      </c>
      <c r="B133" s="67">
        <v>-15</v>
      </c>
      <c r="C133" s="68">
        <v>-1</v>
      </c>
      <c r="D133" s="68">
        <v>-14</v>
      </c>
      <c r="E133" s="67">
        <v>15</v>
      </c>
      <c r="F133" s="68">
        <v>2</v>
      </c>
      <c r="G133" s="69">
        <v>13</v>
      </c>
      <c r="H133" s="68">
        <v>1</v>
      </c>
      <c r="I133" s="68">
        <v>1</v>
      </c>
      <c r="J133" s="68">
        <v>0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15</v>
      </c>
      <c r="C134" s="68">
        <v>-4</v>
      </c>
      <c r="D134" s="68">
        <v>-11</v>
      </c>
      <c r="E134" s="67">
        <v>14</v>
      </c>
      <c r="F134" s="68">
        <v>4</v>
      </c>
      <c r="G134" s="69">
        <v>10</v>
      </c>
      <c r="H134" s="68">
        <v>2</v>
      </c>
      <c r="I134" s="68">
        <v>0</v>
      </c>
      <c r="J134" s="68">
        <v>2</v>
      </c>
      <c r="K134" s="67">
        <v>3</v>
      </c>
      <c r="L134" s="79">
        <v>0</v>
      </c>
      <c r="M134" s="80">
        <v>3</v>
      </c>
    </row>
    <row r="135" spans="1:14" ht="21" customHeight="1">
      <c r="A135" s="39" t="s">
        <v>122</v>
      </c>
      <c r="B135" s="42">
        <v>-43</v>
      </c>
      <c r="C135" s="40">
        <v>-11</v>
      </c>
      <c r="D135" s="40">
        <v>-32</v>
      </c>
      <c r="E135" s="42">
        <v>43</v>
      </c>
      <c r="F135" s="40">
        <v>11</v>
      </c>
      <c r="G135" s="43">
        <v>32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4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670</v>
      </c>
      <c r="C5" s="62">
        <v>-478</v>
      </c>
      <c r="D5" s="62">
        <v>-192</v>
      </c>
      <c r="E5" s="61">
        <v>1817</v>
      </c>
      <c r="F5" s="62">
        <v>1010</v>
      </c>
      <c r="G5" s="63">
        <v>807</v>
      </c>
      <c r="H5" s="62">
        <v>6309</v>
      </c>
      <c r="I5" s="62">
        <v>3258</v>
      </c>
      <c r="J5" s="62">
        <v>3051</v>
      </c>
      <c r="K5" s="61">
        <v>6154</v>
      </c>
      <c r="L5" s="75">
        <v>3194</v>
      </c>
      <c r="M5" s="76">
        <v>2960</v>
      </c>
    </row>
    <row r="6" spans="1:13" ht="23.25" customHeight="1">
      <c r="A6" s="36" t="s">
        <v>2</v>
      </c>
      <c r="B6" s="64">
        <v>1043</v>
      </c>
      <c r="C6" s="65">
        <v>502</v>
      </c>
      <c r="D6" s="65">
        <v>541</v>
      </c>
      <c r="E6" s="64">
        <v>1</v>
      </c>
      <c r="F6" s="65">
        <v>1</v>
      </c>
      <c r="G6" s="66">
        <v>0</v>
      </c>
      <c r="H6" s="65">
        <v>428</v>
      </c>
      <c r="I6" s="65">
        <v>227</v>
      </c>
      <c r="J6" s="65">
        <v>201</v>
      </c>
      <c r="K6" s="64">
        <v>376</v>
      </c>
      <c r="L6" s="77">
        <v>192</v>
      </c>
      <c r="M6" s="78">
        <v>184</v>
      </c>
    </row>
    <row r="7" spans="1:13">
      <c r="A7" s="15" t="s">
        <v>4</v>
      </c>
      <c r="B7" s="67">
        <v>998</v>
      </c>
      <c r="C7" s="68">
        <v>470</v>
      </c>
      <c r="D7" s="68">
        <v>528</v>
      </c>
      <c r="E7" s="67">
        <v>1</v>
      </c>
      <c r="F7" s="68">
        <v>1</v>
      </c>
      <c r="G7" s="69">
        <v>0</v>
      </c>
      <c r="H7" s="68">
        <v>54</v>
      </c>
      <c r="I7" s="68">
        <v>24</v>
      </c>
      <c r="J7" s="68">
        <v>30</v>
      </c>
      <c r="K7" s="67">
        <v>47</v>
      </c>
      <c r="L7" s="79">
        <v>21</v>
      </c>
      <c r="M7" s="80">
        <v>26</v>
      </c>
    </row>
    <row r="8" spans="1:13">
      <c r="A8" s="15" t="s">
        <v>6</v>
      </c>
      <c r="B8" s="67">
        <v>10</v>
      </c>
      <c r="C8" s="68">
        <v>13</v>
      </c>
      <c r="D8" s="68">
        <v>-3</v>
      </c>
      <c r="E8" s="67">
        <v>0</v>
      </c>
      <c r="F8" s="68">
        <v>0</v>
      </c>
      <c r="G8" s="69">
        <v>0</v>
      </c>
      <c r="H8" s="68">
        <v>111</v>
      </c>
      <c r="I8" s="68">
        <v>64</v>
      </c>
      <c r="J8" s="68">
        <v>47</v>
      </c>
      <c r="K8" s="67">
        <v>101</v>
      </c>
      <c r="L8" s="79">
        <v>51</v>
      </c>
      <c r="M8" s="80">
        <v>50</v>
      </c>
    </row>
    <row r="9" spans="1:13">
      <c r="A9" s="15" t="s">
        <v>8</v>
      </c>
      <c r="B9" s="67">
        <v>9</v>
      </c>
      <c r="C9" s="68">
        <v>11</v>
      </c>
      <c r="D9" s="68">
        <v>-2</v>
      </c>
      <c r="E9" s="67">
        <v>0</v>
      </c>
      <c r="F9" s="68">
        <v>0</v>
      </c>
      <c r="G9" s="69">
        <v>0</v>
      </c>
      <c r="H9" s="68">
        <v>105</v>
      </c>
      <c r="I9" s="68">
        <v>60</v>
      </c>
      <c r="J9" s="68">
        <v>45</v>
      </c>
      <c r="K9" s="67">
        <v>96</v>
      </c>
      <c r="L9" s="79">
        <v>49</v>
      </c>
      <c r="M9" s="80">
        <v>47</v>
      </c>
    </row>
    <row r="10" spans="1:13">
      <c r="A10" s="15" t="s">
        <v>10</v>
      </c>
      <c r="B10" s="67">
        <v>-6</v>
      </c>
      <c r="C10" s="68">
        <v>-7</v>
      </c>
      <c r="D10" s="68">
        <v>1</v>
      </c>
      <c r="E10" s="67">
        <v>0</v>
      </c>
      <c r="F10" s="68">
        <v>0</v>
      </c>
      <c r="G10" s="69">
        <v>0</v>
      </c>
      <c r="H10" s="68">
        <v>81</v>
      </c>
      <c r="I10" s="68">
        <v>37</v>
      </c>
      <c r="J10" s="68">
        <v>44</v>
      </c>
      <c r="K10" s="67">
        <v>87</v>
      </c>
      <c r="L10" s="79">
        <v>44</v>
      </c>
      <c r="M10" s="80">
        <v>43</v>
      </c>
    </row>
    <row r="11" spans="1:13">
      <c r="A11" s="15" t="s">
        <v>12</v>
      </c>
      <c r="B11" s="67">
        <v>32</v>
      </c>
      <c r="C11" s="68">
        <v>15</v>
      </c>
      <c r="D11" s="68">
        <v>17</v>
      </c>
      <c r="E11" s="67">
        <v>0</v>
      </c>
      <c r="F11" s="68">
        <v>0</v>
      </c>
      <c r="G11" s="69">
        <v>0</v>
      </c>
      <c r="H11" s="68">
        <v>77</v>
      </c>
      <c r="I11" s="68">
        <v>42</v>
      </c>
      <c r="J11" s="68">
        <v>35</v>
      </c>
      <c r="K11" s="67">
        <v>45</v>
      </c>
      <c r="L11" s="79">
        <v>27</v>
      </c>
      <c r="M11" s="80">
        <v>18</v>
      </c>
    </row>
    <row r="12" spans="1:13" ht="21" customHeight="1">
      <c r="A12" s="36" t="s">
        <v>14</v>
      </c>
      <c r="B12" s="64">
        <v>7</v>
      </c>
      <c r="C12" s="65">
        <v>7</v>
      </c>
      <c r="D12" s="65">
        <v>0</v>
      </c>
      <c r="E12" s="64">
        <v>0</v>
      </c>
      <c r="F12" s="65">
        <v>0</v>
      </c>
      <c r="G12" s="66">
        <v>0</v>
      </c>
      <c r="H12" s="65">
        <v>215</v>
      </c>
      <c r="I12" s="65">
        <v>111</v>
      </c>
      <c r="J12" s="65">
        <v>104</v>
      </c>
      <c r="K12" s="64">
        <v>208</v>
      </c>
      <c r="L12" s="77">
        <v>104</v>
      </c>
      <c r="M12" s="78">
        <v>104</v>
      </c>
    </row>
    <row r="13" spans="1:13">
      <c r="A13" s="15" t="s">
        <v>16</v>
      </c>
      <c r="B13" s="67">
        <v>1</v>
      </c>
      <c r="C13" s="68">
        <v>1</v>
      </c>
      <c r="D13" s="68">
        <v>0</v>
      </c>
      <c r="E13" s="67">
        <v>0</v>
      </c>
      <c r="F13" s="68">
        <v>0</v>
      </c>
      <c r="G13" s="69">
        <v>0</v>
      </c>
      <c r="H13" s="68">
        <v>52</v>
      </c>
      <c r="I13" s="68">
        <v>23</v>
      </c>
      <c r="J13" s="68">
        <v>29</v>
      </c>
      <c r="K13" s="67">
        <v>51</v>
      </c>
      <c r="L13" s="79">
        <v>22</v>
      </c>
      <c r="M13" s="80">
        <v>29</v>
      </c>
    </row>
    <row r="14" spans="1:13">
      <c r="A14" s="15" t="s">
        <v>18</v>
      </c>
      <c r="B14" s="67">
        <v>-16</v>
      </c>
      <c r="C14" s="68">
        <v>-5</v>
      </c>
      <c r="D14" s="68">
        <v>-11</v>
      </c>
      <c r="E14" s="67">
        <v>0</v>
      </c>
      <c r="F14" s="68">
        <v>0</v>
      </c>
      <c r="G14" s="69">
        <v>0</v>
      </c>
      <c r="H14" s="68">
        <v>51</v>
      </c>
      <c r="I14" s="68">
        <v>26</v>
      </c>
      <c r="J14" s="68">
        <v>25</v>
      </c>
      <c r="K14" s="67">
        <v>67</v>
      </c>
      <c r="L14" s="79">
        <v>31</v>
      </c>
      <c r="M14" s="80">
        <v>36</v>
      </c>
    </row>
    <row r="15" spans="1:13">
      <c r="A15" s="15" t="s">
        <v>20</v>
      </c>
      <c r="B15" s="67">
        <v>16</v>
      </c>
      <c r="C15" s="68">
        <v>7</v>
      </c>
      <c r="D15" s="68">
        <v>9</v>
      </c>
      <c r="E15" s="67">
        <v>0</v>
      </c>
      <c r="F15" s="68">
        <v>0</v>
      </c>
      <c r="G15" s="69">
        <v>0</v>
      </c>
      <c r="H15" s="68">
        <v>55</v>
      </c>
      <c r="I15" s="68">
        <v>27</v>
      </c>
      <c r="J15" s="68">
        <v>28</v>
      </c>
      <c r="K15" s="67">
        <v>39</v>
      </c>
      <c r="L15" s="79">
        <v>20</v>
      </c>
      <c r="M15" s="80">
        <v>19</v>
      </c>
    </row>
    <row r="16" spans="1:13">
      <c r="A16" s="15" t="s">
        <v>22</v>
      </c>
      <c r="B16" s="67">
        <v>6</v>
      </c>
      <c r="C16" s="68">
        <v>5</v>
      </c>
      <c r="D16" s="68">
        <v>1</v>
      </c>
      <c r="E16" s="67">
        <v>0</v>
      </c>
      <c r="F16" s="68">
        <v>0</v>
      </c>
      <c r="G16" s="69">
        <v>0</v>
      </c>
      <c r="H16" s="68">
        <v>32</v>
      </c>
      <c r="I16" s="68">
        <v>21</v>
      </c>
      <c r="J16" s="68">
        <v>11</v>
      </c>
      <c r="K16" s="67">
        <v>26</v>
      </c>
      <c r="L16" s="79">
        <v>16</v>
      </c>
      <c r="M16" s="80">
        <v>10</v>
      </c>
    </row>
    <row r="17" spans="1:13">
      <c r="A17" s="15" t="s">
        <v>24</v>
      </c>
      <c r="B17" s="67">
        <v>0</v>
      </c>
      <c r="C17" s="68">
        <v>-1</v>
      </c>
      <c r="D17" s="68">
        <v>1</v>
      </c>
      <c r="E17" s="67">
        <v>0</v>
      </c>
      <c r="F17" s="68">
        <v>0</v>
      </c>
      <c r="G17" s="69">
        <v>0</v>
      </c>
      <c r="H17" s="68">
        <v>25</v>
      </c>
      <c r="I17" s="68">
        <v>14</v>
      </c>
      <c r="J17" s="68">
        <v>11</v>
      </c>
      <c r="K17" s="67">
        <v>25</v>
      </c>
      <c r="L17" s="79">
        <v>15</v>
      </c>
      <c r="M17" s="80">
        <v>10</v>
      </c>
    </row>
    <row r="18" spans="1:13" ht="21" customHeight="1">
      <c r="A18" s="36" t="s">
        <v>26</v>
      </c>
      <c r="B18" s="64">
        <v>12</v>
      </c>
      <c r="C18" s="65">
        <v>-7</v>
      </c>
      <c r="D18" s="65">
        <v>19</v>
      </c>
      <c r="E18" s="64">
        <v>0</v>
      </c>
      <c r="F18" s="65">
        <v>0</v>
      </c>
      <c r="G18" s="66">
        <v>0</v>
      </c>
      <c r="H18" s="65">
        <v>100</v>
      </c>
      <c r="I18" s="65">
        <v>53</v>
      </c>
      <c r="J18" s="65">
        <v>47</v>
      </c>
      <c r="K18" s="64">
        <v>88</v>
      </c>
      <c r="L18" s="77">
        <v>60</v>
      </c>
      <c r="M18" s="78">
        <v>28</v>
      </c>
    </row>
    <row r="19" spans="1:13">
      <c r="A19" s="15" t="s">
        <v>28</v>
      </c>
      <c r="B19" s="67">
        <v>5</v>
      </c>
      <c r="C19" s="68">
        <v>-1</v>
      </c>
      <c r="D19" s="68">
        <v>6</v>
      </c>
      <c r="E19" s="67">
        <v>0</v>
      </c>
      <c r="F19" s="68">
        <v>0</v>
      </c>
      <c r="G19" s="69">
        <v>0</v>
      </c>
      <c r="H19" s="68">
        <v>30</v>
      </c>
      <c r="I19" s="68">
        <v>15</v>
      </c>
      <c r="J19" s="68">
        <v>15</v>
      </c>
      <c r="K19" s="67">
        <v>25</v>
      </c>
      <c r="L19" s="79">
        <v>16</v>
      </c>
      <c r="M19" s="80">
        <v>9</v>
      </c>
    </row>
    <row r="20" spans="1:13">
      <c r="A20" s="15" t="s">
        <v>30</v>
      </c>
      <c r="B20" s="67">
        <v>4</v>
      </c>
      <c r="C20" s="68">
        <v>-2</v>
      </c>
      <c r="D20" s="68">
        <v>6</v>
      </c>
      <c r="E20" s="67">
        <v>0</v>
      </c>
      <c r="F20" s="68">
        <v>0</v>
      </c>
      <c r="G20" s="69">
        <v>0</v>
      </c>
      <c r="H20" s="68">
        <v>17</v>
      </c>
      <c r="I20" s="68">
        <v>8</v>
      </c>
      <c r="J20" s="68">
        <v>9</v>
      </c>
      <c r="K20" s="67">
        <v>13</v>
      </c>
      <c r="L20" s="79">
        <v>10</v>
      </c>
      <c r="M20" s="80">
        <v>3</v>
      </c>
    </row>
    <row r="21" spans="1:13">
      <c r="A21" s="15" t="s">
        <v>32</v>
      </c>
      <c r="B21" s="67">
        <v>2</v>
      </c>
      <c r="C21" s="68">
        <v>-2</v>
      </c>
      <c r="D21" s="68">
        <v>4</v>
      </c>
      <c r="E21" s="67">
        <v>0</v>
      </c>
      <c r="F21" s="68">
        <v>0</v>
      </c>
      <c r="G21" s="69">
        <v>0</v>
      </c>
      <c r="H21" s="68">
        <v>19</v>
      </c>
      <c r="I21" s="68">
        <v>10</v>
      </c>
      <c r="J21" s="68">
        <v>9</v>
      </c>
      <c r="K21" s="67">
        <v>17</v>
      </c>
      <c r="L21" s="79">
        <v>12</v>
      </c>
      <c r="M21" s="80">
        <v>5</v>
      </c>
    </row>
    <row r="22" spans="1:13">
      <c r="A22" s="15" t="s">
        <v>34</v>
      </c>
      <c r="B22" s="67">
        <v>-1</v>
      </c>
      <c r="C22" s="68">
        <v>-2</v>
      </c>
      <c r="D22" s="68">
        <v>1</v>
      </c>
      <c r="E22" s="67">
        <v>0</v>
      </c>
      <c r="F22" s="68">
        <v>0</v>
      </c>
      <c r="G22" s="69">
        <v>0</v>
      </c>
      <c r="H22" s="68">
        <v>18</v>
      </c>
      <c r="I22" s="68">
        <v>11</v>
      </c>
      <c r="J22" s="68">
        <v>7</v>
      </c>
      <c r="K22" s="67">
        <v>19</v>
      </c>
      <c r="L22" s="79">
        <v>13</v>
      </c>
      <c r="M22" s="80">
        <v>6</v>
      </c>
    </row>
    <row r="23" spans="1:13">
      <c r="A23" s="15" t="s">
        <v>36</v>
      </c>
      <c r="B23" s="67">
        <v>2</v>
      </c>
      <c r="C23" s="68">
        <v>0</v>
      </c>
      <c r="D23" s="68">
        <v>2</v>
      </c>
      <c r="E23" s="67">
        <v>0</v>
      </c>
      <c r="F23" s="68">
        <v>0</v>
      </c>
      <c r="G23" s="69">
        <v>0</v>
      </c>
      <c r="H23" s="68">
        <v>16</v>
      </c>
      <c r="I23" s="68">
        <v>9</v>
      </c>
      <c r="J23" s="68">
        <v>7</v>
      </c>
      <c r="K23" s="67">
        <v>14</v>
      </c>
      <c r="L23" s="79">
        <v>9</v>
      </c>
      <c r="M23" s="80">
        <v>5</v>
      </c>
    </row>
    <row r="24" spans="1:13" ht="21" customHeight="1">
      <c r="A24" s="36" t="s">
        <v>38</v>
      </c>
      <c r="B24" s="64">
        <v>0</v>
      </c>
      <c r="C24" s="65">
        <v>-4</v>
      </c>
      <c r="D24" s="65">
        <v>4</v>
      </c>
      <c r="E24" s="64">
        <v>0</v>
      </c>
      <c r="F24" s="65">
        <v>0</v>
      </c>
      <c r="G24" s="66">
        <v>0</v>
      </c>
      <c r="H24" s="65">
        <v>170</v>
      </c>
      <c r="I24" s="65">
        <v>84</v>
      </c>
      <c r="J24" s="65">
        <v>86</v>
      </c>
      <c r="K24" s="64">
        <v>170</v>
      </c>
      <c r="L24" s="77">
        <v>88</v>
      </c>
      <c r="M24" s="78">
        <v>82</v>
      </c>
    </row>
    <row r="25" spans="1:13">
      <c r="A25" s="15" t="s">
        <v>40</v>
      </c>
      <c r="B25" s="67">
        <v>-4</v>
      </c>
      <c r="C25" s="68">
        <v>-7</v>
      </c>
      <c r="D25" s="68">
        <v>3</v>
      </c>
      <c r="E25" s="67">
        <v>0</v>
      </c>
      <c r="F25" s="68">
        <v>0</v>
      </c>
      <c r="G25" s="69">
        <v>0</v>
      </c>
      <c r="H25" s="68">
        <v>21</v>
      </c>
      <c r="I25" s="68">
        <v>8</v>
      </c>
      <c r="J25" s="68">
        <v>13</v>
      </c>
      <c r="K25" s="67">
        <v>25</v>
      </c>
      <c r="L25" s="79">
        <v>15</v>
      </c>
      <c r="M25" s="80">
        <v>10</v>
      </c>
    </row>
    <row r="26" spans="1:13">
      <c r="A26" s="15" t="s">
        <v>42</v>
      </c>
      <c r="B26" s="67">
        <v>5</v>
      </c>
      <c r="C26" s="68">
        <v>2</v>
      </c>
      <c r="D26" s="68">
        <v>3</v>
      </c>
      <c r="E26" s="67">
        <v>0</v>
      </c>
      <c r="F26" s="68">
        <v>0</v>
      </c>
      <c r="G26" s="69">
        <v>0</v>
      </c>
      <c r="H26" s="68">
        <v>34</v>
      </c>
      <c r="I26" s="68">
        <v>17</v>
      </c>
      <c r="J26" s="68">
        <v>17</v>
      </c>
      <c r="K26" s="67">
        <v>29</v>
      </c>
      <c r="L26" s="79">
        <v>15</v>
      </c>
      <c r="M26" s="80">
        <v>14</v>
      </c>
    </row>
    <row r="27" spans="1:13">
      <c r="A27" s="15" t="s">
        <v>44</v>
      </c>
      <c r="B27" s="67">
        <v>-3</v>
      </c>
      <c r="C27" s="68">
        <v>-1</v>
      </c>
      <c r="D27" s="68">
        <v>-2</v>
      </c>
      <c r="E27" s="67">
        <v>0</v>
      </c>
      <c r="F27" s="68">
        <v>0</v>
      </c>
      <c r="G27" s="69">
        <v>0</v>
      </c>
      <c r="H27" s="68">
        <v>12</v>
      </c>
      <c r="I27" s="68">
        <v>8</v>
      </c>
      <c r="J27" s="68">
        <v>4</v>
      </c>
      <c r="K27" s="67">
        <v>15</v>
      </c>
      <c r="L27" s="79">
        <v>9</v>
      </c>
      <c r="M27" s="80">
        <v>6</v>
      </c>
    </row>
    <row r="28" spans="1:13">
      <c r="A28" s="15" t="s">
        <v>46</v>
      </c>
      <c r="B28" s="67">
        <v>8</v>
      </c>
      <c r="C28" s="68">
        <v>1</v>
      </c>
      <c r="D28" s="68">
        <v>7</v>
      </c>
      <c r="E28" s="67">
        <v>0</v>
      </c>
      <c r="F28" s="68">
        <v>0</v>
      </c>
      <c r="G28" s="69">
        <v>0</v>
      </c>
      <c r="H28" s="68">
        <v>44</v>
      </c>
      <c r="I28" s="68">
        <v>18</v>
      </c>
      <c r="J28" s="68">
        <v>26</v>
      </c>
      <c r="K28" s="67">
        <v>36</v>
      </c>
      <c r="L28" s="79">
        <v>17</v>
      </c>
      <c r="M28" s="80">
        <v>19</v>
      </c>
    </row>
    <row r="29" spans="1:13">
      <c r="A29" s="15" t="s">
        <v>48</v>
      </c>
      <c r="B29" s="67">
        <v>-6</v>
      </c>
      <c r="C29" s="68">
        <v>1</v>
      </c>
      <c r="D29" s="68">
        <v>-7</v>
      </c>
      <c r="E29" s="67">
        <v>0</v>
      </c>
      <c r="F29" s="68">
        <v>0</v>
      </c>
      <c r="G29" s="69">
        <v>0</v>
      </c>
      <c r="H29" s="68">
        <v>59</v>
      </c>
      <c r="I29" s="68">
        <v>33</v>
      </c>
      <c r="J29" s="68">
        <v>26</v>
      </c>
      <c r="K29" s="67">
        <v>65</v>
      </c>
      <c r="L29" s="79">
        <v>32</v>
      </c>
      <c r="M29" s="80">
        <v>33</v>
      </c>
    </row>
    <row r="30" spans="1:13" ht="21" customHeight="1">
      <c r="A30" s="36" t="s">
        <v>50</v>
      </c>
      <c r="B30" s="64">
        <v>-31</v>
      </c>
      <c r="C30" s="65">
        <v>-20</v>
      </c>
      <c r="D30" s="65">
        <v>-11</v>
      </c>
      <c r="E30" s="64">
        <v>1</v>
      </c>
      <c r="F30" s="65">
        <v>1</v>
      </c>
      <c r="G30" s="66">
        <v>0</v>
      </c>
      <c r="H30" s="65">
        <v>749</v>
      </c>
      <c r="I30" s="65">
        <v>372</v>
      </c>
      <c r="J30" s="65">
        <v>377</v>
      </c>
      <c r="K30" s="64">
        <v>779</v>
      </c>
      <c r="L30" s="77">
        <v>391</v>
      </c>
      <c r="M30" s="78">
        <v>388</v>
      </c>
    </row>
    <row r="31" spans="1:13">
      <c r="A31" s="15" t="s">
        <v>52</v>
      </c>
      <c r="B31" s="67">
        <v>23</v>
      </c>
      <c r="C31" s="68">
        <v>8</v>
      </c>
      <c r="D31" s="68">
        <v>15</v>
      </c>
      <c r="E31" s="67">
        <v>1</v>
      </c>
      <c r="F31" s="68">
        <v>1</v>
      </c>
      <c r="G31" s="69">
        <v>0</v>
      </c>
      <c r="H31" s="68">
        <v>80</v>
      </c>
      <c r="I31" s="68">
        <v>41</v>
      </c>
      <c r="J31" s="68">
        <v>39</v>
      </c>
      <c r="K31" s="67">
        <v>56</v>
      </c>
      <c r="L31" s="79">
        <v>32</v>
      </c>
      <c r="M31" s="80">
        <v>24</v>
      </c>
    </row>
    <row r="32" spans="1:13">
      <c r="A32" s="15" t="s">
        <v>54</v>
      </c>
      <c r="B32" s="67">
        <v>2</v>
      </c>
      <c r="C32" s="68">
        <v>3</v>
      </c>
      <c r="D32" s="68">
        <v>-1</v>
      </c>
      <c r="E32" s="67">
        <v>0</v>
      </c>
      <c r="F32" s="68">
        <v>0</v>
      </c>
      <c r="G32" s="69">
        <v>0</v>
      </c>
      <c r="H32" s="68">
        <v>104</v>
      </c>
      <c r="I32" s="68">
        <v>49</v>
      </c>
      <c r="J32" s="68">
        <v>55</v>
      </c>
      <c r="K32" s="67">
        <v>102</v>
      </c>
      <c r="L32" s="79">
        <v>46</v>
      </c>
      <c r="M32" s="80">
        <v>56</v>
      </c>
    </row>
    <row r="33" spans="1:13">
      <c r="A33" s="15" t="s">
        <v>56</v>
      </c>
      <c r="B33" s="67">
        <v>9</v>
      </c>
      <c r="C33" s="68">
        <v>21</v>
      </c>
      <c r="D33" s="68">
        <v>-12</v>
      </c>
      <c r="E33" s="67">
        <v>0</v>
      </c>
      <c r="F33" s="68">
        <v>0</v>
      </c>
      <c r="G33" s="69">
        <v>0</v>
      </c>
      <c r="H33" s="68">
        <v>127</v>
      </c>
      <c r="I33" s="68">
        <v>69</v>
      </c>
      <c r="J33" s="68">
        <v>58</v>
      </c>
      <c r="K33" s="67">
        <v>118</v>
      </c>
      <c r="L33" s="79">
        <v>48</v>
      </c>
      <c r="M33" s="80">
        <v>70</v>
      </c>
    </row>
    <row r="34" spans="1:13">
      <c r="A34" s="15" t="s">
        <v>58</v>
      </c>
      <c r="B34" s="67">
        <v>-41</v>
      </c>
      <c r="C34" s="68">
        <v>-37</v>
      </c>
      <c r="D34" s="68">
        <v>-4</v>
      </c>
      <c r="E34" s="67">
        <v>0</v>
      </c>
      <c r="F34" s="68">
        <v>0</v>
      </c>
      <c r="G34" s="69">
        <v>0</v>
      </c>
      <c r="H34" s="68">
        <v>217</v>
      </c>
      <c r="I34" s="68">
        <v>105</v>
      </c>
      <c r="J34" s="68">
        <v>112</v>
      </c>
      <c r="K34" s="67">
        <v>258</v>
      </c>
      <c r="L34" s="79">
        <v>142</v>
      </c>
      <c r="M34" s="80">
        <v>116</v>
      </c>
    </row>
    <row r="35" spans="1:13">
      <c r="A35" s="15" t="s">
        <v>60</v>
      </c>
      <c r="B35" s="67">
        <v>-24</v>
      </c>
      <c r="C35" s="68">
        <v>-15</v>
      </c>
      <c r="D35" s="68">
        <v>-9</v>
      </c>
      <c r="E35" s="67">
        <v>0</v>
      </c>
      <c r="F35" s="68">
        <v>0</v>
      </c>
      <c r="G35" s="69">
        <v>0</v>
      </c>
      <c r="H35" s="68">
        <v>221</v>
      </c>
      <c r="I35" s="68">
        <v>108</v>
      </c>
      <c r="J35" s="68">
        <v>113</v>
      </c>
      <c r="K35" s="67">
        <v>245</v>
      </c>
      <c r="L35" s="79">
        <v>123</v>
      </c>
      <c r="M35" s="80">
        <v>122</v>
      </c>
    </row>
    <row r="36" spans="1:13" ht="21" customHeight="1">
      <c r="A36" s="36" t="s">
        <v>62</v>
      </c>
      <c r="B36" s="64">
        <v>28</v>
      </c>
      <c r="C36" s="65">
        <v>8</v>
      </c>
      <c r="D36" s="65">
        <v>20</v>
      </c>
      <c r="E36" s="64">
        <v>4</v>
      </c>
      <c r="F36" s="65">
        <v>3</v>
      </c>
      <c r="G36" s="66">
        <v>1</v>
      </c>
      <c r="H36" s="65">
        <v>1301</v>
      </c>
      <c r="I36" s="65">
        <v>654</v>
      </c>
      <c r="J36" s="65">
        <v>647</v>
      </c>
      <c r="K36" s="64">
        <v>1269</v>
      </c>
      <c r="L36" s="77">
        <v>643</v>
      </c>
      <c r="M36" s="78">
        <v>626</v>
      </c>
    </row>
    <row r="37" spans="1:13">
      <c r="A37" s="15" t="s">
        <v>64</v>
      </c>
      <c r="B37" s="67">
        <v>-28</v>
      </c>
      <c r="C37" s="68">
        <v>-14</v>
      </c>
      <c r="D37" s="68">
        <v>-14</v>
      </c>
      <c r="E37" s="67">
        <v>0</v>
      </c>
      <c r="F37" s="68">
        <v>0</v>
      </c>
      <c r="G37" s="69">
        <v>0</v>
      </c>
      <c r="H37" s="68">
        <v>238</v>
      </c>
      <c r="I37" s="68">
        <v>130</v>
      </c>
      <c r="J37" s="68">
        <v>108</v>
      </c>
      <c r="K37" s="67">
        <v>266</v>
      </c>
      <c r="L37" s="79">
        <v>144</v>
      </c>
      <c r="M37" s="80">
        <v>122</v>
      </c>
    </row>
    <row r="38" spans="1:13">
      <c r="A38" s="15" t="s">
        <v>66</v>
      </c>
      <c r="B38" s="67">
        <v>15</v>
      </c>
      <c r="C38" s="68">
        <v>7</v>
      </c>
      <c r="D38" s="68">
        <v>8</v>
      </c>
      <c r="E38" s="67">
        <v>2</v>
      </c>
      <c r="F38" s="68">
        <v>2</v>
      </c>
      <c r="G38" s="69">
        <v>0</v>
      </c>
      <c r="H38" s="68">
        <v>269</v>
      </c>
      <c r="I38" s="68">
        <v>137</v>
      </c>
      <c r="J38" s="68">
        <v>132</v>
      </c>
      <c r="K38" s="67">
        <v>252</v>
      </c>
      <c r="L38" s="79">
        <v>128</v>
      </c>
      <c r="M38" s="80">
        <v>124</v>
      </c>
    </row>
    <row r="39" spans="1:13">
      <c r="A39" s="15" t="s">
        <v>68</v>
      </c>
      <c r="B39" s="67">
        <v>20</v>
      </c>
      <c r="C39" s="68">
        <v>20</v>
      </c>
      <c r="D39" s="68">
        <v>0</v>
      </c>
      <c r="E39" s="67">
        <v>1</v>
      </c>
      <c r="F39" s="68">
        <v>1</v>
      </c>
      <c r="G39" s="69">
        <v>0</v>
      </c>
      <c r="H39" s="68">
        <v>280</v>
      </c>
      <c r="I39" s="68">
        <v>140</v>
      </c>
      <c r="J39" s="68">
        <v>140</v>
      </c>
      <c r="K39" s="67">
        <v>259</v>
      </c>
      <c r="L39" s="79">
        <v>119</v>
      </c>
      <c r="M39" s="80">
        <v>140</v>
      </c>
    </row>
    <row r="40" spans="1:13">
      <c r="A40" s="15" t="s">
        <v>70</v>
      </c>
      <c r="B40" s="67">
        <v>79</v>
      </c>
      <c r="C40" s="68">
        <v>19</v>
      </c>
      <c r="D40" s="68">
        <v>60</v>
      </c>
      <c r="E40" s="67">
        <v>1</v>
      </c>
      <c r="F40" s="68">
        <v>0</v>
      </c>
      <c r="G40" s="69">
        <v>1</v>
      </c>
      <c r="H40" s="68">
        <v>300</v>
      </c>
      <c r="I40" s="68">
        <v>131</v>
      </c>
      <c r="J40" s="68">
        <v>169</v>
      </c>
      <c r="K40" s="67">
        <v>220</v>
      </c>
      <c r="L40" s="79">
        <v>112</v>
      </c>
      <c r="M40" s="80">
        <v>108</v>
      </c>
    </row>
    <row r="41" spans="1:13">
      <c r="A41" s="15" t="s">
        <v>72</v>
      </c>
      <c r="B41" s="67">
        <v>-58</v>
      </c>
      <c r="C41" s="68">
        <v>-24</v>
      </c>
      <c r="D41" s="68">
        <v>-34</v>
      </c>
      <c r="E41" s="67">
        <v>0</v>
      </c>
      <c r="F41" s="68">
        <v>0</v>
      </c>
      <c r="G41" s="69">
        <v>0</v>
      </c>
      <c r="H41" s="68">
        <v>214</v>
      </c>
      <c r="I41" s="68">
        <v>116</v>
      </c>
      <c r="J41" s="68">
        <v>98</v>
      </c>
      <c r="K41" s="67">
        <v>272</v>
      </c>
      <c r="L41" s="79">
        <v>140</v>
      </c>
      <c r="M41" s="80">
        <v>132</v>
      </c>
    </row>
    <row r="42" spans="1:13" ht="21" customHeight="1">
      <c r="A42" s="36" t="s">
        <v>74</v>
      </c>
      <c r="B42" s="64">
        <v>-11</v>
      </c>
      <c r="C42" s="65">
        <v>6</v>
      </c>
      <c r="D42" s="65">
        <v>-17</v>
      </c>
      <c r="E42" s="64">
        <v>8</v>
      </c>
      <c r="F42" s="65">
        <v>6</v>
      </c>
      <c r="G42" s="66">
        <v>2</v>
      </c>
      <c r="H42" s="65">
        <v>885</v>
      </c>
      <c r="I42" s="65">
        <v>468</v>
      </c>
      <c r="J42" s="65">
        <v>417</v>
      </c>
      <c r="K42" s="64">
        <v>888</v>
      </c>
      <c r="L42" s="77">
        <v>456</v>
      </c>
      <c r="M42" s="78">
        <v>432</v>
      </c>
    </row>
    <row r="43" spans="1:13">
      <c r="A43" s="15" t="s">
        <v>76</v>
      </c>
      <c r="B43" s="67">
        <v>-3</v>
      </c>
      <c r="C43" s="68">
        <v>12</v>
      </c>
      <c r="D43" s="68">
        <v>-15</v>
      </c>
      <c r="E43" s="67">
        <v>1</v>
      </c>
      <c r="F43" s="68">
        <v>1</v>
      </c>
      <c r="G43" s="69">
        <v>0</v>
      </c>
      <c r="H43" s="68">
        <v>228</v>
      </c>
      <c r="I43" s="68">
        <v>135</v>
      </c>
      <c r="J43" s="68">
        <v>93</v>
      </c>
      <c r="K43" s="67">
        <v>230</v>
      </c>
      <c r="L43" s="79">
        <v>122</v>
      </c>
      <c r="M43" s="80">
        <v>108</v>
      </c>
    </row>
    <row r="44" spans="1:13">
      <c r="A44" s="15" t="s">
        <v>78</v>
      </c>
      <c r="B44" s="67">
        <v>-7</v>
      </c>
      <c r="C44" s="68">
        <v>9</v>
      </c>
      <c r="D44" s="68">
        <v>-16</v>
      </c>
      <c r="E44" s="67">
        <v>4</v>
      </c>
      <c r="F44" s="68">
        <v>3</v>
      </c>
      <c r="G44" s="69">
        <v>1</v>
      </c>
      <c r="H44" s="68">
        <v>183</v>
      </c>
      <c r="I44" s="68">
        <v>99</v>
      </c>
      <c r="J44" s="68">
        <v>84</v>
      </c>
      <c r="K44" s="67">
        <v>186</v>
      </c>
      <c r="L44" s="79">
        <v>87</v>
      </c>
      <c r="M44" s="80">
        <v>99</v>
      </c>
    </row>
    <row r="45" spans="1:13">
      <c r="A45" s="15" t="s">
        <v>80</v>
      </c>
      <c r="B45" s="67">
        <v>-13</v>
      </c>
      <c r="C45" s="68">
        <v>-9</v>
      </c>
      <c r="D45" s="68">
        <v>-4</v>
      </c>
      <c r="E45" s="67">
        <v>2</v>
      </c>
      <c r="F45" s="68">
        <v>1</v>
      </c>
      <c r="G45" s="69">
        <v>1</v>
      </c>
      <c r="H45" s="68">
        <v>170</v>
      </c>
      <c r="I45" s="68">
        <v>87</v>
      </c>
      <c r="J45" s="68">
        <v>83</v>
      </c>
      <c r="K45" s="67">
        <v>181</v>
      </c>
      <c r="L45" s="79">
        <v>95</v>
      </c>
      <c r="M45" s="80">
        <v>86</v>
      </c>
    </row>
    <row r="46" spans="1:13">
      <c r="A46" s="15" t="s">
        <v>82</v>
      </c>
      <c r="B46" s="67">
        <v>-14</v>
      </c>
      <c r="C46" s="68">
        <v>-19</v>
      </c>
      <c r="D46" s="68">
        <v>5</v>
      </c>
      <c r="E46" s="67">
        <v>0</v>
      </c>
      <c r="F46" s="68">
        <v>0</v>
      </c>
      <c r="G46" s="69">
        <v>0</v>
      </c>
      <c r="H46" s="68">
        <v>148</v>
      </c>
      <c r="I46" s="68">
        <v>70</v>
      </c>
      <c r="J46" s="68">
        <v>78</v>
      </c>
      <c r="K46" s="67">
        <v>162</v>
      </c>
      <c r="L46" s="79">
        <v>89</v>
      </c>
      <c r="M46" s="80">
        <v>73</v>
      </c>
    </row>
    <row r="47" spans="1:13">
      <c r="A47" s="15" t="s">
        <v>84</v>
      </c>
      <c r="B47" s="67">
        <v>26</v>
      </c>
      <c r="C47" s="68">
        <v>13</v>
      </c>
      <c r="D47" s="68">
        <v>13</v>
      </c>
      <c r="E47" s="67">
        <v>1</v>
      </c>
      <c r="F47" s="68">
        <v>1</v>
      </c>
      <c r="G47" s="69">
        <v>0</v>
      </c>
      <c r="H47" s="68">
        <v>156</v>
      </c>
      <c r="I47" s="68">
        <v>77</v>
      </c>
      <c r="J47" s="68">
        <v>79</v>
      </c>
      <c r="K47" s="67">
        <v>129</v>
      </c>
      <c r="L47" s="79">
        <v>63</v>
      </c>
      <c r="M47" s="80">
        <v>66</v>
      </c>
    </row>
    <row r="48" spans="1:13" ht="21" customHeight="1">
      <c r="A48" s="36" t="s">
        <v>86</v>
      </c>
      <c r="B48" s="64">
        <v>-28</v>
      </c>
      <c r="C48" s="65">
        <v>-40</v>
      </c>
      <c r="D48" s="65">
        <v>12</v>
      </c>
      <c r="E48" s="64">
        <v>8</v>
      </c>
      <c r="F48" s="65">
        <v>5</v>
      </c>
      <c r="G48" s="66">
        <v>3</v>
      </c>
      <c r="H48" s="65">
        <v>541</v>
      </c>
      <c r="I48" s="65">
        <v>294</v>
      </c>
      <c r="J48" s="65">
        <v>247</v>
      </c>
      <c r="K48" s="64">
        <v>561</v>
      </c>
      <c r="L48" s="77">
        <v>329</v>
      </c>
      <c r="M48" s="78">
        <v>232</v>
      </c>
    </row>
    <row r="49" spans="1:13">
      <c r="A49" s="15" t="s">
        <v>88</v>
      </c>
      <c r="B49" s="67">
        <v>-2</v>
      </c>
      <c r="C49" s="68">
        <v>-4</v>
      </c>
      <c r="D49" s="68">
        <v>2</v>
      </c>
      <c r="E49" s="67">
        <v>2</v>
      </c>
      <c r="F49" s="68">
        <v>1</v>
      </c>
      <c r="G49" s="69">
        <v>1</v>
      </c>
      <c r="H49" s="68">
        <v>131</v>
      </c>
      <c r="I49" s="68">
        <v>74</v>
      </c>
      <c r="J49" s="68">
        <v>57</v>
      </c>
      <c r="K49" s="67">
        <v>131</v>
      </c>
      <c r="L49" s="79">
        <v>77</v>
      </c>
      <c r="M49" s="80">
        <v>54</v>
      </c>
    </row>
    <row r="50" spans="1:13">
      <c r="A50" s="15" t="s">
        <v>90</v>
      </c>
      <c r="B50" s="67">
        <v>-15</v>
      </c>
      <c r="C50" s="68">
        <v>-18</v>
      </c>
      <c r="D50" s="68">
        <v>3</v>
      </c>
      <c r="E50" s="67">
        <v>2</v>
      </c>
      <c r="F50" s="68">
        <v>1</v>
      </c>
      <c r="G50" s="69">
        <v>1</v>
      </c>
      <c r="H50" s="68">
        <v>118</v>
      </c>
      <c r="I50" s="68">
        <v>62</v>
      </c>
      <c r="J50" s="68">
        <v>56</v>
      </c>
      <c r="K50" s="67">
        <v>131</v>
      </c>
      <c r="L50" s="79">
        <v>79</v>
      </c>
      <c r="M50" s="80">
        <v>52</v>
      </c>
    </row>
    <row r="51" spans="1:13">
      <c r="A51" s="15" t="s">
        <v>92</v>
      </c>
      <c r="B51" s="67">
        <v>-3</v>
      </c>
      <c r="C51" s="68">
        <v>-1</v>
      </c>
      <c r="D51" s="68">
        <v>-2</v>
      </c>
      <c r="E51" s="67">
        <v>1</v>
      </c>
      <c r="F51" s="68">
        <v>1</v>
      </c>
      <c r="G51" s="69">
        <v>0</v>
      </c>
      <c r="H51" s="68">
        <v>100</v>
      </c>
      <c r="I51" s="68">
        <v>56</v>
      </c>
      <c r="J51" s="68">
        <v>44</v>
      </c>
      <c r="K51" s="67">
        <v>102</v>
      </c>
      <c r="L51" s="79">
        <v>56</v>
      </c>
      <c r="M51" s="80">
        <v>46</v>
      </c>
    </row>
    <row r="52" spans="1:13">
      <c r="A52" s="15" t="s">
        <v>94</v>
      </c>
      <c r="B52" s="67">
        <v>-14</v>
      </c>
      <c r="C52" s="68">
        <v>-15</v>
      </c>
      <c r="D52" s="68">
        <v>1</v>
      </c>
      <c r="E52" s="67">
        <v>2</v>
      </c>
      <c r="F52" s="68">
        <v>1</v>
      </c>
      <c r="G52" s="69">
        <v>1</v>
      </c>
      <c r="H52" s="68">
        <v>94</v>
      </c>
      <c r="I52" s="68">
        <v>49</v>
      </c>
      <c r="J52" s="68">
        <v>45</v>
      </c>
      <c r="K52" s="67">
        <v>106</v>
      </c>
      <c r="L52" s="79">
        <v>63</v>
      </c>
      <c r="M52" s="80">
        <v>43</v>
      </c>
    </row>
    <row r="53" spans="1:13">
      <c r="A53" s="15" t="s">
        <v>96</v>
      </c>
      <c r="B53" s="67">
        <v>6</v>
      </c>
      <c r="C53" s="68">
        <v>-2</v>
      </c>
      <c r="D53" s="68">
        <v>8</v>
      </c>
      <c r="E53" s="67">
        <v>1</v>
      </c>
      <c r="F53" s="68">
        <v>1</v>
      </c>
      <c r="G53" s="69">
        <v>0</v>
      </c>
      <c r="H53" s="68">
        <v>98</v>
      </c>
      <c r="I53" s="68">
        <v>53</v>
      </c>
      <c r="J53" s="68">
        <v>45</v>
      </c>
      <c r="K53" s="67">
        <v>91</v>
      </c>
      <c r="L53" s="79">
        <v>54</v>
      </c>
      <c r="M53" s="80">
        <v>37</v>
      </c>
    </row>
    <row r="54" spans="1:13" ht="21" customHeight="1">
      <c r="A54" s="36" t="s">
        <v>98</v>
      </c>
      <c r="B54" s="64">
        <v>15</v>
      </c>
      <c r="C54" s="65">
        <v>12</v>
      </c>
      <c r="D54" s="65">
        <v>3</v>
      </c>
      <c r="E54" s="64">
        <v>9</v>
      </c>
      <c r="F54" s="65">
        <v>8</v>
      </c>
      <c r="G54" s="66">
        <v>1</v>
      </c>
      <c r="H54" s="65">
        <v>385</v>
      </c>
      <c r="I54" s="65">
        <v>226</v>
      </c>
      <c r="J54" s="65">
        <v>159</v>
      </c>
      <c r="K54" s="64">
        <v>361</v>
      </c>
      <c r="L54" s="77">
        <v>206</v>
      </c>
      <c r="M54" s="78">
        <v>155</v>
      </c>
    </row>
    <row r="55" spans="1:13">
      <c r="A55" s="15" t="s">
        <v>100</v>
      </c>
      <c r="B55" s="67">
        <v>1</v>
      </c>
      <c r="C55" s="68">
        <v>-3</v>
      </c>
      <c r="D55" s="68">
        <v>4</v>
      </c>
      <c r="E55" s="67">
        <v>2</v>
      </c>
      <c r="F55" s="68">
        <v>2</v>
      </c>
      <c r="G55" s="69">
        <v>0</v>
      </c>
      <c r="H55" s="68">
        <v>90</v>
      </c>
      <c r="I55" s="68">
        <v>49</v>
      </c>
      <c r="J55" s="68">
        <v>41</v>
      </c>
      <c r="K55" s="67">
        <v>87</v>
      </c>
      <c r="L55" s="79">
        <v>50</v>
      </c>
      <c r="M55" s="80">
        <v>37</v>
      </c>
    </row>
    <row r="56" spans="1:13">
      <c r="A56" s="15" t="s">
        <v>102</v>
      </c>
      <c r="B56" s="67">
        <v>-2</v>
      </c>
      <c r="C56" s="68">
        <v>-4</v>
      </c>
      <c r="D56" s="68">
        <v>2</v>
      </c>
      <c r="E56" s="67">
        <v>1</v>
      </c>
      <c r="F56" s="68">
        <v>1</v>
      </c>
      <c r="G56" s="69">
        <v>0</v>
      </c>
      <c r="H56" s="68">
        <v>73</v>
      </c>
      <c r="I56" s="68">
        <v>46</v>
      </c>
      <c r="J56" s="68">
        <v>27</v>
      </c>
      <c r="K56" s="67">
        <v>74</v>
      </c>
      <c r="L56" s="79">
        <v>49</v>
      </c>
      <c r="M56" s="80">
        <v>25</v>
      </c>
    </row>
    <row r="57" spans="1:13">
      <c r="A57" s="15" t="s">
        <v>104</v>
      </c>
      <c r="B57" s="67">
        <v>17</v>
      </c>
      <c r="C57" s="68">
        <v>15</v>
      </c>
      <c r="D57" s="68">
        <v>2</v>
      </c>
      <c r="E57" s="67">
        <v>1</v>
      </c>
      <c r="F57" s="68">
        <v>1</v>
      </c>
      <c r="G57" s="69">
        <v>0</v>
      </c>
      <c r="H57" s="68">
        <v>88</v>
      </c>
      <c r="I57" s="68">
        <v>54</v>
      </c>
      <c r="J57" s="68">
        <v>34</v>
      </c>
      <c r="K57" s="67">
        <v>70</v>
      </c>
      <c r="L57" s="79">
        <v>38</v>
      </c>
      <c r="M57" s="80">
        <v>32</v>
      </c>
    </row>
    <row r="58" spans="1:13">
      <c r="A58" s="15" t="s">
        <v>106</v>
      </c>
      <c r="B58" s="67">
        <v>22</v>
      </c>
      <c r="C58" s="68">
        <v>15</v>
      </c>
      <c r="D58" s="68">
        <v>7</v>
      </c>
      <c r="E58" s="67">
        <v>3</v>
      </c>
      <c r="F58" s="68">
        <v>2</v>
      </c>
      <c r="G58" s="69">
        <v>1</v>
      </c>
      <c r="H58" s="68">
        <v>78</v>
      </c>
      <c r="I58" s="68">
        <v>46</v>
      </c>
      <c r="J58" s="68">
        <v>32</v>
      </c>
      <c r="K58" s="67">
        <v>53</v>
      </c>
      <c r="L58" s="79">
        <v>29</v>
      </c>
      <c r="M58" s="80">
        <v>24</v>
      </c>
    </row>
    <row r="59" spans="1:13">
      <c r="A59" s="15" t="s">
        <v>108</v>
      </c>
      <c r="B59" s="67">
        <v>-23</v>
      </c>
      <c r="C59" s="68">
        <v>-11</v>
      </c>
      <c r="D59" s="68">
        <v>-12</v>
      </c>
      <c r="E59" s="67">
        <v>2</v>
      </c>
      <c r="F59" s="68">
        <v>2</v>
      </c>
      <c r="G59" s="69">
        <v>0</v>
      </c>
      <c r="H59" s="68">
        <v>56</v>
      </c>
      <c r="I59" s="68">
        <v>31</v>
      </c>
      <c r="J59" s="68">
        <v>25</v>
      </c>
      <c r="K59" s="67">
        <v>77</v>
      </c>
      <c r="L59" s="79">
        <v>40</v>
      </c>
      <c r="M59" s="80">
        <v>37</v>
      </c>
    </row>
    <row r="60" spans="1:13" ht="21" customHeight="1">
      <c r="A60" s="36" t="s">
        <v>110</v>
      </c>
      <c r="B60" s="64">
        <v>15</v>
      </c>
      <c r="C60" s="65">
        <v>7</v>
      </c>
      <c r="D60" s="65">
        <v>8</v>
      </c>
      <c r="E60" s="64">
        <v>20</v>
      </c>
      <c r="F60" s="65">
        <v>11</v>
      </c>
      <c r="G60" s="66">
        <v>9</v>
      </c>
      <c r="H60" s="65">
        <v>333</v>
      </c>
      <c r="I60" s="65">
        <v>179</v>
      </c>
      <c r="J60" s="65">
        <v>154</v>
      </c>
      <c r="K60" s="64">
        <v>298</v>
      </c>
      <c r="L60" s="77">
        <v>161</v>
      </c>
      <c r="M60" s="78">
        <v>137</v>
      </c>
    </row>
    <row r="61" spans="1:13">
      <c r="A61" s="15" t="s">
        <v>112</v>
      </c>
      <c r="B61" s="67">
        <v>-7</v>
      </c>
      <c r="C61" s="68">
        <v>2</v>
      </c>
      <c r="D61" s="68">
        <v>-9</v>
      </c>
      <c r="E61" s="67">
        <v>2</v>
      </c>
      <c r="F61" s="68">
        <v>0</v>
      </c>
      <c r="G61" s="69">
        <v>2</v>
      </c>
      <c r="H61" s="68">
        <v>51</v>
      </c>
      <c r="I61" s="68">
        <v>28</v>
      </c>
      <c r="J61" s="68">
        <v>23</v>
      </c>
      <c r="K61" s="67">
        <v>56</v>
      </c>
      <c r="L61" s="79">
        <v>26</v>
      </c>
      <c r="M61" s="80">
        <v>30</v>
      </c>
    </row>
    <row r="62" spans="1:13">
      <c r="A62" s="15" t="s">
        <v>114</v>
      </c>
      <c r="B62" s="67">
        <v>-1</v>
      </c>
      <c r="C62" s="68">
        <v>-5</v>
      </c>
      <c r="D62" s="68">
        <v>4</v>
      </c>
      <c r="E62" s="67">
        <v>3</v>
      </c>
      <c r="F62" s="68">
        <v>1</v>
      </c>
      <c r="G62" s="69">
        <v>2</v>
      </c>
      <c r="H62" s="68">
        <v>71</v>
      </c>
      <c r="I62" s="68">
        <v>37</v>
      </c>
      <c r="J62" s="68">
        <v>34</v>
      </c>
      <c r="K62" s="67">
        <v>69</v>
      </c>
      <c r="L62" s="79">
        <v>41</v>
      </c>
      <c r="M62" s="80">
        <v>28</v>
      </c>
    </row>
    <row r="63" spans="1:13">
      <c r="A63" s="15" t="s">
        <v>116</v>
      </c>
      <c r="B63" s="67">
        <v>8</v>
      </c>
      <c r="C63" s="68">
        <v>1</v>
      </c>
      <c r="D63" s="68">
        <v>7</v>
      </c>
      <c r="E63" s="67">
        <v>5</v>
      </c>
      <c r="F63" s="68">
        <v>5</v>
      </c>
      <c r="G63" s="69">
        <v>0</v>
      </c>
      <c r="H63" s="68">
        <v>67</v>
      </c>
      <c r="I63" s="68">
        <v>36</v>
      </c>
      <c r="J63" s="68">
        <v>31</v>
      </c>
      <c r="K63" s="67">
        <v>54</v>
      </c>
      <c r="L63" s="79">
        <v>30</v>
      </c>
      <c r="M63" s="80">
        <v>24</v>
      </c>
    </row>
    <row r="64" spans="1:13">
      <c r="A64" s="15" t="s">
        <v>118</v>
      </c>
      <c r="B64" s="67">
        <v>19</v>
      </c>
      <c r="C64" s="68">
        <v>8</v>
      </c>
      <c r="D64" s="68">
        <v>11</v>
      </c>
      <c r="E64" s="67">
        <v>3</v>
      </c>
      <c r="F64" s="68">
        <v>2</v>
      </c>
      <c r="G64" s="69">
        <v>1</v>
      </c>
      <c r="H64" s="68">
        <v>78</v>
      </c>
      <c r="I64" s="68">
        <v>42</v>
      </c>
      <c r="J64" s="68">
        <v>36</v>
      </c>
      <c r="K64" s="67">
        <v>56</v>
      </c>
      <c r="L64" s="79">
        <v>32</v>
      </c>
      <c r="M64" s="80">
        <v>24</v>
      </c>
    </row>
    <row r="65" spans="1:13">
      <c r="A65" s="19" t="s">
        <v>120</v>
      </c>
      <c r="B65" s="70">
        <v>-4</v>
      </c>
      <c r="C65" s="71">
        <v>1</v>
      </c>
      <c r="D65" s="71">
        <v>-5</v>
      </c>
      <c r="E65" s="70">
        <v>7</v>
      </c>
      <c r="F65" s="71">
        <v>3</v>
      </c>
      <c r="G65" s="72">
        <v>4</v>
      </c>
      <c r="H65" s="71">
        <v>66</v>
      </c>
      <c r="I65" s="71">
        <v>36</v>
      </c>
      <c r="J65" s="71">
        <v>30</v>
      </c>
      <c r="K65" s="70">
        <v>63</v>
      </c>
      <c r="L65" s="81">
        <v>32</v>
      </c>
      <c r="M65" s="82">
        <v>31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992</v>
      </c>
      <c r="C69" s="50">
        <v>468</v>
      </c>
      <c r="D69" s="84">
        <v>524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4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58</v>
      </c>
      <c r="C75" s="65">
        <v>-37</v>
      </c>
      <c r="D75" s="65">
        <v>-21</v>
      </c>
      <c r="E75" s="64">
        <v>23</v>
      </c>
      <c r="F75" s="65">
        <v>18</v>
      </c>
      <c r="G75" s="66">
        <v>5</v>
      </c>
      <c r="H75" s="65">
        <v>242</v>
      </c>
      <c r="I75" s="65">
        <v>134</v>
      </c>
      <c r="J75" s="65">
        <v>108</v>
      </c>
      <c r="K75" s="64">
        <v>277</v>
      </c>
      <c r="L75" s="77">
        <v>153</v>
      </c>
      <c r="M75" s="78">
        <v>124</v>
      </c>
    </row>
    <row r="76" spans="1:13">
      <c r="A76" s="27" t="s">
        <v>5</v>
      </c>
      <c r="B76" s="67">
        <v>-10</v>
      </c>
      <c r="C76" s="68">
        <v>0</v>
      </c>
      <c r="D76" s="68">
        <v>-10</v>
      </c>
      <c r="E76" s="67">
        <v>5</v>
      </c>
      <c r="F76" s="68">
        <v>5</v>
      </c>
      <c r="G76" s="69">
        <v>0</v>
      </c>
      <c r="H76" s="68">
        <v>59</v>
      </c>
      <c r="I76" s="68">
        <v>35</v>
      </c>
      <c r="J76" s="68">
        <v>24</v>
      </c>
      <c r="K76" s="67">
        <v>64</v>
      </c>
      <c r="L76" s="79">
        <v>30</v>
      </c>
      <c r="M76" s="80">
        <v>34</v>
      </c>
    </row>
    <row r="77" spans="1:13">
      <c r="A77" s="27" t="s">
        <v>7</v>
      </c>
      <c r="B77" s="67">
        <v>-12</v>
      </c>
      <c r="C77" s="68">
        <v>-10</v>
      </c>
      <c r="D77" s="68">
        <v>-2</v>
      </c>
      <c r="E77" s="67">
        <v>4</v>
      </c>
      <c r="F77" s="68">
        <v>3</v>
      </c>
      <c r="G77" s="69">
        <v>1</v>
      </c>
      <c r="H77" s="68">
        <v>45</v>
      </c>
      <c r="I77" s="68">
        <v>24</v>
      </c>
      <c r="J77" s="68">
        <v>21</v>
      </c>
      <c r="K77" s="67">
        <v>53</v>
      </c>
      <c r="L77" s="79">
        <v>31</v>
      </c>
      <c r="M77" s="80">
        <v>22</v>
      </c>
    </row>
    <row r="78" spans="1:13">
      <c r="A78" s="27" t="s">
        <v>9</v>
      </c>
      <c r="B78" s="67">
        <v>-4</v>
      </c>
      <c r="C78" s="68">
        <v>-4</v>
      </c>
      <c r="D78" s="68">
        <v>0</v>
      </c>
      <c r="E78" s="67">
        <v>5</v>
      </c>
      <c r="F78" s="68">
        <v>4</v>
      </c>
      <c r="G78" s="69">
        <v>1</v>
      </c>
      <c r="H78" s="68">
        <v>58</v>
      </c>
      <c r="I78" s="68">
        <v>30</v>
      </c>
      <c r="J78" s="68">
        <v>28</v>
      </c>
      <c r="K78" s="67">
        <v>57</v>
      </c>
      <c r="L78" s="79">
        <v>30</v>
      </c>
      <c r="M78" s="80">
        <v>27</v>
      </c>
    </row>
    <row r="79" spans="1:13">
      <c r="A79" s="27" t="s">
        <v>11</v>
      </c>
      <c r="B79" s="67">
        <v>-15</v>
      </c>
      <c r="C79" s="68">
        <v>-12</v>
      </c>
      <c r="D79" s="68">
        <v>-3</v>
      </c>
      <c r="E79" s="67">
        <v>6</v>
      </c>
      <c r="F79" s="68">
        <v>3</v>
      </c>
      <c r="G79" s="69">
        <v>3</v>
      </c>
      <c r="H79" s="68">
        <v>42</v>
      </c>
      <c r="I79" s="68">
        <v>23</v>
      </c>
      <c r="J79" s="68">
        <v>19</v>
      </c>
      <c r="K79" s="67">
        <v>51</v>
      </c>
      <c r="L79" s="79">
        <v>32</v>
      </c>
      <c r="M79" s="80">
        <v>19</v>
      </c>
    </row>
    <row r="80" spans="1:13">
      <c r="A80" s="27" t="s">
        <v>13</v>
      </c>
      <c r="B80" s="67">
        <v>-17</v>
      </c>
      <c r="C80" s="68">
        <v>-11</v>
      </c>
      <c r="D80" s="68">
        <v>-6</v>
      </c>
      <c r="E80" s="67">
        <v>3</v>
      </c>
      <c r="F80" s="68">
        <v>3</v>
      </c>
      <c r="G80" s="69">
        <v>0</v>
      </c>
      <c r="H80" s="68">
        <v>38</v>
      </c>
      <c r="I80" s="68">
        <v>22</v>
      </c>
      <c r="J80" s="68">
        <v>16</v>
      </c>
      <c r="K80" s="67">
        <v>52</v>
      </c>
      <c r="L80" s="79">
        <v>30</v>
      </c>
      <c r="M80" s="80">
        <v>22</v>
      </c>
    </row>
    <row r="81" spans="1:13" ht="21" customHeight="1">
      <c r="A81" s="38" t="s">
        <v>15</v>
      </c>
      <c r="B81" s="64">
        <v>-16</v>
      </c>
      <c r="C81" s="65">
        <v>-8</v>
      </c>
      <c r="D81" s="65">
        <v>-8</v>
      </c>
      <c r="E81" s="64">
        <v>31</v>
      </c>
      <c r="F81" s="65">
        <v>20</v>
      </c>
      <c r="G81" s="66">
        <v>11</v>
      </c>
      <c r="H81" s="65">
        <v>216</v>
      </c>
      <c r="I81" s="65">
        <v>115</v>
      </c>
      <c r="J81" s="65">
        <v>101</v>
      </c>
      <c r="K81" s="64">
        <v>201</v>
      </c>
      <c r="L81" s="77">
        <v>103</v>
      </c>
      <c r="M81" s="78">
        <v>98</v>
      </c>
    </row>
    <row r="82" spans="1:13">
      <c r="A82" s="27" t="s">
        <v>17</v>
      </c>
      <c r="B82" s="67">
        <v>-4</v>
      </c>
      <c r="C82" s="68">
        <v>-4</v>
      </c>
      <c r="D82" s="68">
        <v>0</v>
      </c>
      <c r="E82" s="67">
        <v>7</v>
      </c>
      <c r="F82" s="68">
        <v>5</v>
      </c>
      <c r="G82" s="69">
        <v>2</v>
      </c>
      <c r="H82" s="68">
        <v>55</v>
      </c>
      <c r="I82" s="68">
        <v>27</v>
      </c>
      <c r="J82" s="68">
        <v>28</v>
      </c>
      <c r="K82" s="67">
        <v>52</v>
      </c>
      <c r="L82" s="79">
        <v>26</v>
      </c>
      <c r="M82" s="80">
        <v>26</v>
      </c>
    </row>
    <row r="83" spans="1:13">
      <c r="A83" s="27" t="s">
        <v>19</v>
      </c>
      <c r="B83" s="67">
        <v>4</v>
      </c>
      <c r="C83" s="68">
        <v>7</v>
      </c>
      <c r="D83" s="68">
        <v>-3</v>
      </c>
      <c r="E83" s="67">
        <v>5</v>
      </c>
      <c r="F83" s="68">
        <v>3</v>
      </c>
      <c r="G83" s="69">
        <v>2</v>
      </c>
      <c r="H83" s="68">
        <v>45</v>
      </c>
      <c r="I83" s="68">
        <v>23</v>
      </c>
      <c r="J83" s="68">
        <v>22</v>
      </c>
      <c r="K83" s="67">
        <v>36</v>
      </c>
      <c r="L83" s="79">
        <v>13</v>
      </c>
      <c r="M83" s="80">
        <v>23</v>
      </c>
    </row>
    <row r="84" spans="1:13">
      <c r="A84" s="27" t="s">
        <v>21</v>
      </c>
      <c r="B84" s="67">
        <v>8</v>
      </c>
      <c r="C84" s="68">
        <v>-1</v>
      </c>
      <c r="D84" s="68">
        <v>9</v>
      </c>
      <c r="E84" s="67">
        <v>5</v>
      </c>
      <c r="F84" s="68">
        <v>2</v>
      </c>
      <c r="G84" s="69">
        <v>3</v>
      </c>
      <c r="H84" s="68">
        <v>53</v>
      </c>
      <c r="I84" s="68">
        <v>29</v>
      </c>
      <c r="J84" s="68">
        <v>24</v>
      </c>
      <c r="K84" s="67">
        <v>40</v>
      </c>
      <c r="L84" s="79">
        <v>28</v>
      </c>
      <c r="M84" s="80">
        <v>12</v>
      </c>
    </row>
    <row r="85" spans="1:13">
      <c r="A85" s="27" t="s">
        <v>23</v>
      </c>
      <c r="B85" s="67">
        <v>-7</v>
      </c>
      <c r="C85" s="68">
        <v>2</v>
      </c>
      <c r="D85" s="68">
        <v>-9</v>
      </c>
      <c r="E85" s="67">
        <v>9</v>
      </c>
      <c r="F85" s="68">
        <v>7</v>
      </c>
      <c r="G85" s="69">
        <v>2</v>
      </c>
      <c r="H85" s="68">
        <v>36</v>
      </c>
      <c r="I85" s="68">
        <v>24</v>
      </c>
      <c r="J85" s="68">
        <v>12</v>
      </c>
      <c r="K85" s="67">
        <v>34</v>
      </c>
      <c r="L85" s="79">
        <v>15</v>
      </c>
      <c r="M85" s="80">
        <v>19</v>
      </c>
    </row>
    <row r="86" spans="1:13">
      <c r="A86" s="27" t="s">
        <v>25</v>
      </c>
      <c r="B86" s="67">
        <v>-17</v>
      </c>
      <c r="C86" s="68">
        <v>-12</v>
      </c>
      <c r="D86" s="68">
        <v>-5</v>
      </c>
      <c r="E86" s="67">
        <v>5</v>
      </c>
      <c r="F86" s="68">
        <v>3</v>
      </c>
      <c r="G86" s="69">
        <v>2</v>
      </c>
      <c r="H86" s="68">
        <v>27</v>
      </c>
      <c r="I86" s="68">
        <v>12</v>
      </c>
      <c r="J86" s="68">
        <v>15</v>
      </c>
      <c r="K86" s="67">
        <v>39</v>
      </c>
      <c r="L86" s="79">
        <v>21</v>
      </c>
      <c r="M86" s="80">
        <v>18</v>
      </c>
    </row>
    <row r="87" spans="1:13" ht="21" customHeight="1">
      <c r="A87" s="38" t="s">
        <v>27</v>
      </c>
      <c r="B87" s="64">
        <v>-59</v>
      </c>
      <c r="C87" s="65">
        <v>-35</v>
      </c>
      <c r="D87" s="65">
        <v>-24</v>
      </c>
      <c r="E87" s="64">
        <v>47</v>
      </c>
      <c r="F87" s="65">
        <v>27</v>
      </c>
      <c r="G87" s="66">
        <v>20</v>
      </c>
      <c r="H87" s="65">
        <v>155</v>
      </c>
      <c r="I87" s="65">
        <v>95</v>
      </c>
      <c r="J87" s="65">
        <v>60</v>
      </c>
      <c r="K87" s="64">
        <v>167</v>
      </c>
      <c r="L87" s="77">
        <v>103</v>
      </c>
      <c r="M87" s="78">
        <v>64</v>
      </c>
    </row>
    <row r="88" spans="1:13">
      <c r="A88" s="27" t="s">
        <v>29</v>
      </c>
      <c r="B88" s="67">
        <v>-21</v>
      </c>
      <c r="C88" s="68">
        <v>-12</v>
      </c>
      <c r="D88" s="68">
        <v>-9</v>
      </c>
      <c r="E88" s="67">
        <v>8</v>
      </c>
      <c r="F88" s="68">
        <v>6</v>
      </c>
      <c r="G88" s="69">
        <v>2</v>
      </c>
      <c r="H88" s="68">
        <v>33</v>
      </c>
      <c r="I88" s="68">
        <v>23</v>
      </c>
      <c r="J88" s="68">
        <v>10</v>
      </c>
      <c r="K88" s="67">
        <v>46</v>
      </c>
      <c r="L88" s="79">
        <v>29</v>
      </c>
      <c r="M88" s="80">
        <v>17</v>
      </c>
    </row>
    <row r="89" spans="1:13">
      <c r="A89" s="27" t="s">
        <v>31</v>
      </c>
      <c r="B89" s="67">
        <v>-6</v>
      </c>
      <c r="C89" s="68">
        <v>-5</v>
      </c>
      <c r="D89" s="68">
        <v>-1</v>
      </c>
      <c r="E89" s="67">
        <v>13</v>
      </c>
      <c r="F89" s="68">
        <v>8</v>
      </c>
      <c r="G89" s="69">
        <v>5</v>
      </c>
      <c r="H89" s="68">
        <v>39</v>
      </c>
      <c r="I89" s="68">
        <v>23</v>
      </c>
      <c r="J89" s="68">
        <v>16</v>
      </c>
      <c r="K89" s="67">
        <v>32</v>
      </c>
      <c r="L89" s="79">
        <v>20</v>
      </c>
      <c r="M89" s="80">
        <v>12</v>
      </c>
    </row>
    <row r="90" spans="1:13">
      <c r="A90" s="27" t="s">
        <v>33</v>
      </c>
      <c r="B90" s="67">
        <v>-8</v>
      </c>
      <c r="C90" s="68">
        <v>-4</v>
      </c>
      <c r="D90" s="68">
        <v>-4</v>
      </c>
      <c r="E90" s="67">
        <v>10</v>
      </c>
      <c r="F90" s="68">
        <v>2</v>
      </c>
      <c r="G90" s="69">
        <v>8</v>
      </c>
      <c r="H90" s="68">
        <v>35</v>
      </c>
      <c r="I90" s="68">
        <v>18</v>
      </c>
      <c r="J90" s="68">
        <v>17</v>
      </c>
      <c r="K90" s="67">
        <v>33</v>
      </c>
      <c r="L90" s="79">
        <v>20</v>
      </c>
      <c r="M90" s="80">
        <v>13</v>
      </c>
    </row>
    <row r="91" spans="1:13">
      <c r="A91" s="27" t="s">
        <v>35</v>
      </c>
      <c r="B91" s="67">
        <v>-19</v>
      </c>
      <c r="C91" s="68">
        <v>-12</v>
      </c>
      <c r="D91" s="68">
        <v>-7</v>
      </c>
      <c r="E91" s="67">
        <v>7</v>
      </c>
      <c r="F91" s="68">
        <v>5</v>
      </c>
      <c r="G91" s="69">
        <v>2</v>
      </c>
      <c r="H91" s="68">
        <v>17</v>
      </c>
      <c r="I91" s="68">
        <v>10</v>
      </c>
      <c r="J91" s="68">
        <v>7</v>
      </c>
      <c r="K91" s="67">
        <v>29</v>
      </c>
      <c r="L91" s="79">
        <v>17</v>
      </c>
      <c r="M91" s="80">
        <v>12</v>
      </c>
    </row>
    <row r="92" spans="1:13">
      <c r="A92" s="27" t="s">
        <v>37</v>
      </c>
      <c r="B92" s="67">
        <v>-5</v>
      </c>
      <c r="C92" s="68">
        <v>-2</v>
      </c>
      <c r="D92" s="68">
        <v>-3</v>
      </c>
      <c r="E92" s="67">
        <v>9</v>
      </c>
      <c r="F92" s="68">
        <v>6</v>
      </c>
      <c r="G92" s="69">
        <v>3</v>
      </c>
      <c r="H92" s="68">
        <v>31</v>
      </c>
      <c r="I92" s="68">
        <v>21</v>
      </c>
      <c r="J92" s="68">
        <v>10</v>
      </c>
      <c r="K92" s="67">
        <v>27</v>
      </c>
      <c r="L92" s="79">
        <v>17</v>
      </c>
      <c r="M92" s="80">
        <v>10</v>
      </c>
    </row>
    <row r="93" spans="1:13" ht="21" customHeight="1">
      <c r="A93" s="38" t="s">
        <v>39</v>
      </c>
      <c r="B93" s="64">
        <v>-57</v>
      </c>
      <c r="C93" s="65">
        <v>-33</v>
      </c>
      <c r="D93" s="65">
        <v>-24</v>
      </c>
      <c r="E93" s="64">
        <v>60</v>
      </c>
      <c r="F93" s="65">
        <v>45</v>
      </c>
      <c r="G93" s="66">
        <v>15</v>
      </c>
      <c r="H93" s="65">
        <v>109</v>
      </c>
      <c r="I93" s="65">
        <v>65</v>
      </c>
      <c r="J93" s="65">
        <v>44</v>
      </c>
      <c r="K93" s="64">
        <v>106</v>
      </c>
      <c r="L93" s="77">
        <v>53</v>
      </c>
      <c r="M93" s="78">
        <v>53</v>
      </c>
    </row>
    <row r="94" spans="1:13">
      <c r="A94" s="27" t="s">
        <v>41</v>
      </c>
      <c r="B94" s="67">
        <v>-9</v>
      </c>
      <c r="C94" s="68">
        <v>3</v>
      </c>
      <c r="D94" s="68">
        <v>-12</v>
      </c>
      <c r="E94" s="67">
        <v>11</v>
      </c>
      <c r="F94" s="68">
        <v>10</v>
      </c>
      <c r="G94" s="69">
        <v>1</v>
      </c>
      <c r="H94" s="68">
        <v>32</v>
      </c>
      <c r="I94" s="68">
        <v>23</v>
      </c>
      <c r="J94" s="68">
        <v>9</v>
      </c>
      <c r="K94" s="67">
        <v>30</v>
      </c>
      <c r="L94" s="79">
        <v>10</v>
      </c>
      <c r="M94" s="80">
        <v>20</v>
      </c>
    </row>
    <row r="95" spans="1:13">
      <c r="A95" s="27" t="s">
        <v>43</v>
      </c>
      <c r="B95" s="67">
        <v>3</v>
      </c>
      <c r="C95" s="68">
        <v>-2</v>
      </c>
      <c r="D95" s="68">
        <v>5</v>
      </c>
      <c r="E95" s="67">
        <v>8</v>
      </c>
      <c r="F95" s="68">
        <v>6</v>
      </c>
      <c r="G95" s="69">
        <v>2</v>
      </c>
      <c r="H95" s="68">
        <v>25</v>
      </c>
      <c r="I95" s="68">
        <v>13</v>
      </c>
      <c r="J95" s="68">
        <v>12</v>
      </c>
      <c r="K95" s="67">
        <v>14</v>
      </c>
      <c r="L95" s="79">
        <v>9</v>
      </c>
      <c r="M95" s="80">
        <v>5</v>
      </c>
    </row>
    <row r="96" spans="1:13">
      <c r="A96" s="27" t="s">
        <v>45</v>
      </c>
      <c r="B96" s="67">
        <v>-20</v>
      </c>
      <c r="C96" s="68">
        <v>-16</v>
      </c>
      <c r="D96" s="68">
        <v>-4</v>
      </c>
      <c r="E96" s="67">
        <v>15</v>
      </c>
      <c r="F96" s="68">
        <v>14</v>
      </c>
      <c r="G96" s="69">
        <v>1</v>
      </c>
      <c r="H96" s="68">
        <v>11</v>
      </c>
      <c r="I96" s="68">
        <v>6</v>
      </c>
      <c r="J96" s="68">
        <v>5</v>
      </c>
      <c r="K96" s="67">
        <v>16</v>
      </c>
      <c r="L96" s="79">
        <v>8</v>
      </c>
      <c r="M96" s="80">
        <v>8</v>
      </c>
    </row>
    <row r="97" spans="1:13">
      <c r="A97" s="27" t="s">
        <v>47</v>
      </c>
      <c r="B97" s="67">
        <v>-12</v>
      </c>
      <c r="C97" s="68">
        <v>-4</v>
      </c>
      <c r="D97" s="68">
        <v>-8</v>
      </c>
      <c r="E97" s="67">
        <v>14</v>
      </c>
      <c r="F97" s="68">
        <v>7</v>
      </c>
      <c r="G97" s="69">
        <v>7</v>
      </c>
      <c r="H97" s="68">
        <v>20</v>
      </c>
      <c r="I97" s="68">
        <v>11</v>
      </c>
      <c r="J97" s="68">
        <v>9</v>
      </c>
      <c r="K97" s="67">
        <v>18</v>
      </c>
      <c r="L97" s="79">
        <v>8</v>
      </c>
      <c r="M97" s="80">
        <v>10</v>
      </c>
    </row>
    <row r="98" spans="1:13">
      <c r="A98" s="27" t="s">
        <v>49</v>
      </c>
      <c r="B98" s="67">
        <v>-19</v>
      </c>
      <c r="C98" s="68">
        <v>-14</v>
      </c>
      <c r="D98" s="68">
        <v>-5</v>
      </c>
      <c r="E98" s="67">
        <v>12</v>
      </c>
      <c r="F98" s="68">
        <v>8</v>
      </c>
      <c r="G98" s="69">
        <v>4</v>
      </c>
      <c r="H98" s="68">
        <v>21</v>
      </c>
      <c r="I98" s="68">
        <v>12</v>
      </c>
      <c r="J98" s="68">
        <v>9</v>
      </c>
      <c r="K98" s="67">
        <v>28</v>
      </c>
      <c r="L98" s="79">
        <v>18</v>
      </c>
      <c r="M98" s="80">
        <v>10</v>
      </c>
    </row>
    <row r="99" spans="1:13" ht="21" customHeight="1">
      <c r="A99" s="38" t="s">
        <v>51</v>
      </c>
      <c r="B99" s="64">
        <v>-118</v>
      </c>
      <c r="C99" s="65">
        <v>-97</v>
      </c>
      <c r="D99" s="65">
        <v>-21</v>
      </c>
      <c r="E99" s="64">
        <v>128</v>
      </c>
      <c r="F99" s="65">
        <v>97</v>
      </c>
      <c r="G99" s="66">
        <v>31</v>
      </c>
      <c r="H99" s="65">
        <v>120</v>
      </c>
      <c r="I99" s="65">
        <v>60</v>
      </c>
      <c r="J99" s="65">
        <v>60</v>
      </c>
      <c r="K99" s="64">
        <v>110</v>
      </c>
      <c r="L99" s="77">
        <v>60</v>
      </c>
      <c r="M99" s="78">
        <v>50</v>
      </c>
    </row>
    <row r="100" spans="1:13">
      <c r="A100" s="27" t="s">
        <v>53</v>
      </c>
      <c r="B100" s="67">
        <v>-2</v>
      </c>
      <c r="C100" s="68">
        <v>1</v>
      </c>
      <c r="D100" s="68">
        <v>-3</v>
      </c>
      <c r="E100" s="67">
        <v>14</v>
      </c>
      <c r="F100" s="68">
        <v>9</v>
      </c>
      <c r="G100" s="69">
        <v>5</v>
      </c>
      <c r="H100" s="68">
        <v>31</v>
      </c>
      <c r="I100" s="68">
        <v>17</v>
      </c>
      <c r="J100" s="68">
        <v>14</v>
      </c>
      <c r="K100" s="67">
        <v>19</v>
      </c>
      <c r="L100" s="79">
        <v>7</v>
      </c>
      <c r="M100" s="80">
        <v>12</v>
      </c>
    </row>
    <row r="101" spans="1:13">
      <c r="A101" s="27" t="s">
        <v>55</v>
      </c>
      <c r="B101" s="67">
        <v>-30</v>
      </c>
      <c r="C101" s="68">
        <v>-27</v>
      </c>
      <c r="D101" s="68">
        <v>-3</v>
      </c>
      <c r="E101" s="67">
        <v>20</v>
      </c>
      <c r="F101" s="68">
        <v>16</v>
      </c>
      <c r="G101" s="69">
        <v>4</v>
      </c>
      <c r="H101" s="68">
        <v>19</v>
      </c>
      <c r="I101" s="68">
        <v>6</v>
      </c>
      <c r="J101" s="68">
        <v>13</v>
      </c>
      <c r="K101" s="67">
        <v>29</v>
      </c>
      <c r="L101" s="79">
        <v>17</v>
      </c>
      <c r="M101" s="80">
        <v>12</v>
      </c>
    </row>
    <row r="102" spans="1:13">
      <c r="A102" s="27" t="s">
        <v>57</v>
      </c>
      <c r="B102" s="67">
        <v>-27</v>
      </c>
      <c r="C102" s="68">
        <v>-24</v>
      </c>
      <c r="D102" s="68">
        <v>-3</v>
      </c>
      <c r="E102" s="67">
        <v>32</v>
      </c>
      <c r="F102" s="68">
        <v>23</v>
      </c>
      <c r="G102" s="69">
        <v>9</v>
      </c>
      <c r="H102" s="68">
        <v>22</v>
      </c>
      <c r="I102" s="68">
        <v>11</v>
      </c>
      <c r="J102" s="68">
        <v>11</v>
      </c>
      <c r="K102" s="67">
        <v>17</v>
      </c>
      <c r="L102" s="79">
        <v>12</v>
      </c>
      <c r="M102" s="80">
        <v>5</v>
      </c>
    </row>
    <row r="103" spans="1:13">
      <c r="A103" s="27" t="s">
        <v>59</v>
      </c>
      <c r="B103" s="67">
        <v>-30</v>
      </c>
      <c r="C103" s="68">
        <v>-25</v>
      </c>
      <c r="D103" s="68">
        <v>-5</v>
      </c>
      <c r="E103" s="67">
        <v>32</v>
      </c>
      <c r="F103" s="68">
        <v>25</v>
      </c>
      <c r="G103" s="69">
        <v>7</v>
      </c>
      <c r="H103" s="68">
        <v>24</v>
      </c>
      <c r="I103" s="68">
        <v>11</v>
      </c>
      <c r="J103" s="68">
        <v>13</v>
      </c>
      <c r="K103" s="67">
        <v>22</v>
      </c>
      <c r="L103" s="79">
        <v>11</v>
      </c>
      <c r="M103" s="80">
        <v>11</v>
      </c>
    </row>
    <row r="104" spans="1:13">
      <c r="A104" s="27" t="s">
        <v>61</v>
      </c>
      <c r="B104" s="67">
        <v>-29</v>
      </c>
      <c r="C104" s="68">
        <v>-22</v>
      </c>
      <c r="D104" s="68">
        <v>-7</v>
      </c>
      <c r="E104" s="67">
        <v>30</v>
      </c>
      <c r="F104" s="68">
        <v>24</v>
      </c>
      <c r="G104" s="69">
        <v>6</v>
      </c>
      <c r="H104" s="68">
        <v>24</v>
      </c>
      <c r="I104" s="68">
        <v>15</v>
      </c>
      <c r="J104" s="68">
        <v>9</v>
      </c>
      <c r="K104" s="67">
        <v>23</v>
      </c>
      <c r="L104" s="79">
        <v>13</v>
      </c>
      <c r="M104" s="80">
        <v>10</v>
      </c>
    </row>
    <row r="105" spans="1:13" ht="21" customHeight="1">
      <c r="A105" s="38" t="s">
        <v>63</v>
      </c>
      <c r="B105" s="64">
        <v>-166</v>
      </c>
      <c r="C105" s="65">
        <v>-122</v>
      </c>
      <c r="D105" s="65">
        <v>-44</v>
      </c>
      <c r="E105" s="64">
        <v>190</v>
      </c>
      <c r="F105" s="65">
        <v>137</v>
      </c>
      <c r="G105" s="66">
        <v>53</v>
      </c>
      <c r="H105" s="65">
        <v>103</v>
      </c>
      <c r="I105" s="65">
        <v>41</v>
      </c>
      <c r="J105" s="65">
        <v>62</v>
      </c>
      <c r="K105" s="64">
        <v>79</v>
      </c>
      <c r="L105" s="77">
        <v>26</v>
      </c>
      <c r="M105" s="78">
        <v>53</v>
      </c>
    </row>
    <row r="106" spans="1:13">
      <c r="A106" s="27" t="s">
        <v>65</v>
      </c>
      <c r="B106" s="67">
        <v>-22</v>
      </c>
      <c r="C106" s="68">
        <v>-18</v>
      </c>
      <c r="D106" s="68">
        <v>-4</v>
      </c>
      <c r="E106" s="67">
        <v>30</v>
      </c>
      <c r="F106" s="68">
        <v>22</v>
      </c>
      <c r="G106" s="69">
        <v>8</v>
      </c>
      <c r="H106" s="68">
        <v>31</v>
      </c>
      <c r="I106" s="68">
        <v>13</v>
      </c>
      <c r="J106" s="68">
        <v>18</v>
      </c>
      <c r="K106" s="67">
        <v>23</v>
      </c>
      <c r="L106" s="79">
        <v>9</v>
      </c>
      <c r="M106" s="80">
        <v>14</v>
      </c>
    </row>
    <row r="107" spans="1:13">
      <c r="A107" s="27" t="s">
        <v>67</v>
      </c>
      <c r="B107" s="67">
        <v>-37</v>
      </c>
      <c r="C107" s="68">
        <v>-25</v>
      </c>
      <c r="D107" s="68">
        <v>-12</v>
      </c>
      <c r="E107" s="67">
        <v>34</v>
      </c>
      <c r="F107" s="68">
        <v>28</v>
      </c>
      <c r="G107" s="69">
        <v>6</v>
      </c>
      <c r="H107" s="68">
        <v>12</v>
      </c>
      <c r="I107" s="68">
        <v>6</v>
      </c>
      <c r="J107" s="68">
        <v>6</v>
      </c>
      <c r="K107" s="67">
        <v>15</v>
      </c>
      <c r="L107" s="79">
        <v>3</v>
      </c>
      <c r="M107" s="80">
        <v>12</v>
      </c>
    </row>
    <row r="108" spans="1:13">
      <c r="A108" s="27" t="s">
        <v>69</v>
      </c>
      <c r="B108" s="67">
        <v>-25</v>
      </c>
      <c r="C108" s="68">
        <v>-17</v>
      </c>
      <c r="D108" s="68">
        <v>-8</v>
      </c>
      <c r="E108" s="67">
        <v>27</v>
      </c>
      <c r="F108" s="68">
        <v>20</v>
      </c>
      <c r="G108" s="69">
        <v>7</v>
      </c>
      <c r="H108" s="68">
        <v>14</v>
      </c>
      <c r="I108" s="68">
        <v>7</v>
      </c>
      <c r="J108" s="68">
        <v>7</v>
      </c>
      <c r="K108" s="67">
        <v>12</v>
      </c>
      <c r="L108" s="79">
        <v>4</v>
      </c>
      <c r="M108" s="80">
        <v>8</v>
      </c>
    </row>
    <row r="109" spans="1:13">
      <c r="A109" s="27" t="s">
        <v>71</v>
      </c>
      <c r="B109" s="67">
        <v>-40</v>
      </c>
      <c r="C109" s="68">
        <v>-32</v>
      </c>
      <c r="D109" s="68">
        <v>-8</v>
      </c>
      <c r="E109" s="67">
        <v>48</v>
      </c>
      <c r="F109" s="68">
        <v>35</v>
      </c>
      <c r="G109" s="69">
        <v>13</v>
      </c>
      <c r="H109" s="68">
        <v>27</v>
      </c>
      <c r="I109" s="68">
        <v>9</v>
      </c>
      <c r="J109" s="68">
        <v>18</v>
      </c>
      <c r="K109" s="67">
        <v>19</v>
      </c>
      <c r="L109" s="79">
        <v>6</v>
      </c>
      <c r="M109" s="80">
        <v>13</v>
      </c>
    </row>
    <row r="110" spans="1:13">
      <c r="A110" s="27" t="s">
        <v>73</v>
      </c>
      <c r="B110" s="67">
        <v>-42</v>
      </c>
      <c r="C110" s="68">
        <v>-30</v>
      </c>
      <c r="D110" s="68">
        <v>-12</v>
      </c>
      <c r="E110" s="67">
        <v>51</v>
      </c>
      <c r="F110" s="68">
        <v>32</v>
      </c>
      <c r="G110" s="69">
        <v>19</v>
      </c>
      <c r="H110" s="68">
        <v>19</v>
      </c>
      <c r="I110" s="68">
        <v>6</v>
      </c>
      <c r="J110" s="68">
        <v>13</v>
      </c>
      <c r="K110" s="67">
        <v>10</v>
      </c>
      <c r="L110" s="79">
        <v>4</v>
      </c>
      <c r="M110" s="80">
        <v>6</v>
      </c>
    </row>
    <row r="111" spans="1:13" ht="21" customHeight="1">
      <c r="A111" s="38" t="s">
        <v>75</v>
      </c>
      <c r="B111" s="64">
        <v>-341</v>
      </c>
      <c r="C111" s="65">
        <v>-187</v>
      </c>
      <c r="D111" s="65">
        <v>-154</v>
      </c>
      <c r="E111" s="64">
        <v>341</v>
      </c>
      <c r="F111" s="65">
        <v>193</v>
      </c>
      <c r="G111" s="66">
        <v>148</v>
      </c>
      <c r="H111" s="65">
        <v>97</v>
      </c>
      <c r="I111" s="65">
        <v>39</v>
      </c>
      <c r="J111" s="65">
        <v>58</v>
      </c>
      <c r="K111" s="64">
        <v>97</v>
      </c>
      <c r="L111" s="77">
        <v>33</v>
      </c>
      <c r="M111" s="78">
        <v>64</v>
      </c>
    </row>
    <row r="112" spans="1:13">
      <c r="A112" s="27" t="s">
        <v>77</v>
      </c>
      <c r="B112" s="67">
        <v>-67</v>
      </c>
      <c r="C112" s="68">
        <v>-36</v>
      </c>
      <c r="D112" s="68">
        <v>-31</v>
      </c>
      <c r="E112" s="67">
        <v>68</v>
      </c>
      <c r="F112" s="68">
        <v>42</v>
      </c>
      <c r="G112" s="69">
        <v>26</v>
      </c>
      <c r="H112" s="68">
        <v>18</v>
      </c>
      <c r="I112" s="68">
        <v>8</v>
      </c>
      <c r="J112" s="68">
        <v>10</v>
      </c>
      <c r="K112" s="67">
        <v>17</v>
      </c>
      <c r="L112" s="79">
        <v>2</v>
      </c>
      <c r="M112" s="80">
        <v>15</v>
      </c>
    </row>
    <row r="113" spans="1:13">
      <c r="A113" s="27" t="s">
        <v>79</v>
      </c>
      <c r="B113" s="67">
        <v>-70</v>
      </c>
      <c r="C113" s="68">
        <v>-32</v>
      </c>
      <c r="D113" s="68">
        <v>-38</v>
      </c>
      <c r="E113" s="67">
        <v>68</v>
      </c>
      <c r="F113" s="68">
        <v>36</v>
      </c>
      <c r="G113" s="69">
        <v>32</v>
      </c>
      <c r="H113" s="68">
        <v>23</v>
      </c>
      <c r="I113" s="68">
        <v>11</v>
      </c>
      <c r="J113" s="68">
        <v>12</v>
      </c>
      <c r="K113" s="67">
        <v>25</v>
      </c>
      <c r="L113" s="79">
        <v>7</v>
      </c>
      <c r="M113" s="80">
        <v>18</v>
      </c>
    </row>
    <row r="114" spans="1:13">
      <c r="A114" s="27" t="s">
        <v>81</v>
      </c>
      <c r="B114" s="67">
        <v>-59</v>
      </c>
      <c r="C114" s="68">
        <v>-33</v>
      </c>
      <c r="D114" s="68">
        <v>-26</v>
      </c>
      <c r="E114" s="67">
        <v>66</v>
      </c>
      <c r="F114" s="68">
        <v>36</v>
      </c>
      <c r="G114" s="69">
        <v>30</v>
      </c>
      <c r="H114" s="68">
        <v>20</v>
      </c>
      <c r="I114" s="68">
        <v>8</v>
      </c>
      <c r="J114" s="68">
        <v>12</v>
      </c>
      <c r="K114" s="67">
        <v>13</v>
      </c>
      <c r="L114" s="79">
        <v>5</v>
      </c>
      <c r="M114" s="80">
        <v>8</v>
      </c>
    </row>
    <row r="115" spans="1:13">
      <c r="A115" s="27" t="s">
        <v>83</v>
      </c>
      <c r="B115" s="67">
        <v>-85</v>
      </c>
      <c r="C115" s="68">
        <v>-50</v>
      </c>
      <c r="D115" s="68">
        <v>-35</v>
      </c>
      <c r="E115" s="67">
        <v>73</v>
      </c>
      <c r="F115" s="68">
        <v>41</v>
      </c>
      <c r="G115" s="69">
        <v>32</v>
      </c>
      <c r="H115" s="68">
        <v>12</v>
      </c>
      <c r="I115" s="68">
        <v>3</v>
      </c>
      <c r="J115" s="68">
        <v>9</v>
      </c>
      <c r="K115" s="67">
        <v>24</v>
      </c>
      <c r="L115" s="79">
        <v>12</v>
      </c>
      <c r="M115" s="80">
        <v>12</v>
      </c>
    </row>
    <row r="116" spans="1:13">
      <c r="A116" s="27" t="s">
        <v>85</v>
      </c>
      <c r="B116" s="67">
        <v>-60</v>
      </c>
      <c r="C116" s="68">
        <v>-36</v>
      </c>
      <c r="D116" s="68">
        <v>-24</v>
      </c>
      <c r="E116" s="67">
        <v>66</v>
      </c>
      <c r="F116" s="68">
        <v>38</v>
      </c>
      <c r="G116" s="69">
        <v>28</v>
      </c>
      <c r="H116" s="68">
        <v>24</v>
      </c>
      <c r="I116" s="68">
        <v>9</v>
      </c>
      <c r="J116" s="68">
        <v>15</v>
      </c>
      <c r="K116" s="67">
        <v>18</v>
      </c>
      <c r="L116" s="79">
        <v>7</v>
      </c>
      <c r="M116" s="80">
        <v>11</v>
      </c>
    </row>
    <row r="117" spans="1:13" ht="21" customHeight="1">
      <c r="A117" s="38" t="s">
        <v>87</v>
      </c>
      <c r="B117" s="64">
        <v>-397</v>
      </c>
      <c r="C117" s="65">
        <v>-243</v>
      </c>
      <c r="D117" s="65">
        <v>-154</v>
      </c>
      <c r="E117" s="64">
        <v>412</v>
      </c>
      <c r="F117" s="65">
        <v>246</v>
      </c>
      <c r="G117" s="66">
        <v>166</v>
      </c>
      <c r="H117" s="65">
        <v>88</v>
      </c>
      <c r="I117" s="65">
        <v>24</v>
      </c>
      <c r="J117" s="65">
        <v>64</v>
      </c>
      <c r="K117" s="64">
        <v>73</v>
      </c>
      <c r="L117" s="77">
        <v>21</v>
      </c>
      <c r="M117" s="78">
        <v>52</v>
      </c>
    </row>
    <row r="118" spans="1:13">
      <c r="A118" s="27" t="s">
        <v>89</v>
      </c>
      <c r="B118" s="67">
        <v>-76</v>
      </c>
      <c r="C118" s="68">
        <v>-51</v>
      </c>
      <c r="D118" s="68">
        <v>-25</v>
      </c>
      <c r="E118" s="67">
        <v>75</v>
      </c>
      <c r="F118" s="68">
        <v>49</v>
      </c>
      <c r="G118" s="69">
        <v>26</v>
      </c>
      <c r="H118" s="68">
        <v>18</v>
      </c>
      <c r="I118" s="68">
        <v>1</v>
      </c>
      <c r="J118" s="68">
        <v>17</v>
      </c>
      <c r="K118" s="67">
        <v>19</v>
      </c>
      <c r="L118" s="79">
        <v>3</v>
      </c>
      <c r="M118" s="80">
        <v>16</v>
      </c>
    </row>
    <row r="119" spans="1:13">
      <c r="A119" s="27" t="s">
        <v>91</v>
      </c>
      <c r="B119" s="67">
        <v>-85</v>
      </c>
      <c r="C119" s="68">
        <v>-54</v>
      </c>
      <c r="D119" s="68">
        <v>-31</v>
      </c>
      <c r="E119" s="67">
        <v>86</v>
      </c>
      <c r="F119" s="68">
        <v>50</v>
      </c>
      <c r="G119" s="69">
        <v>36</v>
      </c>
      <c r="H119" s="68">
        <v>17</v>
      </c>
      <c r="I119" s="68">
        <v>2</v>
      </c>
      <c r="J119" s="68">
        <v>15</v>
      </c>
      <c r="K119" s="67">
        <v>16</v>
      </c>
      <c r="L119" s="79">
        <v>6</v>
      </c>
      <c r="M119" s="80">
        <v>10</v>
      </c>
    </row>
    <row r="120" spans="1:13">
      <c r="A120" s="27" t="s">
        <v>93</v>
      </c>
      <c r="B120" s="67">
        <v>-83</v>
      </c>
      <c r="C120" s="68">
        <v>-52</v>
      </c>
      <c r="D120" s="68">
        <v>-31</v>
      </c>
      <c r="E120" s="67">
        <v>85</v>
      </c>
      <c r="F120" s="68">
        <v>52</v>
      </c>
      <c r="G120" s="69">
        <v>33</v>
      </c>
      <c r="H120" s="68">
        <v>17</v>
      </c>
      <c r="I120" s="68">
        <v>6</v>
      </c>
      <c r="J120" s="68">
        <v>11</v>
      </c>
      <c r="K120" s="67">
        <v>15</v>
      </c>
      <c r="L120" s="79">
        <v>6</v>
      </c>
      <c r="M120" s="80">
        <v>9</v>
      </c>
    </row>
    <row r="121" spans="1:13">
      <c r="A121" s="27" t="s">
        <v>95</v>
      </c>
      <c r="B121" s="67">
        <v>-76</v>
      </c>
      <c r="C121" s="68">
        <v>-40</v>
      </c>
      <c r="D121" s="68">
        <v>-36</v>
      </c>
      <c r="E121" s="67">
        <v>88</v>
      </c>
      <c r="F121" s="68">
        <v>46</v>
      </c>
      <c r="G121" s="69">
        <v>42</v>
      </c>
      <c r="H121" s="68">
        <v>23</v>
      </c>
      <c r="I121" s="68">
        <v>7</v>
      </c>
      <c r="J121" s="68">
        <v>16</v>
      </c>
      <c r="K121" s="67">
        <v>11</v>
      </c>
      <c r="L121" s="79">
        <v>1</v>
      </c>
      <c r="M121" s="80">
        <v>10</v>
      </c>
    </row>
    <row r="122" spans="1:13">
      <c r="A122" s="27" t="s">
        <v>97</v>
      </c>
      <c r="B122" s="67">
        <v>-77</v>
      </c>
      <c r="C122" s="68">
        <v>-46</v>
      </c>
      <c r="D122" s="68">
        <v>-31</v>
      </c>
      <c r="E122" s="67">
        <v>78</v>
      </c>
      <c r="F122" s="68">
        <v>49</v>
      </c>
      <c r="G122" s="69">
        <v>29</v>
      </c>
      <c r="H122" s="68">
        <v>13</v>
      </c>
      <c r="I122" s="68">
        <v>8</v>
      </c>
      <c r="J122" s="68">
        <v>5</v>
      </c>
      <c r="K122" s="67">
        <v>12</v>
      </c>
      <c r="L122" s="79">
        <v>5</v>
      </c>
      <c r="M122" s="80">
        <v>7</v>
      </c>
    </row>
    <row r="123" spans="1:13" ht="21" customHeight="1">
      <c r="A123" s="38" t="s">
        <v>99</v>
      </c>
      <c r="B123" s="64">
        <v>-302</v>
      </c>
      <c r="C123" s="65">
        <v>-137</v>
      </c>
      <c r="D123" s="65">
        <v>-165</v>
      </c>
      <c r="E123" s="64">
        <v>322</v>
      </c>
      <c r="F123" s="65">
        <v>139</v>
      </c>
      <c r="G123" s="66">
        <v>183</v>
      </c>
      <c r="H123" s="65">
        <v>50</v>
      </c>
      <c r="I123" s="65">
        <v>12</v>
      </c>
      <c r="J123" s="65">
        <v>38</v>
      </c>
      <c r="K123" s="64">
        <v>30</v>
      </c>
      <c r="L123" s="77">
        <v>10</v>
      </c>
      <c r="M123" s="78">
        <v>20</v>
      </c>
    </row>
    <row r="124" spans="1:13">
      <c r="A124" s="27" t="s">
        <v>101</v>
      </c>
      <c r="B124" s="67">
        <v>-67</v>
      </c>
      <c r="C124" s="68">
        <v>-33</v>
      </c>
      <c r="D124" s="68">
        <v>-34</v>
      </c>
      <c r="E124" s="67">
        <v>74</v>
      </c>
      <c r="F124" s="68">
        <v>34</v>
      </c>
      <c r="G124" s="69">
        <v>40</v>
      </c>
      <c r="H124" s="68">
        <v>15</v>
      </c>
      <c r="I124" s="68">
        <v>4</v>
      </c>
      <c r="J124" s="68">
        <v>11</v>
      </c>
      <c r="K124" s="67">
        <v>8</v>
      </c>
      <c r="L124" s="79">
        <v>3</v>
      </c>
      <c r="M124" s="80">
        <v>5</v>
      </c>
    </row>
    <row r="125" spans="1:13">
      <c r="A125" s="27" t="s">
        <v>103</v>
      </c>
      <c r="B125" s="67">
        <v>-64</v>
      </c>
      <c r="C125" s="68">
        <v>-35</v>
      </c>
      <c r="D125" s="68">
        <v>-29</v>
      </c>
      <c r="E125" s="67">
        <v>66</v>
      </c>
      <c r="F125" s="68">
        <v>33</v>
      </c>
      <c r="G125" s="69">
        <v>33</v>
      </c>
      <c r="H125" s="68">
        <v>10</v>
      </c>
      <c r="I125" s="68">
        <v>1</v>
      </c>
      <c r="J125" s="68">
        <v>9</v>
      </c>
      <c r="K125" s="67">
        <v>8</v>
      </c>
      <c r="L125" s="79">
        <v>3</v>
      </c>
      <c r="M125" s="80">
        <v>5</v>
      </c>
    </row>
    <row r="126" spans="1:13">
      <c r="A126" s="27" t="s">
        <v>105</v>
      </c>
      <c r="B126" s="67">
        <v>-72</v>
      </c>
      <c r="C126" s="68">
        <v>-24</v>
      </c>
      <c r="D126" s="68">
        <v>-48</v>
      </c>
      <c r="E126" s="67">
        <v>71</v>
      </c>
      <c r="F126" s="68">
        <v>26</v>
      </c>
      <c r="G126" s="69">
        <v>45</v>
      </c>
      <c r="H126" s="68">
        <v>5</v>
      </c>
      <c r="I126" s="68">
        <v>3</v>
      </c>
      <c r="J126" s="68">
        <v>2</v>
      </c>
      <c r="K126" s="67">
        <v>6</v>
      </c>
      <c r="L126" s="79">
        <v>1</v>
      </c>
      <c r="M126" s="80">
        <v>5</v>
      </c>
    </row>
    <row r="127" spans="1:13">
      <c r="A127" s="27" t="s">
        <v>107</v>
      </c>
      <c r="B127" s="67">
        <v>-55</v>
      </c>
      <c r="C127" s="68">
        <v>-25</v>
      </c>
      <c r="D127" s="68">
        <v>-30</v>
      </c>
      <c r="E127" s="67">
        <v>60</v>
      </c>
      <c r="F127" s="68">
        <v>24</v>
      </c>
      <c r="G127" s="69">
        <v>36</v>
      </c>
      <c r="H127" s="68">
        <v>9</v>
      </c>
      <c r="I127" s="68">
        <v>0</v>
      </c>
      <c r="J127" s="68">
        <v>9</v>
      </c>
      <c r="K127" s="67">
        <v>4</v>
      </c>
      <c r="L127" s="79">
        <v>1</v>
      </c>
      <c r="M127" s="80">
        <v>3</v>
      </c>
    </row>
    <row r="128" spans="1:13">
      <c r="A128" s="27" t="s">
        <v>109</v>
      </c>
      <c r="B128" s="67">
        <v>-44</v>
      </c>
      <c r="C128" s="68">
        <v>-20</v>
      </c>
      <c r="D128" s="68">
        <v>-24</v>
      </c>
      <c r="E128" s="67">
        <v>51</v>
      </c>
      <c r="F128" s="68">
        <v>22</v>
      </c>
      <c r="G128" s="69">
        <v>29</v>
      </c>
      <c r="H128" s="68">
        <v>11</v>
      </c>
      <c r="I128" s="68">
        <v>4</v>
      </c>
      <c r="J128" s="68">
        <v>7</v>
      </c>
      <c r="K128" s="67">
        <v>4</v>
      </c>
      <c r="L128" s="79">
        <v>2</v>
      </c>
      <c r="M128" s="80">
        <v>2</v>
      </c>
    </row>
    <row r="129" spans="1:14" ht="21" customHeight="1">
      <c r="A129" s="38" t="s">
        <v>111</v>
      </c>
      <c r="B129" s="64">
        <v>-152</v>
      </c>
      <c r="C129" s="65">
        <v>-41</v>
      </c>
      <c r="D129" s="65">
        <v>-111</v>
      </c>
      <c r="E129" s="64">
        <v>158</v>
      </c>
      <c r="F129" s="65">
        <v>44</v>
      </c>
      <c r="G129" s="66">
        <v>114</v>
      </c>
      <c r="H129" s="65">
        <v>21</v>
      </c>
      <c r="I129" s="65">
        <v>5</v>
      </c>
      <c r="J129" s="65">
        <v>16</v>
      </c>
      <c r="K129" s="64">
        <v>15</v>
      </c>
      <c r="L129" s="77">
        <v>2</v>
      </c>
      <c r="M129" s="78">
        <v>13</v>
      </c>
    </row>
    <row r="130" spans="1:14">
      <c r="A130" s="27" t="s">
        <v>113</v>
      </c>
      <c r="B130" s="67">
        <v>-54</v>
      </c>
      <c r="C130" s="68">
        <v>-21</v>
      </c>
      <c r="D130" s="68">
        <v>-33</v>
      </c>
      <c r="E130" s="67">
        <v>54</v>
      </c>
      <c r="F130" s="68">
        <v>22</v>
      </c>
      <c r="G130" s="69">
        <v>32</v>
      </c>
      <c r="H130" s="68">
        <v>5</v>
      </c>
      <c r="I130" s="68">
        <v>1</v>
      </c>
      <c r="J130" s="68">
        <v>4</v>
      </c>
      <c r="K130" s="67">
        <v>5</v>
      </c>
      <c r="L130" s="79">
        <v>0</v>
      </c>
      <c r="M130" s="80">
        <v>5</v>
      </c>
    </row>
    <row r="131" spans="1:14">
      <c r="A131" s="27" t="s">
        <v>115</v>
      </c>
      <c r="B131" s="67">
        <v>-38</v>
      </c>
      <c r="C131" s="68">
        <v>-10</v>
      </c>
      <c r="D131" s="68">
        <v>-28</v>
      </c>
      <c r="E131" s="67">
        <v>34</v>
      </c>
      <c r="F131" s="68">
        <v>8</v>
      </c>
      <c r="G131" s="69">
        <v>26</v>
      </c>
      <c r="H131" s="68">
        <v>2</v>
      </c>
      <c r="I131" s="68">
        <v>0</v>
      </c>
      <c r="J131" s="68">
        <v>2</v>
      </c>
      <c r="K131" s="67">
        <v>6</v>
      </c>
      <c r="L131" s="79">
        <v>2</v>
      </c>
      <c r="M131" s="80">
        <v>4</v>
      </c>
    </row>
    <row r="132" spans="1:14">
      <c r="A132" s="27" t="s">
        <v>117</v>
      </c>
      <c r="B132" s="67">
        <v>-16</v>
      </c>
      <c r="C132" s="68">
        <v>-3</v>
      </c>
      <c r="D132" s="68">
        <v>-13</v>
      </c>
      <c r="E132" s="67">
        <v>23</v>
      </c>
      <c r="F132" s="68">
        <v>4</v>
      </c>
      <c r="G132" s="69">
        <v>19</v>
      </c>
      <c r="H132" s="68">
        <v>8</v>
      </c>
      <c r="I132" s="68">
        <v>1</v>
      </c>
      <c r="J132" s="68">
        <v>7</v>
      </c>
      <c r="K132" s="67">
        <v>1</v>
      </c>
      <c r="L132" s="79">
        <v>0</v>
      </c>
      <c r="M132" s="80">
        <v>1</v>
      </c>
    </row>
    <row r="133" spans="1:14">
      <c r="A133" s="27" t="s">
        <v>119</v>
      </c>
      <c r="B133" s="67">
        <v>-26</v>
      </c>
      <c r="C133" s="68">
        <v>-5</v>
      </c>
      <c r="D133" s="68">
        <v>-21</v>
      </c>
      <c r="E133" s="67">
        <v>29</v>
      </c>
      <c r="F133" s="68">
        <v>7</v>
      </c>
      <c r="G133" s="69">
        <v>22</v>
      </c>
      <c r="H133" s="68">
        <v>4</v>
      </c>
      <c r="I133" s="68">
        <v>2</v>
      </c>
      <c r="J133" s="68">
        <v>2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18</v>
      </c>
      <c r="C134" s="68">
        <v>-2</v>
      </c>
      <c r="D134" s="68">
        <v>-16</v>
      </c>
      <c r="E134" s="67">
        <v>18</v>
      </c>
      <c r="F134" s="68">
        <v>3</v>
      </c>
      <c r="G134" s="69">
        <v>15</v>
      </c>
      <c r="H134" s="68">
        <v>2</v>
      </c>
      <c r="I134" s="68">
        <v>1</v>
      </c>
      <c r="J134" s="68">
        <v>1</v>
      </c>
      <c r="K134" s="67">
        <v>2</v>
      </c>
      <c r="L134" s="79">
        <v>0</v>
      </c>
      <c r="M134" s="80">
        <v>2</v>
      </c>
    </row>
    <row r="135" spans="1:14" ht="21" customHeight="1">
      <c r="A135" s="39" t="s">
        <v>122</v>
      </c>
      <c r="B135" s="42">
        <v>-54</v>
      </c>
      <c r="C135" s="40">
        <v>-9</v>
      </c>
      <c r="D135" s="40">
        <v>-45</v>
      </c>
      <c r="E135" s="42">
        <v>54</v>
      </c>
      <c r="F135" s="40">
        <v>9</v>
      </c>
      <c r="G135" s="43">
        <v>45</v>
      </c>
      <c r="H135" s="40">
        <v>1</v>
      </c>
      <c r="I135" s="40">
        <v>0</v>
      </c>
      <c r="J135" s="40">
        <v>1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5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675</v>
      </c>
      <c r="C5" s="62">
        <v>-385</v>
      </c>
      <c r="D5" s="62">
        <v>-290</v>
      </c>
      <c r="E5" s="61">
        <v>2535</v>
      </c>
      <c r="F5" s="62">
        <v>1311</v>
      </c>
      <c r="G5" s="63">
        <v>1224</v>
      </c>
      <c r="H5" s="62">
        <v>16883</v>
      </c>
      <c r="I5" s="62">
        <v>8672</v>
      </c>
      <c r="J5" s="62">
        <v>8211</v>
      </c>
      <c r="K5" s="61">
        <v>16950</v>
      </c>
      <c r="L5" s="75">
        <v>8714</v>
      </c>
      <c r="M5" s="76">
        <v>8236</v>
      </c>
    </row>
    <row r="6" spans="1:13" ht="23.25" customHeight="1">
      <c r="A6" s="36" t="s">
        <v>2</v>
      </c>
      <c r="B6" s="64">
        <v>2039</v>
      </c>
      <c r="C6" s="65">
        <v>1054</v>
      </c>
      <c r="D6" s="65">
        <v>985</v>
      </c>
      <c r="E6" s="64">
        <v>5</v>
      </c>
      <c r="F6" s="65">
        <v>2</v>
      </c>
      <c r="G6" s="66">
        <v>3</v>
      </c>
      <c r="H6" s="65">
        <v>1051</v>
      </c>
      <c r="I6" s="65">
        <v>593</v>
      </c>
      <c r="J6" s="65">
        <v>458</v>
      </c>
      <c r="K6" s="64">
        <v>934</v>
      </c>
      <c r="L6" s="77">
        <v>505</v>
      </c>
      <c r="M6" s="78">
        <v>429</v>
      </c>
    </row>
    <row r="7" spans="1:13">
      <c r="A7" s="15" t="s">
        <v>4</v>
      </c>
      <c r="B7" s="67">
        <v>1945</v>
      </c>
      <c r="C7" s="68">
        <v>974</v>
      </c>
      <c r="D7" s="68">
        <v>971</v>
      </c>
      <c r="E7" s="67">
        <v>1</v>
      </c>
      <c r="F7" s="68">
        <v>0</v>
      </c>
      <c r="G7" s="69">
        <v>1</v>
      </c>
      <c r="H7" s="68">
        <v>139</v>
      </c>
      <c r="I7" s="68">
        <v>74</v>
      </c>
      <c r="J7" s="68">
        <v>65</v>
      </c>
      <c r="K7" s="67">
        <v>120</v>
      </c>
      <c r="L7" s="79">
        <v>68</v>
      </c>
      <c r="M7" s="80">
        <v>52</v>
      </c>
    </row>
    <row r="8" spans="1:13">
      <c r="A8" s="15" t="s">
        <v>6</v>
      </c>
      <c r="B8" s="67">
        <v>21</v>
      </c>
      <c r="C8" s="68">
        <v>17</v>
      </c>
      <c r="D8" s="68">
        <v>4</v>
      </c>
      <c r="E8" s="67">
        <v>1</v>
      </c>
      <c r="F8" s="68">
        <v>1</v>
      </c>
      <c r="G8" s="69">
        <v>0</v>
      </c>
      <c r="H8" s="68">
        <v>281</v>
      </c>
      <c r="I8" s="68">
        <v>163</v>
      </c>
      <c r="J8" s="68">
        <v>118</v>
      </c>
      <c r="K8" s="67">
        <v>259</v>
      </c>
      <c r="L8" s="79">
        <v>145</v>
      </c>
      <c r="M8" s="80">
        <v>114</v>
      </c>
    </row>
    <row r="9" spans="1:13">
      <c r="A9" s="15" t="s">
        <v>8</v>
      </c>
      <c r="B9" s="67">
        <v>16</v>
      </c>
      <c r="C9" s="68">
        <v>18</v>
      </c>
      <c r="D9" s="68">
        <v>-2</v>
      </c>
      <c r="E9" s="67">
        <v>1</v>
      </c>
      <c r="F9" s="68">
        <v>0</v>
      </c>
      <c r="G9" s="69">
        <v>1</v>
      </c>
      <c r="H9" s="68">
        <v>229</v>
      </c>
      <c r="I9" s="68">
        <v>130</v>
      </c>
      <c r="J9" s="68">
        <v>99</v>
      </c>
      <c r="K9" s="67">
        <v>212</v>
      </c>
      <c r="L9" s="79">
        <v>112</v>
      </c>
      <c r="M9" s="80">
        <v>100</v>
      </c>
    </row>
    <row r="10" spans="1:13">
      <c r="A10" s="15" t="s">
        <v>10</v>
      </c>
      <c r="B10" s="67">
        <v>36</v>
      </c>
      <c r="C10" s="68">
        <v>32</v>
      </c>
      <c r="D10" s="68">
        <v>4</v>
      </c>
      <c r="E10" s="67">
        <v>1</v>
      </c>
      <c r="F10" s="68">
        <v>1</v>
      </c>
      <c r="G10" s="69">
        <v>0</v>
      </c>
      <c r="H10" s="68">
        <v>225</v>
      </c>
      <c r="I10" s="68">
        <v>125</v>
      </c>
      <c r="J10" s="68">
        <v>100</v>
      </c>
      <c r="K10" s="67">
        <v>188</v>
      </c>
      <c r="L10" s="79">
        <v>92</v>
      </c>
      <c r="M10" s="80">
        <v>96</v>
      </c>
    </row>
    <row r="11" spans="1:13">
      <c r="A11" s="15" t="s">
        <v>12</v>
      </c>
      <c r="B11" s="67">
        <v>21</v>
      </c>
      <c r="C11" s="68">
        <v>13</v>
      </c>
      <c r="D11" s="68">
        <v>8</v>
      </c>
      <c r="E11" s="67">
        <v>1</v>
      </c>
      <c r="F11" s="68">
        <v>0</v>
      </c>
      <c r="G11" s="69">
        <v>1</v>
      </c>
      <c r="H11" s="68">
        <v>177</v>
      </c>
      <c r="I11" s="68">
        <v>101</v>
      </c>
      <c r="J11" s="68">
        <v>76</v>
      </c>
      <c r="K11" s="67">
        <v>155</v>
      </c>
      <c r="L11" s="79">
        <v>88</v>
      </c>
      <c r="M11" s="80">
        <v>67</v>
      </c>
    </row>
    <row r="12" spans="1:13" ht="21" customHeight="1">
      <c r="A12" s="36" t="s">
        <v>14</v>
      </c>
      <c r="B12" s="64">
        <v>119</v>
      </c>
      <c r="C12" s="65">
        <v>90</v>
      </c>
      <c r="D12" s="65">
        <v>29</v>
      </c>
      <c r="E12" s="64">
        <v>0</v>
      </c>
      <c r="F12" s="65">
        <v>0</v>
      </c>
      <c r="G12" s="66">
        <v>0</v>
      </c>
      <c r="H12" s="65">
        <v>725</v>
      </c>
      <c r="I12" s="65">
        <v>402</v>
      </c>
      <c r="J12" s="65">
        <v>323</v>
      </c>
      <c r="K12" s="64">
        <v>606</v>
      </c>
      <c r="L12" s="77">
        <v>312</v>
      </c>
      <c r="M12" s="78">
        <v>294</v>
      </c>
    </row>
    <row r="13" spans="1:13">
      <c r="A13" s="15" t="s">
        <v>16</v>
      </c>
      <c r="B13" s="67">
        <v>31</v>
      </c>
      <c r="C13" s="68">
        <v>21</v>
      </c>
      <c r="D13" s="68">
        <v>10</v>
      </c>
      <c r="E13" s="67">
        <v>0</v>
      </c>
      <c r="F13" s="68">
        <v>0</v>
      </c>
      <c r="G13" s="69">
        <v>0</v>
      </c>
      <c r="H13" s="68">
        <v>169</v>
      </c>
      <c r="I13" s="68">
        <v>99</v>
      </c>
      <c r="J13" s="68">
        <v>70</v>
      </c>
      <c r="K13" s="67">
        <v>138</v>
      </c>
      <c r="L13" s="79">
        <v>78</v>
      </c>
      <c r="M13" s="80">
        <v>60</v>
      </c>
    </row>
    <row r="14" spans="1:13">
      <c r="A14" s="15" t="s">
        <v>18</v>
      </c>
      <c r="B14" s="67">
        <v>25</v>
      </c>
      <c r="C14" s="68">
        <v>16</v>
      </c>
      <c r="D14" s="68">
        <v>9</v>
      </c>
      <c r="E14" s="67">
        <v>0</v>
      </c>
      <c r="F14" s="68">
        <v>0</v>
      </c>
      <c r="G14" s="69">
        <v>0</v>
      </c>
      <c r="H14" s="68">
        <v>166</v>
      </c>
      <c r="I14" s="68">
        <v>88</v>
      </c>
      <c r="J14" s="68">
        <v>78</v>
      </c>
      <c r="K14" s="67">
        <v>141</v>
      </c>
      <c r="L14" s="79">
        <v>72</v>
      </c>
      <c r="M14" s="80">
        <v>69</v>
      </c>
    </row>
    <row r="15" spans="1:13">
      <c r="A15" s="15" t="s">
        <v>20</v>
      </c>
      <c r="B15" s="67">
        <v>41</v>
      </c>
      <c r="C15" s="68">
        <v>41</v>
      </c>
      <c r="D15" s="68">
        <v>0</v>
      </c>
      <c r="E15" s="67">
        <v>0</v>
      </c>
      <c r="F15" s="68">
        <v>0</v>
      </c>
      <c r="G15" s="69">
        <v>0</v>
      </c>
      <c r="H15" s="68">
        <v>177</v>
      </c>
      <c r="I15" s="68">
        <v>101</v>
      </c>
      <c r="J15" s="68">
        <v>76</v>
      </c>
      <c r="K15" s="67">
        <v>136</v>
      </c>
      <c r="L15" s="79">
        <v>60</v>
      </c>
      <c r="M15" s="80">
        <v>76</v>
      </c>
    </row>
    <row r="16" spans="1:13">
      <c r="A16" s="15" t="s">
        <v>22</v>
      </c>
      <c r="B16" s="67">
        <v>15</v>
      </c>
      <c r="C16" s="68">
        <v>4</v>
      </c>
      <c r="D16" s="68">
        <v>11</v>
      </c>
      <c r="E16" s="67">
        <v>0</v>
      </c>
      <c r="F16" s="68">
        <v>0</v>
      </c>
      <c r="G16" s="69">
        <v>0</v>
      </c>
      <c r="H16" s="68">
        <v>115</v>
      </c>
      <c r="I16" s="68">
        <v>62</v>
      </c>
      <c r="J16" s="68">
        <v>53</v>
      </c>
      <c r="K16" s="67">
        <v>100</v>
      </c>
      <c r="L16" s="79">
        <v>58</v>
      </c>
      <c r="M16" s="80">
        <v>42</v>
      </c>
    </row>
    <row r="17" spans="1:13">
      <c r="A17" s="15" t="s">
        <v>24</v>
      </c>
      <c r="B17" s="67">
        <v>7</v>
      </c>
      <c r="C17" s="68">
        <v>8</v>
      </c>
      <c r="D17" s="68">
        <v>-1</v>
      </c>
      <c r="E17" s="67">
        <v>0</v>
      </c>
      <c r="F17" s="68">
        <v>0</v>
      </c>
      <c r="G17" s="69">
        <v>0</v>
      </c>
      <c r="H17" s="68">
        <v>98</v>
      </c>
      <c r="I17" s="68">
        <v>52</v>
      </c>
      <c r="J17" s="68">
        <v>46</v>
      </c>
      <c r="K17" s="67">
        <v>91</v>
      </c>
      <c r="L17" s="79">
        <v>44</v>
      </c>
      <c r="M17" s="80">
        <v>47</v>
      </c>
    </row>
    <row r="18" spans="1:13" ht="21" customHeight="1">
      <c r="A18" s="36" t="s">
        <v>26</v>
      </c>
      <c r="B18" s="64">
        <v>84</v>
      </c>
      <c r="C18" s="65">
        <v>19</v>
      </c>
      <c r="D18" s="65">
        <v>65</v>
      </c>
      <c r="E18" s="64">
        <v>1</v>
      </c>
      <c r="F18" s="65">
        <v>0</v>
      </c>
      <c r="G18" s="66">
        <v>1</v>
      </c>
      <c r="H18" s="65">
        <v>412</v>
      </c>
      <c r="I18" s="65">
        <v>209</v>
      </c>
      <c r="J18" s="65">
        <v>203</v>
      </c>
      <c r="K18" s="64">
        <v>327</v>
      </c>
      <c r="L18" s="77">
        <v>190</v>
      </c>
      <c r="M18" s="78">
        <v>137</v>
      </c>
    </row>
    <row r="19" spans="1:13">
      <c r="A19" s="15" t="s">
        <v>28</v>
      </c>
      <c r="B19" s="67">
        <v>20</v>
      </c>
      <c r="C19" s="68">
        <v>5</v>
      </c>
      <c r="D19" s="68">
        <v>15</v>
      </c>
      <c r="E19" s="67">
        <v>0</v>
      </c>
      <c r="F19" s="68">
        <v>0</v>
      </c>
      <c r="G19" s="69">
        <v>0</v>
      </c>
      <c r="H19" s="68">
        <v>89</v>
      </c>
      <c r="I19" s="68">
        <v>46</v>
      </c>
      <c r="J19" s="68">
        <v>43</v>
      </c>
      <c r="K19" s="67">
        <v>69</v>
      </c>
      <c r="L19" s="79">
        <v>41</v>
      </c>
      <c r="M19" s="80">
        <v>28</v>
      </c>
    </row>
    <row r="20" spans="1:13">
      <c r="A20" s="15" t="s">
        <v>30</v>
      </c>
      <c r="B20" s="67">
        <v>11</v>
      </c>
      <c r="C20" s="68">
        <v>10</v>
      </c>
      <c r="D20" s="68">
        <v>1</v>
      </c>
      <c r="E20" s="67">
        <v>0</v>
      </c>
      <c r="F20" s="68">
        <v>0</v>
      </c>
      <c r="G20" s="69">
        <v>0</v>
      </c>
      <c r="H20" s="68">
        <v>64</v>
      </c>
      <c r="I20" s="68">
        <v>42</v>
      </c>
      <c r="J20" s="68">
        <v>22</v>
      </c>
      <c r="K20" s="67">
        <v>53</v>
      </c>
      <c r="L20" s="79">
        <v>32</v>
      </c>
      <c r="M20" s="80">
        <v>21</v>
      </c>
    </row>
    <row r="21" spans="1:13">
      <c r="A21" s="15" t="s">
        <v>32</v>
      </c>
      <c r="B21" s="67">
        <v>12</v>
      </c>
      <c r="C21" s="68">
        <v>-11</v>
      </c>
      <c r="D21" s="68">
        <v>23</v>
      </c>
      <c r="E21" s="67">
        <v>0</v>
      </c>
      <c r="F21" s="68">
        <v>0</v>
      </c>
      <c r="G21" s="69">
        <v>0</v>
      </c>
      <c r="H21" s="68">
        <v>85</v>
      </c>
      <c r="I21" s="68">
        <v>27</v>
      </c>
      <c r="J21" s="68">
        <v>58</v>
      </c>
      <c r="K21" s="67">
        <v>73</v>
      </c>
      <c r="L21" s="79">
        <v>38</v>
      </c>
      <c r="M21" s="80">
        <v>35</v>
      </c>
    </row>
    <row r="22" spans="1:13">
      <c r="A22" s="15" t="s">
        <v>34</v>
      </c>
      <c r="B22" s="67">
        <v>21</v>
      </c>
      <c r="C22" s="68">
        <v>-3</v>
      </c>
      <c r="D22" s="68">
        <v>24</v>
      </c>
      <c r="E22" s="67">
        <v>0</v>
      </c>
      <c r="F22" s="68">
        <v>0</v>
      </c>
      <c r="G22" s="69">
        <v>0</v>
      </c>
      <c r="H22" s="68">
        <v>114</v>
      </c>
      <c r="I22" s="68">
        <v>56</v>
      </c>
      <c r="J22" s="68">
        <v>58</v>
      </c>
      <c r="K22" s="67">
        <v>93</v>
      </c>
      <c r="L22" s="79">
        <v>59</v>
      </c>
      <c r="M22" s="80">
        <v>34</v>
      </c>
    </row>
    <row r="23" spans="1:13">
      <c r="A23" s="15" t="s">
        <v>36</v>
      </c>
      <c r="B23" s="67">
        <v>20</v>
      </c>
      <c r="C23" s="68">
        <v>18</v>
      </c>
      <c r="D23" s="68">
        <v>2</v>
      </c>
      <c r="E23" s="67">
        <v>1</v>
      </c>
      <c r="F23" s="68">
        <v>0</v>
      </c>
      <c r="G23" s="69">
        <v>1</v>
      </c>
      <c r="H23" s="68">
        <v>60</v>
      </c>
      <c r="I23" s="68">
        <v>38</v>
      </c>
      <c r="J23" s="68">
        <v>22</v>
      </c>
      <c r="K23" s="67">
        <v>39</v>
      </c>
      <c r="L23" s="79">
        <v>20</v>
      </c>
      <c r="M23" s="80">
        <v>19</v>
      </c>
    </row>
    <row r="24" spans="1:13" ht="21" customHeight="1">
      <c r="A24" s="36" t="s">
        <v>38</v>
      </c>
      <c r="B24" s="64">
        <v>217</v>
      </c>
      <c r="C24" s="65">
        <v>117</v>
      </c>
      <c r="D24" s="65">
        <v>100</v>
      </c>
      <c r="E24" s="64">
        <v>0</v>
      </c>
      <c r="F24" s="65">
        <v>0</v>
      </c>
      <c r="G24" s="66">
        <v>0</v>
      </c>
      <c r="H24" s="65">
        <v>624</v>
      </c>
      <c r="I24" s="65">
        <v>329</v>
      </c>
      <c r="J24" s="65">
        <v>295</v>
      </c>
      <c r="K24" s="64">
        <v>407</v>
      </c>
      <c r="L24" s="77">
        <v>212</v>
      </c>
      <c r="M24" s="78">
        <v>195</v>
      </c>
    </row>
    <row r="25" spans="1:13">
      <c r="A25" s="15" t="s">
        <v>40</v>
      </c>
      <c r="B25" s="67">
        <v>2</v>
      </c>
      <c r="C25" s="68">
        <v>-1</v>
      </c>
      <c r="D25" s="68">
        <v>3</v>
      </c>
      <c r="E25" s="67">
        <v>0</v>
      </c>
      <c r="F25" s="68">
        <v>0</v>
      </c>
      <c r="G25" s="69">
        <v>0</v>
      </c>
      <c r="H25" s="68">
        <v>63</v>
      </c>
      <c r="I25" s="68">
        <v>37</v>
      </c>
      <c r="J25" s="68">
        <v>26</v>
      </c>
      <c r="K25" s="67">
        <v>61</v>
      </c>
      <c r="L25" s="79">
        <v>38</v>
      </c>
      <c r="M25" s="80">
        <v>23</v>
      </c>
    </row>
    <row r="26" spans="1:13">
      <c r="A26" s="15" t="s">
        <v>42</v>
      </c>
      <c r="B26" s="67">
        <v>14</v>
      </c>
      <c r="C26" s="68">
        <v>10</v>
      </c>
      <c r="D26" s="68">
        <v>4</v>
      </c>
      <c r="E26" s="67">
        <v>0</v>
      </c>
      <c r="F26" s="68">
        <v>0</v>
      </c>
      <c r="G26" s="69">
        <v>0</v>
      </c>
      <c r="H26" s="68">
        <v>89</v>
      </c>
      <c r="I26" s="68">
        <v>48</v>
      </c>
      <c r="J26" s="68">
        <v>41</v>
      </c>
      <c r="K26" s="67">
        <v>75</v>
      </c>
      <c r="L26" s="79">
        <v>38</v>
      </c>
      <c r="M26" s="80">
        <v>37</v>
      </c>
    </row>
    <row r="27" spans="1:13">
      <c r="A27" s="15" t="s">
        <v>44</v>
      </c>
      <c r="B27" s="67">
        <v>8</v>
      </c>
      <c r="C27" s="68">
        <v>17</v>
      </c>
      <c r="D27" s="68">
        <v>-9</v>
      </c>
      <c r="E27" s="67">
        <v>0</v>
      </c>
      <c r="F27" s="68">
        <v>0</v>
      </c>
      <c r="G27" s="69">
        <v>0</v>
      </c>
      <c r="H27" s="68">
        <v>58</v>
      </c>
      <c r="I27" s="68">
        <v>36</v>
      </c>
      <c r="J27" s="68">
        <v>22</v>
      </c>
      <c r="K27" s="67">
        <v>50</v>
      </c>
      <c r="L27" s="79">
        <v>19</v>
      </c>
      <c r="M27" s="80">
        <v>31</v>
      </c>
    </row>
    <row r="28" spans="1:13">
      <c r="A28" s="15" t="s">
        <v>46</v>
      </c>
      <c r="B28" s="67">
        <v>56</v>
      </c>
      <c r="C28" s="68">
        <v>29</v>
      </c>
      <c r="D28" s="68">
        <v>27</v>
      </c>
      <c r="E28" s="67">
        <v>0</v>
      </c>
      <c r="F28" s="68">
        <v>0</v>
      </c>
      <c r="G28" s="69">
        <v>0</v>
      </c>
      <c r="H28" s="68">
        <v>119</v>
      </c>
      <c r="I28" s="68">
        <v>62</v>
      </c>
      <c r="J28" s="68">
        <v>57</v>
      </c>
      <c r="K28" s="67">
        <v>63</v>
      </c>
      <c r="L28" s="79">
        <v>33</v>
      </c>
      <c r="M28" s="80">
        <v>30</v>
      </c>
    </row>
    <row r="29" spans="1:13">
      <c r="A29" s="15" t="s">
        <v>48</v>
      </c>
      <c r="B29" s="67">
        <v>137</v>
      </c>
      <c r="C29" s="68">
        <v>62</v>
      </c>
      <c r="D29" s="68">
        <v>75</v>
      </c>
      <c r="E29" s="67">
        <v>0</v>
      </c>
      <c r="F29" s="68">
        <v>0</v>
      </c>
      <c r="G29" s="69">
        <v>0</v>
      </c>
      <c r="H29" s="68">
        <v>295</v>
      </c>
      <c r="I29" s="68">
        <v>146</v>
      </c>
      <c r="J29" s="68">
        <v>149</v>
      </c>
      <c r="K29" s="67">
        <v>158</v>
      </c>
      <c r="L29" s="79">
        <v>84</v>
      </c>
      <c r="M29" s="80">
        <v>74</v>
      </c>
    </row>
    <row r="30" spans="1:13" ht="21" customHeight="1">
      <c r="A30" s="36" t="s">
        <v>50</v>
      </c>
      <c r="B30" s="64">
        <v>-180</v>
      </c>
      <c r="C30" s="65">
        <v>-182</v>
      </c>
      <c r="D30" s="65">
        <v>2</v>
      </c>
      <c r="E30" s="64">
        <v>8</v>
      </c>
      <c r="F30" s="65">
        <v>7</v>
      </c>
      <c r="G30" s="66">
        <v>1</v>
      </c>
      <c r="H30" s="65">
        <v>2252</v>
      </c>
      <c r="I30" s="65">
        <v>1136</v>
      </c>
      <c r="J30" s="65">
        <v>1116</v>
      </c>
      <c r="K30" s="64">
        <v>2424</v>
      </c>
      <c r="L30" s="77">
        <v>1311</v>
      </c>
      <c r="M30" s="78">
        <v>1113</v>
      </c>
    </row>
    <row r="31" spans="1:13">
      <c r="A31" s="15" t="s">
        <v>52</v>
      </c>
      <c r="B31" s="67">
        <v>39</v>
      </c>
      <c r="C31" s="68">
        <v>18</v>
      </c>
      <c r="D31" s="68">
        <v>21</v>
      </c>
      <c r="E31" s="67">
        <v>1</v>
      </c>
      <c r="F31" s="68">
        <v>1</v>
      </c>
      <c r="G31" s="69">
        <v>0</v>
      </c>
      <c r="H31" s="68">
        <v>215</v>
      </c>
      <c r="I31" s="68">
        <v>116</v>
      </c>
      <c r="J31" s="68">
        <v>99</v>
      </c>
      <c r="K31" s="67">
        <v>175</v>
      </c>
      <c r="L31" s="79">
        <v>97</v>
      </c>
      <c r="M31" s="80">
        <v>78</v>
      </c>
    </row>
    <row r="32" spans="1:13">
      <c r="A32" s="15" t="s">
        <v>54</v>
      </c>
      <c r="B32" s="67">
        <v>111</v>
      </c>
      <c r="C32" s="68">
        <v>61</v>
      </c>
      <c r="D32" s="68">
        <v>50</v>
      </c>
      <c r="E32" s="67">
        <v>1</v>
      </c>
      <c r="F32" s="68">
        <v>0</v>
      </c>
      <c r="G32" s="69">
        <v>1</v>
      </c>
      <c r="H32" s="68">
        <v>352</v>
      </c>
      <c r="I32" s="68">
        <v>186</v>
      </c>
      <c r="J32" s="68">
        <v>166</v>
      </c>
      <c r="K32" s="67">
        <v>240</v>
      </c>
      <c r="L32" s="79">
        <v>125</v>
      </c>
      <c r="M32" s="80">
        <v>115</v>
      </c>
    </row>
    <row r="33" spans="1:13">
      <c r="A33" s="15" t="s">
        <v>56</v>
      </c>
      <c r="B33" s="67">
        <v>1</v>
      </c>
      <c r="C33" s="68">
        <v>-13</v>
      </c>
      <c r="D33" s="68">
        <v>14</v>
      </c>
      <c r="E33" s="67">
        <v>2</v>
      </c>
      <c r="F33" s="68">
        <v>2</v>
      </c>
      <c r="G33" s="69">
        <v>0</v>
      </c>
      <c r="H33" s="68">
        <v>437</v>
      </c>
      <c r="I33" s="68">
        <v>221</v>
      </c>
      <c r="J33" s="68">
        <v>216</v>
      </c>
      <c r="K33" s="67">
        <v>434</v>
      </c>
      <c r="L33" s="79">
        <v>232</v>
      </c>
      <c r="M33" s="80">
        <v>202</v>
      </c>
    </row>
    <row r="34" spans="1:13">
      <c r="A34" s="15" t="s">
        <v>58</v>
      </c>
      <c r="B34" s="67">
        <v>-188</v>
      </c>
      <c r="C34" s="68">
        <v>-132</v>
      </c>
      <c r="D34" s="68">
        <v>-56</v>
      </c>
      <c r="E34" s="67">
        <v>2</v>
      </c>
      <c r="F34" s="68">
        <v>2</v>
      </c>
      <c r="G34" s="69">
        <v>0</v>
      </c>
      <c r="H34" s="68">
        <v>646</v>
      </c>
      <c r="I34" s="68">
        <v>325</v>
      </c>
      <c r="J34" s="68">
        <v>321</v>
      </c>
      <c r="K34" s="67">
        <v>832</v>
      </c>
      <c r="L34" s="79">
        <v>455</v>
      </c>
      <c r="M34" s="80">
        <v>377</v>
      </c>
    </row>
    <row r="35" spans="1:13">
      <c r="A35" s="15" t="s">
        <v>60</v>
      </c>
      <c r="B35" s="67">
        <v>-143</v>
      </c>
      <c r="C35" s="68">
        <v>-116</v>
      </c>
      <c r="D35" s="68">
        <v>-27</v>
      </c>
      <c r="E35" s="67">
        <v>2</v>
      </c>
      <c r="F35" s="68">
        <v>2</v>
      </c>
      <c r="G35" s="69">
        <v>0</v>
      </c>
      <c r="H35" s="68">
        <v>602</v>
      </c>
      <c r="I35" s="68">
        <v>288</v>
      </c>
      <c r="J35" s="68">
        <v>314</v>
      </c>
      <c r="K35" s="67">
        <v>743</v>
      </c>
      <c r="L35" s="79">
        <v>402</v>
      </c>
      <c r="M35" s="80">
        <v>341</v>
      </c>
    </row>
    <row r="36" spans="1:13" ht="21" customHeight="1">
      <c r="A36" s="36" t="s">
        <v>62</v>
      </c>
      <c r="B36" s="64">
        <v>-467</v>
      </c>
      <c r="C36" s="65">
        <v>-206</v>
      </c>
      <c r="D36" s="65">
        <v>-261</v>
      </c>
      <c r="E36" s="64">
        <v>4</v>
      </c>
      <c r="F36" s="65">
        <v>1</v>
      </c>
      <c r="G36" s="66">
        <v>3</v>
      </c>
      <c r="H36" s="65">
        <v>3118</v>
      </c>
      <c r="I36" s="65">
        <v>1565</v>
      </c>
      <c r="J36" s="65">
        <v>1553</v>
      </c>
      <c r="K36" s="64">
        <v>3581</v>
      </c>
      <c r="L36" s="77">
        <v>1770</v>
      </c>
      <c r="M36" s="78">
        <v>1811</v>
      </c>
    </row>
    <row r="37" spans="1:13">
      <c r="A37" s="15" t="s">
        <v>64</v>
      </c>
      <c r="B37" s="67">
        <v>-159</v>
      </c>
      <c r="C37" s="68">
        <v>-109</v>
      </c>
      <c r="D37" s="68">
        <v>-50</v>
      </c>
      <c r="E37" s="67">
        <v>0</v>
      </c>
      <c r="F37" s="68">
        <v>0</v>
      </c>
      <c r="G37" s="69">
        <v>0</v>
      </c>
      <c r="H37" s="68">
        <v>622</v>
      </c>
      <c r="I37" s="68">
        <v>304</v>
      </c>
      <c r="J37" s="68">
        <v>318</v>
      </c>
      <c r="K37" s="67">
        <v>781</v>
      </c>
      <c r="L37" s="79">
        <v>413</v>
      </c>
      <c r="M37" s="80">
        <v>368</v>
      </c>
    </row>
    <row r="38" spans="1:13">
      <c r="A38" s="15" t="s">
        <v>66</v>
      </c>
      <c r="B38" s="67">
        <v>-128</v>
      </c>
      <c r="C38" s="68">
        <v>-50</v>
      </c>
      <c r="D38" s="68">
        <v>-78</v>
      </c>
      <c r="E38" s="67">
        <v>3</v>
      </c>
      <c r="F38" s="68">
        <v>1</v>
      </c>
      <c r="G38" s="69">
        <v>2</v>
      </c>
      <c r="H38" s="68">
        <v>660</v>
      </c>
      <c r="I38" s="68">
        <v>329</v>
      </c>
      <c r="J38" s="68">
        <v>331</v>
      </c>
      <c r="K38" s="67">
        <v>785</v>
      </c>
      <c r="L38" s="79">
        <v>378</v>
      </c>
      <c r="M38" s="80">
        <v>407</v>
      </c>
    </row>
    <row r="39" spans="1:13">
      <c r="A39" s="15" t="s">
        <v>68</v>
      </c>
      <c r="B39" s="67">
        <v>-125</v>
      </c>
      <c r="C39" s="68">
        <v>-46</v>
      </c>
      <c r="D39" s="68">
        <v>-79</v>
      </c>
      <c r="E39" s="67">
        <v>0</v>
      </c>
      <c r="F39" s="68">
        <v>0</v>
      </c>
      <c r="G39" s="69">
        <v>0</v>
      </c>
      <c r="H39" s="68">
        <v>624</v>
      </c>
      <c r="I39" s="68">
        <v>321</v>
      </c>
      <c r="J39" s="68">
        <v>303</v>
      </c>
      <c r="K39" s="67">
        <v>749</v>
      </c>
      <c r="L39" s="79">
        <v>367</v>
      </c>
      <c r="M39" s="80">
        <v>382</v>
      </c>
    </row>
    <row r="40" spans="1:13">
      <c r="A40" s="15" t="s">
        <v>70</v>
      </c>
      <c r="B40" s="67">
        <v>-60</v>
      </c>
      <c r="C40" s="68">
        <v>-15</v>
      </c>
      <c r="D40" s="68">
        <v>-45</v>
      </c>
      <c r="E40" s="67">
        <v>0</v>
      </c>
      <c r="F40" s="68">
        <v>0</v>
      </c>
      <c r="G40" s="69">
        <v>0</v>
      </c>
      <c r="H40" s="68">
        <v>591</v>
      </c>
      <c r="I40" s="68">
        <v>290</v>
      </c>
      <c r="J40" s="68">
        <v>301</v>
      </c>
      <c r="K40" s="67">
        <v>651</v>
      </c>
      <c r="L40" s="79">
        <v>305</v>
      </c>
      <c r="M40" s="80">
        <v>346</v>
      </c>
    </row>
    <row r="41" spans="1:13">
      <c r="A41" s="15" t="s">
        <v>72</v>
      </c>
      <c r="B41" s="67">
        <v>5</v>
      </c>
      <c r="C41" s="68">
        <v>14</v>
      </c>
      <c r="D41" s="68">
        <v>-9</v>
      </c>
      <c r="E41" s="67">
        <v>1</v>
      </c>
      <c r="F41" s="68">
        <v>0</v>
      </c>
      <c r="G41" s="69">
        <v>1</v>
      </c>
      <c r="H41" s="68">
        <v>621</v>
      </c>
      <c r="I41" s="68">
        <v>321</v>
      </c>
      <c r="J41" s="68">
        <v>300</v>
      </c>
      <c r="K41" s="67">
        <v>615</v>
      </c>
      <c r="L41" s="79">
        <v>307</v>
      </c>
      <c r="M41" s="80">
        <v>308</v>
      </c>
    </row>
    <row r="42" spans="1:13" ht="21" customHeight="1">
      <c r="A42" s="36" t="s">
        <v>74</v>
      </c>
      <c r="B42" s="64">
        <v>55</v>
      </c>
      <c r="C42" s="65">
        <v>36</v>
      </c>
      <c r="D42" s="65">
        <v>19</v>
      </c>
      <c r="E42" s="64">
        <v>3</v>
      </c>
      <c r="F42" s="65">
        <v>3</v>
      </c>
      <c r="G42" s="66">
        <v>0</v>
      </c>
      <c r="H42" s="65">
        <v>2389</v>
      </c>
      <c r="I42" s="65">
        <v>1215</v>
      </c>
      <c r="J42" s="65">
        <v>1174</v>
      </c>
      <c r="K42" s="64">
        <v>2331</v>
      </c>
      <c r="L42" s="77">
        <v>1176</v>
      </c>
      <c r="M42" s="78">
        <v>1155</v>
      </c>
    </row>
    <row r="43" spans="1:13">
      <c r="A43" s="15" t="s">
        <v>76</v>
      </c>
      <c r="B43" s="67">
        <v>-4</v>
      </c>
      <c r="C43" s="68">
        <v>3</v>
      </c>
      <c r="D43" s="68">
        <v>-7</v>
      </c>
      <c r="E43" s="67">
        <v>0</v>
      </c>
      <c r="F43" s="68">
        <v>0</v>
      </c>
      <c r="G43" s="69">
        <v>0</v>
      </c>
      <c r="H43" s="68">
        <v>557</v>
      </c>
      <c r="I43" s="68">
        <v>275</v>
      </c>
      <c r="J43" s="68">
        <v>282</v>
      </c>
      <c r="K43" s="67">
        <v>561</v>
      </c>
      <c r="L43" s="79">
        <v>272</v>
      </c>
      <c r="M43" s="80">
        <v>289</v>
      </c>
    </row>
    <row r="44" spans="1:13">
      <c r="A44" s="15" t="s">
        <v>78</v>
      </c>
      <c r="B44" s="67">
        <v>-34</v>
      </c>
      <c r="C44" s="68">
        <v>-30</v>
      </c>
      <c r="D44" s="68">
        <v>-4</v>
      </c>
      <c r="E44" s="67">
        <v>1</v>
      </c>
      <c r="F44" s="68">
        <v>1</v>
      </c>
      <c r="G44" s="69">
        <v>0</v>
      </c>
      <c r="H44" s="68">
        <v>490</v>
      </c>
      <c r="I44" s="68">
        <v>229</v>
      </c>
      <c r="J44" s="68">
        <v>261</v>
      </c>
      <c r="K44" s="67">
        <v>523</v>
      </c>
      <c r="L44" s="79">
        <v>258</v>
      </c>
      <c r="M44" s="80">
        <v>265</v>
      </c>
    </row>
    <row r="45" spans="1:13">
      <c r="A45" s="15" t="s">
        <v>80</v>
      </c>
      <c r="B45" s="67">
        <v>35</v>
      </c>
      <c r="C45" s="68">
        <v>15</v>
      </c>
      <c r="D45" s="68">
        <v>20</v>
      </c>
      <c r="E45" s="67">
        <v>1</v>
      </c>
      <c r="F45" s="68">
        <v>1</v>
      </c>
      <c r="G45" s="69">
        <v>0</v>
      </c>
      <c r="H45" s="68">
        <v>489</v>
      </c>
      <c r="I45" s="68">
        <v>247</v>
      </c>
      <c r="J45" s="68">
        <v>242</v>
      </c>
      <c r="K45" s="67">
        <v>453</v>
      </c>
      <c r="L45" s="79">
        <v>231</v>
      </c>
      <c r="M45" s="80">
        <v>222</v>
      </c>
    </row>
    <row r="46" spans="1:13">
      <c r="A46" s="15" t="s">
        <v>82</v>
      </c>
      <c r="B46" s="67">
        <v>47</v>
      </c>
      <c r="C46" s="68">
        <v>19</v>
      </c>
      <c r="D46" s="68">
        <v>28</v>
      </c>
      <c r="E46" s="67">
        <v>1</v>
      </c>
      <c r="F46" s="68">
        <v>1</v>
      </c>
      <c r="G46" s="69">
        <v>0</v>
      </c>
      <c r="H46" s="68">
        <v>450</v>
      </c>
      <c r="I46" s="68">
        <v>239</v>
      </c>
      <c r="J46" s="68">
        <v>211</v>
      </c>
      <c r="K46" s="67">
        <v>402</v>
      </c>
      <c r="L46" s="79">
        <v>219</v>
      </c>
      <c r="M46" s="80">
        <v>183</v>
      </c>
    </row>
    <row r="47" spans="1:13">
      <c r="A47" s="15" t="s">
        <v>84</v>
      </c>
      <c r="B47" s="67">
        <v>11</v>
      </c>
      <c r="C47" s="68">
        <v>29</v>
      </c>
      <c r="D47" s="68">
        <v>-18</v>
      </c>
      <c r="E47" s="67">
        <v>0</v>
      </c>
      <c r="F47" s="68">
        <v>0</v>
      </c>
      <c r="G47" s="69">
        <v>0</v>
      </c>
      <c r="H47" s="68">
        <v>403</v>
      </c>
      <c r="I47" s="68">
        <v>225</v>
      </c>
      <c r="J47" s="68">
        <v>178</v>
      </c>
      <c r="K47" s="67">
        <v>392</v>
      </c>
      <c r="L47" s="79">
        <v>196</v>
      </c>
      <c r="M47" s="80">
        <v>196</v>
      </c>
    </row>
    <row r="48" spans="1:13" ht="21" customHeight="1">
      <c r="A48" s="36" t="s">
        <v>86</v>
      </c>
      <c r="B48" s="64">
        <v>83</v>
      </c>
      <c r="C48" s="65">
        <v>67</v>
      </c>
      <c r="D48" s="65">
        <v>16</v>
      </c>
      <c r="E48" s="64">
        <v>13</v>
      </c>
      <c r="F48" s="65">
        <v>8</v>
      </c>
      <c r="G48" s="66">
        <v>5</v>
      </c>
      <c r="H48" s="65">
        <v>1625</v>
      </c>
      <c r="I48" s="65">
        <v>856</v>
      </c>
      <c r="J48" s="65">
        <v>769</v>
      </c>
      <c r="K48" s="64">
        <v>1529</v>
      </c>
      <c r="L48" s="77">
        <v>781</v>
      </c>
      <c r="M48" s="78">
        <v>748</v>
      </c>
    </row>
    <row r="49" spans="1:13">
      <c r="A49" s="15" t="s">
        <v>88</v>
      </c>
      <c r="B49" s="67">
        <v>42</v>
      </c>
      <c r="C49" s="68">
        <v>20</v>
      </c>
      <c r="D49" s="68">
        <v>22</v>
      </c>
      <c r="E49" s="67">
        <v>1</v>
      </c>
      <c r="F49" s="68">
        <v>0</v>
      </c>
      <c r="G49" s="69">
        <v>1</v>
      </c>
      <c r="H49" s="68">
        <v>383</v>
      </c>
      <c r="I49" s="68">
        <v>192</v>
      </c>
      <c r="J49" s="68">
        <v>191</v>
      </c>
      <c r="K49" s="67">
        <v>340</v>
      </c>
      <c r="L49" s="79">
        <v>172</v>
      </c>
      <c r="M49" s="80">
        <v>168</v>
      </c>
    </row>
    <row r="50" spans="1:13">
      <c r="A50" s="15" t="s">
        <v>90</v>
      </c>
      <c r="B50" s="67">
        <v>-5</v>
      </c>
      <c r="C50" s="68">
        <v>9</v>
      </c>
      <c r="D50" s="68">
        <v>-14</v>
      </c>
      <c r="E50" s="67">
        <v>2</v>
      </c>
      <c r="F50" s="68">
        <v>2</v>
      </c>
      <c r="G50" s="69">
        <v>0</v>
      </c>
      <c r="H50" s="68">
        <v>336</v>
      </c>
      <c r="I50" s="68">
        <v>175</v>
      </c>
      <c r="J50" s="68">
        <v>161</v>
      </c>
      <c r="K50" s="67">
        <v>339</v>
      </c>
      <c r="L50" s="79">
        <v>164</v>
      </c>
      <c r="M50" s="80">
        <v>175</v>
      </c>
    </row>
    <row r="51" spans="1:13">
      <c r="A51" s="15" t="s">
        <v>92</v>
      </c>
      <c r="B51" s="67">
        <v>8</v>
      </c>
      <c r="C51" s="68">
        <v>13</v>
      </c>
      <c r="D51" s="68">
        <v>-5</v>
      </c>
      <c r="E51" s="67">
        <v>4</v>
      </c>
      <c r="F51" s="68">
        <v>2</v>
      </c>
      <c r="G51" s="69">
        <v>2</v>
      </c>
      <c r="H51" s="68">
        <v>320</v>
      </c>
      <c r="I51" s="68">
        <v>178</v>
      </c>
      <c r="J51" s="68">
        <v>142</v>
      </c>
      <c r="K51" s="67">
        <v>308</v>
      </c>
      <c r="L51" s="79">
        <v>163</v>
      </c>
      <c r="M51" s="80">
        <v>145</v>
      </c>
    </row>
    <row r="52" spans="1:13">
      <c r="A52" s="15" t="s">
        <v>94</v>
      </c>
      <c r="B52" s="67">
        <v>37</v>
      </c>
      <c r="C52" s="68">
        <v>30</v>
      </c>
      <c r="D52" s="68">
        <v>7</v>
      </c>
      <c r="E52" s="67">
        <v>4</v>
      </c>
      <c r="F52" s="68">
        <v>3</v>
      </c>
      <c r="G52" s="69">
        <v>1</v>
      </c>
      <c r="H52" s="68">
        <v>314</v>
      </c>
      <c r="I52" s="68">
        <v>165</v>
      </c>
      <c r="J52" s="68">
        <v>149</v>
      </c>
      <c r="K52" s="67">
        <v>273</v>
      </c>
      <c r="L52" s="79">
        <v>132</v>
      </c>
      <c r="M52" s="80">
        <v>141</v>
      </c>
    </row>
    <row r="53" spans="1:13">
      <c r="A53" s="15" t="s">
        <v>96</v>
      </c>
      <c r="B53" s="67">
        <v>1</v>
      </c>
      <c r="C53" s="68">
        <v>-5</v>
      </c>
      <c r="D53" s="68">
        <v>6</v>
      </c>
      <c r="E53" s="67">
        <v>2</v>
      </c>
      <c r="F53" s="68">
        <v>1</v>
      </c>
      <c r="G53" s="69">
        <v>1</v>
      </c>
      <c r="H53" s="68">
        <v>272</v>
      </c>
      <c r="I53" s="68">
        <v>146</v>
      </c>
      <c r="J53" s="68">
        <v>126</v>
      </c>
      <c r="K53" s="67">
        <v>269</v>
      </c>
      <c r="L53" s="79">
        <v>150</v>
      </c>
      <c r="M53" s="80">
        <v>119</v>
      </c>
    </row>
    <row r="54" spans="1:13" ht="21" customHeight="1">
      <c r="A54" s="36" t="s">
        <v>98</v>
      </c>
      <c r="B54" s="64">
        <v>130</v>
      </c>
      <c r="C54" s="65">
        <v>63</v>
      </c>
      <c r="D54" s="65">
        <v>67</v>
      </c>
      <c r="E54" s="64">
        <v>10</v>
      </c>
      <c r="F54" s="65">
        <v>7</v>
      </c>
      <c r="G54" s="66">
        <v>3</v>
      </c>
      <c r="H54" s="65">
        <v>1154</v>
      </c>
      <c r="I54" s="65">
        <v>623</v>
      </c>
      <c r="J54" s="65">
        <v>531</v>
      </c>
      <c r="K54" s="64">
        <v>1014</v>
      </c>
      <c r="L54" s="77">
        <v>553</v>
      </c>
      <c r="M54" s="78">
        <v>461</v>
      </c>
    </row>
    <row r="55" spans="1:13">
      <c r="A55" s="15" t="s">
        <v>100</v>
      </c>
      <c r="B55" s="67">
        <v>51</v>
      </c>
      <c r="C55" s="68">
        <v>23</v>
      </c>
      <c r="D55" s="68">
        <v>28</v>
      </c>
      <c r="E55" s="67">
        <v>1</v>
      </c>
      <c r="F55" s="68">
        <v>1</v>
      </c>
      <c r="G55" s="69">
        <v>0</v>
      </c>
      <c r="H55" s="68">
        <v>278</v>
      </c>
      <c r="I55" s="68">
        <v>138</v>
      </c>
      <c r="J55" s="68">
        <v>140</v>
      </c>
      <c r="K55" s="67">
        <v>226</v>
      </c>
      <c r="L55" s="79">
        <v>114</v>
      </c>
      <c r="M55" s="80">
        <v>112</v>
      </c>
    </row>
    <row r="56" spans="1:13">
      <c r="A56" s="15" t="s">
        <v>102</v>
      </c>
      <c r="B56" s="67">
        <v>3</v>
      </c>
      <c r="C56" s="68">
        <v>-2</v>
      </c>
      <c r="D56" s="68">
        <v>5</v>
      </c>
      <c r="E56" s="67">
        <v>2</v>
      </c>
      <c r="F56" s="68">
        <v>1</v>
      </c>
      <c r="G56" s="69">
        <v>1</v>
      </c>
      <c r="H56" s="68">
        <v>227</v>
      </c>
      <c r="I56" s="68">
        <v>121</v>
      </c>
      <c r="J56" s="68">
        <v>106</v>
      </c>
      <c r="K56" s="67">
        <v>222</v>
      </c>
      <c r="L56" s="79">
        <v>122</v>
      </c>
      <c r="M56" s="80">
        <v>100</v>
      </c>
    </row>
    <row r="57" spans="1:13">
      <c r="A57" s="15" t="s">
        <v>104</v>
      </c>
      <c r="B57" s="67">
        <v>42</v>
      </c>
      <c r="C57" s="68">
        <v>35</v>
      </c>
      <c r="D57" s="68">
        <v>7</v>
      </c>
      <c r="E57" s="67">
        <v>4</v>
      </c>
      <c r="F57" s="68">
        <v>4</v>
      </c>
      <c r="G57" s="69">
        <v>0</v>
      </c>
      <c r="H57" s="68">
        <v>237</v>
      </c>
      <c r="I57" s="68">
        <v>130</v>
      </c>
      <c r="J57" s="68">
        <v>107</v>
      </c>
      <c r="K57" s="67">
        <v>191</v>
      </c>
      <c r="L57" s="79">
        <v>91</v>
      </c>
      <c r="M57" s="80">
        <v>100</v>
      </c>
    </row>
    <row r="58" spans="1:13">
      <c r="A58" s="15" t="s">
        <v>106</v>
      </c>
      <c r="B58" s="67">
        <v>21</v>
      </c>
      <c r="C58" s="68">
        <v>2</v>
      </c>
      <c r="D58" s="68">
        <v>19</v>
      </c>
      <c r="E58" s="67">
        <v>2</v>
      </c>
      <c r="F58" s="68">
        <v>0</v>
      </c>
      <c r="G58" s="69">
        <v>2</v>
      </c>
      <c r="H58" s="68">
        <v>214</v>
      </c>
      <c r="I58" s="68">
        <v>124</v>
      </c>
      <c r="J58" s="68">
        <v>90</v>
      </c>
      <c r="K58" s="67">
        <v>191</v>
      </c>
      <c r="L58" s="79">
        <v>122</v>
      </c>
      <c r="M58" s="80">
        <v>69</v>
      </c>
    </row>
    <row r="59" spans="1:13">
      <c r="A59" s="15" t="s">
        <v>108</v>
      </c>
      <c r="B59" s="67">
        <v>13</v>
      </c>
      <c r="C59" s="68">
        <v>5</v>
      </c>
      <c r="D59" s="68">
        <v>8</v>
      </c>
      <c r="E59" s="67">
        <v>1</v>
      </c>
      <c r="F59" s="68">
        <v>1</v>
      </c>
      <c r="G59" s="69">
        <v>0</v>
      </c>
      <c r="H59" s="68">
        <v>198</v>
      </c>
      <c r="I59" s="68">
        <v>110</v>
      </c>
      <c r="J59" s="68">
        <v>88</v>
      </c>
      <c r="K59" s="67">
        <v>184</v>
      </c>
      <c r="L59" s="79">
        <v>104</v>
      </c>
      <c r="M59" s="80">
        <v>80</v>
      </c>
    </row>
    <row r="60" spans="1:13" ht="21" customHeight="1">
      <c r="A60" s="36" t="s">
        <v>110</v>
      </c>
      <c r="B60" s="64">
        <v>-3</v>
      </c>
      <c r="C60" s="65">
        <v>10</v>
      </c>
      <c r="D60" s="65">
        <v>-13</v>
      </c>
      <c r="E60" s="64">
        <v>29</v>
      </c>
      <c r="F60" s="65">
        <v>14</v>
      </c>
      <c r="G60" s="66">
        <v>15</v>
      </c>
      <c r="H60" s="65">
        <v>810</v>
      </c>
      <c r="I60" s="65">
        <v>440</v>
      </c>
      <c r="J60" s="65">
        <v>370</v>
      </c>
      <c r="K60" s="64">
        <v>784</v>
      </c>
      <c r="L60" s="77">
        <v>416</v>
      </c>
      <c r="M60" s="78">
        <v>368</v>
      </c>
    </row>
    <row r="61" spans="1:13">
      <c r="A61" s="15" t="s">
        <v>112</v>
      </c>
      <c r="B61" s="67">
        <v>48</v>
      </c>
      <c r="C61" s="68">
        <v>30</v>
      </c>
      <c r="D61" s="68">
        <v>18</v>
      </c>
      <c r="E61" s="67">
        <v>4</v>
      </c>
      <c r="F61" s="68">
        <v>3</v>
      </c>
      <c r="G61" s="69">
        <v>1</v>
      </c>
      <c r="H61" s="68">
        <v>203</v>
      </c>
      <c r="I61" s="68">
        <v>104</v>
      </c>
      <c r="J61" s="68">
        <v>99</v>
      </c>
      <c r="K61" s="67">
        <v>151</v>
      </c>
      <c r="L61" s="79">
        <v>71</v>
      </c>
      <c r="M61" s="80">
        <v>80</v>
      </c>
    </row>
    <row r="62" spans="1:13">
      <c r="A62" s="15" t="s">
        <v>114</v>
      </c>
      <c r="B62" s="67">
        <v>-6</v>
      </c>
      <c r="C62" s="68">
        <v>-2</v>
      </c>
      <c r="D62" s="68">
        <v>-4</v>
      </c>
      <c r="E62" s="67">
        <v>6</v>
      </c>
      <c r="F62" s="68">
        <v>3</v>
      </c>
      <c r="G62" s="69">
        <v>3</v>
      </c>
      <c r="H62" s="68">
        <v>151</v>
      </c>
      <c r="I62" s="68">
        <v>88</v>
      </c>
      <c r="J62" s="68">
        <v>63</v>
      </c>
      <c r="K62" s="67">
        <v>151</v>
      </c>
      <c r="L62" s="79">
        <v>87</v>
      </c>
      <c r="M62" s="80">
        <v>64</v>
      </c>
    </row>
    <row r="63" spans="1:13">
      <c r="A63" s="15" t="s">
        <v>116</v>
      </c>
      <c r="B63" s="67">
        <v>-14</v>
      </c>
      <c r="C63" s="68">
        <v>-10</v>
      </c>
      <c r="D63" s="68">
        <v>-4</v>
      </c>
      <c r="E63" s="67">
        <v>8</v>
      </c>
      <c r="F63" s="68">
        <v>5</v>
      </c>
      <c r="G63" s="69">
        <v>3</v>
      </c>
      <c r="H63" s="68">
        <v>162</v>
      </c>
      <c r="I63" s="68">
        <v>86</v>
      </c>
      <c r="J63" s="68">
        <v>76</v>
      </c>
      <c r="K63" s="67">
        <v>168</v>
      </c>
      <c r="L63" s="79">
        <v>91</v>
      </c>
      <c r="M63" s="80">
        <v>77</v>
      </c>
    </row>
    <row r="64" spans="1:13">
      <c r="A64" s="15" t="s">
        <v>118</v>
      </c>
      <c r="B64" s="67">
        <v>-7</v>
      </c>
      <c r="C64" s="68">
        <v>3</v>
      </c>
      <c r="D64" s="68">
        <v>-10</v>
      </c>
      <c r="E64" s="67">
        <v>3</v>
      </c>
      <c r="F64" s="68">
        <v>1</v>
      </c>
      <c r="G64" s="69">
        <v>2</v>
      </c>
      <c r="H64" s="68">
        <v>150</v>
      </c>
      <c r="I64" s="68">
        <v>86</v>
      </c>
      <c r="J64" s="68">
        <v>64</v>
      </c>
      <c r="K64" s="67">
        <v>154</v>
      </c>
      <c r="L64" s="79">
        <v>82</v>
      </c>
      <c r="M64" s="80">
        <v>72</v>
      </c>
    </row>
    <row r="65" spans="1:13">
      <c r="A65" s="19" t="s">
        <v>120</v>
      </c>
      <c r="B65" s="70">
        <v>-24</v>
      </c>
      <c r="C65" s="71">
        <v>-11</v>
      </c>
      <c r="D65" s="71">
        <v>-13</v>
      </c>
      <c r="E65" s="70">
        <v>8</v>
      </c>
      <c r="F65" s="71">
        <v>2</v>
      </c>
      <c r="G65" s="72">
        <v>6</v>
      </c>
      <c r="H65" s="71">
        <v>144</v>
      </c>
      <c r="I65" s="71">
        <v>76</v>
      </c>
      <c r="J65" s="71">
        <v>68</v>
      </c>
      <c r="K65" s="70">
        <v>160</v>
      </c>
      <c r="L65" s="81">
        <v>85</v>
      </c>
      <c r="M65" s="82">
        <v>7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927</v>
      </c>
      <c r="C69" s="50">
        <v>968</v>
      </c>
      <c r="D69" s="84">
        <v>959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5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31</v>
      </c>
      <c r="C75" s="65">
        <v>-69</v>
      </c>
      <c r="D75" s="65">
        <v>-62</v>
      </c>
      <c r="E75" s="64">
        <v>29</v>
      </c>
      <c r="F75" s="65">
        <v>15</v>
      </c>
      <c r="G75" s="66">
        <v>14</v>
      </c>
      <c r="H75" s="65">
        <v>775</v>
      </c>
      <c r="I75" s="65">
        <v>399</v>
      </c>
      <c r="J75" s="65">
        <v>376</v>
      </c>
      <c r="K75" s="64">
        <v>877</v>
      </c>
      <c r="L75" s="77">
        <v>453</v>
      </c>
      <c r="M75" s="78">
        <v>424</v>
      </c>
    </row>
    <row r="76" spans="1:13">
      <c r="A76" s="27" t="s">
        <v>5</v>
      </c>
      <c r="B76" s="67">
        <v>-18</v>
      </c>
      <c r="C76" s="68">
        <v>-7</v>
      </c>
      <c r="D76" s="68">
        <v>-11</v>
      </c>
      <c r="E76" s="67">
        <v>4</v>
      </c>
      <c r="F76" s="68">
        <v>1</v>
      </c>
      <c r="G76" s="69">
        <v>3</v>
      </c>
      <c r="H76" s="68">
        <v>172</v>
      </c>
      <c r="I76" s="68">
        <v>92</v>
      </c>
      <c r="J76" s="68">
        <v>80</v>
      </c>
      <c r="K76" s="67">
        <v>186</v>
      </c>
      <c r="L76" s="79">
        <v>98</v>
      </c>
      <c r="M76" s="80">
        <v>88</v>
      </c>
    </row>
    <row r="77" spans="1:13">
      <c r="A77" s="27" t="s">
        <v>7</v>
      </c>
      <c r="B77" s="67">
        <v>10</v>
      </c>
      <c r="C77" s="68">
        <v>12</v>
      </c>
      <c r="D77" s="68">
        <v>-2</v>
      </c>
      <c r="E77" s="67">
        <v>4</v>
      </c>
      <c r="F77" s="68">
        <v>1</v>
      </c>
      <c r="G77" s="69">
        <v>3</v>
      </c>
      <c r="H77" s="68">
        <v>175</v>
      </c>
      <c r="I77" s="68">
        <v>92</v>
      </c>
      <c r="J77" s="68">
        <v>83</v>
      </c>
      <c r="K77" s="67">
        <v>161</v>
      </c>
      <c r="L77" s="79">
        <v>79</v>
      </c>
      <c r="M77" s="80">
        <v>82</v>
      </c>
    </row>
    <row r="78" spans="1:13">
      <c r="A78" s="27" t="s">
        <v>9</v>
      </c>
      <c r="B78" s="67">
        <v>-47</v>
      </c>
      <c r="C78" s="68">
        <v>-17</v>
      </c>
      <c r="D78" s="68">
        <v>-30</v>
      </c>
      <c r="E78" s="67">
        <v>7</v>
      </c>
      <c r="F78" s="68">
        <v>3</v>
      </c>
      <c r="G78" s="69">
        <v>4</v>
      </c>
      <c r="H78" s="68">
        <v>141</v>
      </c>
      <c r="I78" s="68">
        <v>76</v>
      </c>
      <c r="J78" s="68">
        <v>65</v>
      </c>
      <c r="K78" s="67">
        <v>181</v>
      </c>
      <c r="L78" s="79">
        <v>90</v>
      </c>
      <c r="M78" s="80">
        <v>91</v>
      </c>
    </row>
    <row r="79" spans="1:13">
      <c r="A79" s="27" t="s">
        <v>11</v>
      </c>
      <c r="B79" s="67">
        <v>-44</v>
      </c>
      <c r="C79" s="68">
        <v>-33</v>
      </c>
      <c r="D79" s="68">
        <v>-11</v>
      </c>
      <c r="E79" s="67">
        <v>8</v>
      </c>
      <c r="F79" s="68">
        <v>6</v>
      </c>
      <c r="G79" s="69">
        <v>2</v>
      </c>
      <c r="H79" s="68">
        <v>142</v>
      </c>
      <c r="I79" s="68">
        <v>68</v>
      </c>
      <c r="J79" s="68">
        <v>74</v>
      </c>
      <c r="K79" s="67">
        <v>178</v>
      </c>
      <c r="L79" s="79">
        <v>95</v>
      </c>
      <c r="M79" s="80">
        <v>83</v>
      </c>
    </row>
    <row r="80" spans="1:13">
      <c r="A80" s="27" t="s">
        <v>13</v>
      </c>
      <c r="B80" s="67">
        <v>-32</v>
      </c>
      <c r="C80" s="68">
        <v>-24</v>
      </c>
      <c r="D80" s="68">
        <v>-8</v>
      </c>
      <c r="E80" s="67">
        <v>6</v>
      </c>
      <c r="F80" s="68">
        <v>4</v>
      </c>
      <c r="G80" s="69">
        <v>2</v>
      </c>
      <c r="H80" s="68">
        <v>145</v>
      </c>
      <c r="I80" s="68">
        <v>71</v>
      </c>
      <c r="J80" s="68">
        <v>74</v>
      </c>
      <c r="K80" s="67">
        <v>171</v>
      </c>
      <c r="L80" s="79">
        <v>91</v>
      </c>
      <c r="M80" s="80">
        <v>80</v>
      </c>
    </row>
    <row r="81" spans="1:13" ht="21" customHeight="1">
      <c r="A81" s="38" t="s">
        <v>15</v>
      </c>
      <c r="B81" s="64">
        <v>-168</v>
      </c>
      <c r="C81" s="65">
        <v>-70</v>
      </c>
      <c r="D81" s="65">
        <v>-98</v>
      </c>
      <c r="E81" s="64">
        <v>60</v>
      </c>
      <c r="F81" s="65">
        <v>36</v>
      </c>
      <c r="G81" s="66">
        <v>24</v>
      </c>
      <c r="H81" s="65">
        <v>549</v>
      </c>
      <c r="I81" s="65">
        <v>307</v>
      </c>
      <c r="J81" s="65">
        <v>242</v>
      </c>
      <c r="K81" s="64">
        <v>657</v>
      </c>
      <c r="L81" s="77">
        <v>341</v>
      </c>
      <c r="M81" s="78">
        <v>316</v>
      </c>
    </row>
    <row r="82" spans="1:13">
      <c r="A82" s="27" t="s">
        <v>17</v>
      </c>
      <c r="B82" s="67">
        <v>-45</v>
      </c>
      <c r="C82" s="68">
        <v>-12</v>
      </c>
      <c r="D82" s="68">
        <v>-33</v>
      </c>
      <c r="E82" s="67">
        <v>13</v>
      </c>
      <c r="F82" s="68">
        <v>9</v>
      </c>
      <c r="G82" s="69">
        <v>4</v>
      </c>
      <c r="H82" s="68">
        <v>124</v>
      </c>
      <c r="I82" s="68">
        <v>70</v>
      </c>
      <c r="J82" s="68">
        <v>54</v>
      </c>
      <c r="K82" s="67">
        <v>156</v>
      </c>
      <c r="L82" s="79">
        <v>73</v>
      </c>
      <c r="M82" s="80">
        <v>83</v>
      </c>
    </row>
    <row r="83" spans="1:13">
      <c r="A83" s="27" t="s">
        <v>19</v>
      </c>
      <c r="B83" s="67">
        <v>-19</v>
      </c>
      <c r="C83" s="68">
        <v>-12</v>
      </c>
      <c r="D83" s="68">
        <v>-7</v>
      </c>
      <c r="E83" s="67">
        <v>10</v>
      </c>
      <c r="F83" s="68">
        <v>5</v>
      </c>
      <c r="G83" s="69">
        <v>5</v>
      </c>
      <c r="H83" s="68">
        <v>94</v>
      </c>
      <c r="I83" s="68">
        <v>51</v>
      </c>
      <c r="J83" s="68">
        <v>43</v>
      </c>
      <c r="K83" s="67">
        <v>103</v>
      </c>
      <c r="L83" s="79">
        <v>58</v>
      </c>
      <c r="M83" s="80">
        <v>45</v>
      </c>
    </row>
    <row r="84" spans="1:13">
      <c r="A84" s="27" t="s">
        <v>21</v>
      </c>
      <c r="B84" s="67">
        <v>-30</v>
      </c>
      <c r="C84" s="68">
        <v>-13</v>
      </c>
      <c r="D84" s="68">
        <v>-17</v>
      </c>
      <c r="E84" s="67">
        <v>13</v>
      </c>
      <c r="F84" s="68">
        <v>8</v>
      </c>
      <c r="G84" s="69">
        <v>5</v>
      </c>
      <c r="H84" s="68">
        <v>125</v>
      </c>
      <c r="I84" s="68">
        <v>71</v>
      </c>
      <c r="J84" s="68">
        <v>54</v>
      </c>
      <c r="K84" s="67">
        <v>142</v>
      </c>
      <c r="L84" s="79">
        <v>76</v>
      </c>
      <c r="M84" s="80">
        <v>66</v>
      </c>
    </row>
    <row r="85" spans="1:13">
      <c r="A85" s="27" t="s">
        <v>23</v>
      </c>
      <c r="B85" s="67">
        <v>-45</v>
      </c>
      <c r="C85" s="68">
        <v>-28</v>
      </c>
      <c r="D85" s="68">
        <v>-17</v>
      </c>
      <c r="E85" s="67">
        <v>15</v>
      </c>
      <c r="F85" s="68">
        <v>10</v>
      </c>
      <c r="G85" s="69">
        <v>5</v>
      </c>
      <c r="H85" s="68">
        <v>106</v>
      </c>
      <c r="I85" s="68">
        <v>51</v>
      </c>
      <c r="J85" s="68">
        <v>55</v>
      </c>
      <c r="K85" s="67">
        <v>136</v>
      </c>
      <c r="L85" s="79">
        <v>69</v>
      </c>
      <c r="M85" s="80">
        <v>67</v>
      </c>
    </row>
    <row r="86" spans="1:13">
      <c r="A86" s="27" t="s">
        <v>25</v>
      </c>
      <c r="B86" s="67">
        <v>-29</v>
      </c>
      <c r="C86" s="68">
        <v>-5</v>
      </c>
      <c r="D86" s="68">
        <v>-24</v>
      </c>
      <c r="E86" s="67">
        <v>9</v>
      </c>
      <c r="F86" s="68">
        <v>4</v>
      </c>
      <c r="G86" s="69">
        <v>5</v>
      </c>
      <c r="H86" s="68">
        <v>100</v>
      </c>
      <c r="I86" s="68">
        <v>64</v>
      </c>
      <c r="J86" s="68">
        <v>36</v>
      </c>
      <c r="K86" s="67">
        <v>120</v>
      </c>
      <c r="L86" s="79">
        <v>65</v>
      </c>
      <c r="M86" s="80">
        <v>55</v>
      </c>
    </row>
    <row r="87" spans="1:13" ht="21" customHeight="1">
      <c r="A87" s="38" t="s">
        <v>27</v>
      </c>
      <c r="B87" s="64">
        <v>-156</v>
      </c>
      <c r="C87" s="65">
        <v>-103</v>
      </c>
      <c r="D87" s="65">
        <v>-53</v>
      </c>
      <c r="E87" s="64">
        <v>83</v>
      </c>
      <c r="F87" s="65">
        <v>60</v>
      </c>
      <c r="G87" s="66">
        <v>23</v>
      </c>
      <c r="H87" s="65">
        <v>345</v>
      </c>
      <c r="I87" s="65">
        <v>197</v>
      </c>
      <c r="J87" s="65">
        <v>148</v>
      </c>
      <c r="K87" s="64">
        <v>418</v>
      </c>
      <c r="L87" s="77">
        <v>240</v>
      </c>
      <c r="M87" s="78">
        <v>178</v>
      </c>
    </row>
    <row r="88" spans="1:13">
      <c r="A88" s="27" t="s">
        <v>29</v>
      </c>
      <c r="B88" s="67">
        <v>-30</v>
      </c>
      <c r="C88" s="68">
        <v>-14</v>
      </c>
      <c r="D88" s="68">
        <v>-16</v>
      </c>
      <c r="E88" s="67">
        <v>13</v>
      </c>
      <c r="F88" s="68">
        <v>10</v>
      </c>
      <c r="G88" s="69">
        <v>3</v>
      </c>
      <c r="H88" s="68">
        <v>91</v>
      </c>
      <c r="I88" s="68">
        <v>63</v>
      </c>
      <c r="J88" s="68">
        <v>28</v>
      </c>
      <c r="K88" s="67">
        <v>108</v>
      </c>
      <c r="L88" s="79">
        <v>67</v>
      </c>
      <c r="M88" s="80">
        <v>41</v>
      </c>
    </row>
    <row r="89" spans="1:13">
      <c r="A89" s="27" t="s">
        <v>31</v>
      </c>
      <c r="B89" s="67">
        <v>-46</v>
      </c>
      <c r="C89" s="68">
        <v>-32</v>
      </c>
      <c r="D89" s="68">
        <v>-14</v>
      </c>
      <c r="E89" s="67">
        <v>18</v>
      </c>
      <c r="F89" s="68">
        <v>14</v>
      </c>
      <c r="G89" s="69">
        <v>4</v>
      </c>
      <c r="H89" s="68">
        <v>69</v>
      </c>
      <c r="I89" s="68">
        <v>41</v>
      </c>
      <c r="J89" s="68">
        <v>28</v>
      </c>
      <c r="K89" s="67">
        <v>97</v>
      </c>
      <c r="L89" s="79">
        <v>59</v>
      </c>
      <c r="M89" s="80">
        <v>38</v>
      </c>
    </row>
    <row r="90" spans="1:13">
      <c r="A90" s="27" t="s">
        <v>33</v>
      </c>
      <c r="B90" s="67">
        <v>-19</v>
      </c>
      <c r="C90" s="68">
        <v>-20</v>
      </c>
      <c r="D90" s="68">
        <v>1</v>
      </c>
      <c r="E90" s="67">
        <v>10</v>
      </c>
      <c r="F90" s="68">
        <v>5</v>
      </c>
      <c r="G90" s="69">
        <v>5</v>
      </c>
      <c r="H90" s="68">
        <v>63</v>
      </c>
      <c r="I90" s="68">
        <v>32</v>
      </c>
      <c r="J90" s="68">
        <v>31</v>
      </c>
      <c r="K90" s="67">
        <v>72</v>
      </c>
      <c r="L90" s="79">
        <v>47</v>
      </c>
      <c r="M90" s="80">
        <v>25</v>
      </c>
    </row>
    <row r="91" spans="1:13">
      <c r="A91" s="27" t="s">
        <v>35</v>
      </c>
      <c r="B91" s="67">
        <v>-21</v>
      </c>
      <c r="C91" s="68">
        <v>-13</v>
      </c>
      <c r="D91" s="68">
        <v>-8</v>
      </c>
      <c r="E91" s="67">
        <v>24</v>
      </c>
      <c r="F91" s="68">
        <v>21</v>
      </c>
      <c r="G91" s="69">
        <v>3</v>
      </c>
      <c r="H91" s="68">
        <v>61</v>
      </c>
      <c r="I91" s="68">
        <v>33</v>
      </c>
      <c r="J91" s="68">
        <v>28</v>
      </c>
      <c r="K91" s="67">
        <v>58</v>
      </c>
      <c r="L91" s="79">
        <v>25</v>
      </c>
      <c r="M91" s="80">
        <v>33</v>
      </c>
    </row>
    <row r="92" spans="1:13">
      <c r="A92" s="27" t="s">
        <v>37</v>
      </c>
      <c r="B92" s="67">
        <v>-40</v>
      </c>
      <c r="C92" s="68">
        <v>-24</v>
      </c>
      <c r="D92" s="68">
        <v>-16</v>
      </c>
      <c r="E92" s="67">
        <v>18</v>
      </c>
      <c r="F92" s="68">
        <v>10</v>
      </c>
      <c r="G92" s="69">
        <v>8</v>
      </c>
      <c r="H92" s="68">
        <v>61</v>
      </c>
      <c r="I92" s="68">
        <v>28</v>
      </c>
      <c r="J92" s="68">
        <v>33</v>
      </c>
      <c r="K92" s="67">
        <v>83</v>
      </c>
      <c r="L92" s="79">
        <v>42</v>
      </c>
      <c r="M92" s="80">
        <v>41</v>
      </c>
    </row>
    <row r="93" spans="1:13" ht="21" customHeight="1">
      <c r="A93" s="38" t="s">
        <v>39</v>
      </c>
      <c r="B93" s="64">
        <v>-198</v>
      </c>
      <c r="C93" s="65">
        <v>-119</v>
      </c>
      <c r="D93" s="65">
        <v>-79</v>
      </c>
      <c r="E93" s="64">
        <v>93</v>
      </c>
      <c r="F93" s="65">
        <v>60</v>
      </c>
      <c r="G93" s="66">
        <v>33</v>
      </c>
      <c r="H93" s="65">
        <v>208</v>
      </c>
      <c r="I93" s="65">
        <v>105</v>
      </c>
      <c r="J93" s="65">
        <v>103</v>
      </c>
      <c r="K93" s="64">
        <v>313</v>
      </c>
      <c r="L93" s="77">
        <v>164</v>
      </c>
      <c r="M93" s="78">
        <v>149</v>
      </c>
    </row>
    <row r="94" spans="1:13">
      <c r="A94" s="27" t="s">
        <v>41</v>
      </c>
      <c r="B94" s="67">
        <v>-40</v>
      </c>
      <c r="C94" s="68">
        <v>-32</v>
      </c>
      <c r="D94" s="68">
        <v>-8</v>
      </c>
      <c r="E94" s="67">
        <v>17</v>
      </c>
      <c r="F94" s="68">
        <v>16</v>
      </c>
      <c r="G94" s="69">
        <v>1</v>
      </c>
      <c r="H94" s="68">
        <v>49</v>
      </c>
      <c r="I94" s="68">
        <v>22</v>
      </c>
      <c r="J94" s="68">
        <v>27</v>
      </c>
      <c r="K94" s="67">
        <v>72</v>
      </c>
      <c r="L94" s="79">
        <v>38</v>
      </c>
      <c r="M94" s="80">
        <v>34</v>
      </c>
    </row>
    <row r="95" spans="1:13">
      <c r="A95" s="27" t="s">
        <v>43</v>
      </c>
      <c r="B95" s="67">
        <v>-44</v>
      </c>
      <c r="C95" s="68">
        <v>-19</v>
      </c>
      <c r="D95" s="68">
        <v>-25</v>
      </c>
      <c r="E95" s="67">
        <v>14</v>
      </c>
      <c r="F95" s="68">
        <v>10</v>
      </c>
      <c r="G95" s="69">
        <v>4</v>
      </c>
      <c r="H95" s="68">
        <v>42</v>
      </c>
      <c r="I95" s="68">
        <v>21</v>
      </c>
      <c r="J95" s="68">
        <v>21</v>
      </c>
      <c r="K95" s="67">
        <v>72</v>
      </c>
      <c r="L95" s="79">
        <v>30</v>
      </c>
      <c r="M95" s="80">
        <v>42</v>
      </c>
    </row>
    <row r="96" spans="1:13">
      <c r="A96" s="27" t="s">
        <v>45</v>
      </c>
      <c r="B96" s="67">
        <v>-41</v>
      </c>
      <c r="C96" s="68">
        <v>-27</v>
      </c>
      <c r="D96" s="68">
        <v>-14</v>
      </c>
      <c r="E96" s="67">
        <v>12</v>
      </c>
      <c r="F96" s="68">
        <v>7</v>
      </c>
      <c r="G96" s="69">
        <v>5</v>
      </c>
      <c r="H96" s="68">
        <v>42</v>
      </c>
      <c r="I96" s="68">
        <v>25</v>
      </c>
      <c r="J96" s="68">
        <v>17</v>
      </c>
      <c r="K96" s="67">
        <v>71</v>
      </c>
      <c r="L96" s="79">
        <v>45</v>
      </c>
      <c r="M96" s="80">
        <v>26</v>
      </c>
    </row>
    <row r="97" spans="1:13">
      <c r="A97" s="27" t="s">
        <v>47</v>
      </c>
      <c r="B97" s="67">
        <v>-35</v>
      </c>
      <c r="C97" s="68">
        <v>-22</v>
      </c>
      <c r="D97" s="68">
        <v>-13</v>
      </c>
      <c r="E97" s="67">
        <v>24</v>
      </c>
      <c r="F97" s="68">
        <v>15</v>
      </c>
      <c r="G97" s="69">
        <v>9</v>
      </c>
      <c r="H97" s="68">
        <v>43</v>
      </c>
      <c r="I97" s="68">
        <v>19</v>
      </c>
      <c r="J97" s="68">
        <v>24</v>
      </c>
      <c r="K97" s="67">
        <v>54</v>
      </c>
      <c r="L97" s="79">
        <v>26</v>
      </c>
      <c r="M97" s="80">
        <v>28</v>
      </c>
    </row>
    <row r="98" spans="1:13">
      <c r="A98" s="27" t="s">
        <v>49</v>
      </c>
      <c r="B98" s="67">
        <v>-38</v>
      </c>
      <c r="C98" s="68">
        <v>-19</v>
      </c>
      <c r="D98" s="68">
        <v>-19</v>
      </c>
      <c r="E98" s="67">
        <v>26</v>
      </c>
      <c r="F98" s="68">
        <v>12</v>
      </c>
      <c r="G98" s="69">
        <v>14</v>
      </c>
      <c r="H98" s="68">
        <v>32</v>
      </c>
      <c r="I98" s="68">
        <v>18</v>
      </c>
      <c r="J98" s="68">
        <v>14</v>
      </c>
      <c r="K98" s="67">
        <v>44</v>
      </c>
      <c r="L98" s="79">
        <v>25</v>
      </c>
      <c r="M98" s="80">
        <v>19</v>
      </c>
    </row>
    <row r="99" spans="1:13" ht="21" customHeight="1">
      <c r="A99" s="38" t="s">
        <v>51</v>
      </c>
      <c r="B99" s="64">
        <v>-210</v>
      </c>
      <c r="C99" s="65">
        <v>-143</v>
      </c>
      <c r="D99" s="65">
        <v>-67</v>
      </c>
      <c r="E99" s="64">
        <v>198</v>
      </c>
      <c r="F99" s="65">
        <v>133</v>
      </c>
      <c r="G99" s="66">
        <v>65</v>
      </c>
      <c r="H99" s="65">
        <v>210</v>
      </c>
      <c r="I99" s="65">
        <v>96</v>
      </c>
      <c r="J99" s="65">
        <v>114</v>
      </c>
      <c r="K99" s="64">
        <v>222</v>
      </c>
      <c r="L99" s="77">
        <v>106</v>
      </c>
      <c r="M99" s="78">
        <v>116</v>
      </c>
    </row>
    <row r="100" spans="1:13">
      <c r="A100" s="27" t="s">
        <v>53</v>
      </c>
      <c r="B100" s="67">
        <v>-19</v>
      </c>
      <c r="C100" s="68">
        <v>-16</v>
      </c>
      <c r="D100" s="68">
        <v>-3</v>
      </c>
      <c r="E100" s="67">
        <v>28</v>
      </c>
      <c r="F100" s="68">
        <v>18</v>
      </c>
      <c r="G100" s="69">
        <v>10</v>
      </c>
      <c r="H100" s="68">
        <v>46</v>
      </c>
      <c r="I100" s="68">
        <v>19</v>
      </c>
      <c r="J100" s="68">
        <v>27</v>
      </c>
      <c r="K100" s="67">
        <v>37</v>
      </c>
      <c r="L100" s="79">
        <v>17</v>
      </c>
      <c r="M100" s="80">
        <v>20</v>
      </c>
    </row>
    <row r="101" spans="1:13">
      <c r="A101" s="27" t="s">
        <v>55</v>
      </c>
      <c r="B101" s="67">
        <v>-40</v>
      </c>
      <c r="C101" s="68">
        <v>-24</v>
      </c>
      <c r="D101" s="68">
        <v>-16</v>
      </c>
      <c r="E101" s="67">
        <v>37</v>
      </c>
      <c r="F101" s="68">
        <v>26</v>
      </c>
      <c r="G101" s="69">
        <v>11</v>
      </c>
      <c r="H101" s="68">
        <v>45</v>
      </c>
      <c r="I101" s="68">
        <v>24</v>
      </c>
      <c r="J101" s="68">
        <v>21</v>
      </c>
      <c r="K101" s="67">
        <v>48</v>
      </c>
      <c r="L101" s="79">
        <v>22</v>
      </c>
      <c r="M101" s="80">
        <v>26</v>
      </c>
    </row>
    <row r="102" spans="1:13">
      <c r="A102" s="27" t="s">
        <v>57</v>
      </c>
      <c r="B102" s="67">
        <v>-40</v>
      </c>
      <c r="C102" s="68">
        <v>-28</v>
      </c>
      <c r="D102" s="68">
        <v>-12</v>
      </c>
      <c r="E102" s="67">
        <v>33</v>
      </c>
      <c r="F102" s="68">
        <v>22</v>
      </c>
      <c r="G102" s="69">
        <v>11</v>
      </c>
      <c r="H102" s="68">
        <v>40</v>
      </c>
      <c r="I102" s="68">
        <v>15</v>
      </c>
      <c r="J102" s="68">
        <v>25</v>
      </c>
      <c r="K102" s="67">
        <v>47</v>
      </c>
      <c r="L102" s="79">
        <v>21</v>
      </c>
      <c r="M102" s="80">
        <v>26</v>
      </c>
    </row>
    <row r="103" spans="1:13">
      <c r="A103" s="27" t="s">
        <v>59</v>
      </c>
      <c r="B103" s="67">
        <v>-54</v>
      </c>
      <c r="C103" s="68">
        <v>-37</v>
      </c>
      <c r="D103" s="68">
        <v>-17</v>
      </c>
      <c r="E103" s="67">
        <v>49</v>
      </c>
      <c r="F103" s="68">
        <v>30</v>
      </c>
      <c r="G103" s="69">
        <v>19</v>
      </c>
      <c r="H103" s="68">
        <v>47</v>
      </c>
      <c r="I103" s="68">
        <v>21</v>
      </c>
      <c r="J103" s="68">
        <v>26</v>
      </c>
      <c r="K103" s="67">
        <v>52</v>
      </c>
      <c r="L103" s="79">
        <v>28</v>
      </c>
      <c r="M103" s="80">
        <v>24</v>
      </c>
    </row>
    <row r="104" spans="1:13">
      <c r="A104" s="27" t="s">
        <v>61</v>
      </c>
      <c r="B104" s="67">
        <v>-57</v>
      </c>
      <c r="C104" s="68">
        <v>-38</v>
      </c>
      <c r="D104" s="68">
        <v>-19</v>
      </c>
      <c r="E104" s="67">
        <v>51</v>
      </c>
      <c r="F104" s="68">
        <v>37</v>
      </c>
      <c r="G104" s="69">
        <v>14</v>
      </c>
      <c r="H104" s="68">
        <v>32</v>
      </c>
      <c r="I104" s="68">
        <v>17</v>
      </c>
      <c r="J104" s="68">
        <v>15</v>
      </c>
      <c r="K104" s="67">
        <v>38</v>
      </c>
      <c r="L104" s="79">
        <v>18</v>
      </c>
      <c r="M104" s="80">
        <v>20</v>
      </c>
    </row>
    <row r="105" spans="1:13" ht="21" customHeight="1">
      <c r="A105" s="38" t="s">
        <v>63</v>
      </c>
      <c r="B105" s="64">
        <v>-274</v>
      </c>
      <c r="C105" s="65">
        <v>-182</v>
      </c>
      <c r="D105" s="65">
        <v>-92</v>
      </c>
      <c r="E105" s="64">
        <v>248</v>
      </c>
      <c r="F105" s="65">
        <v>173</v>
      </c>
      <c r="G105" s="66">
        <v>75</v>
      </c>
      <c r="H105" s="65">
        <v>156</v>
      </c>
      <c r="I105" s="65">
        <v>68</v>
      </c>
      <c r="J105" s="65">
        <v>88</v>
      </c>
      <c r="K105" s="64">
        <v>182</v>
      </c>
      <c r="L105" s="77">
        <v>77</v>
      </c>
      <c r="M105" s="78">
        <v>105</v>
      </c>
    </row>
    <row r="106" spans="1:13">
      <c r="A106" s="27" t="s">
        <v>65</v>
      </c>
      <c r="B106" s="67">
        <v>-55</v>
      </c>
      <c r="C106" s="68">
        <v>-44</v>
      </c>
      <c r="D106" s="68">
        <v>-11</v>
      </c>
      <c r="E106" s="67">
        <v>49</v>
      </c>
      <c r="F106" s="68">
        <v>40</v>
      </c>
      <c r="G106" s="69">
        <v>9</v>
      </c>
      <c r="H106" s="68">
        <v>37</v>
      </c>
      <c r="I106" s="68">
        <v>12</v>
      </c>
      <c r="J106" s="68">
        <v>25</v>
      </c>
      <c r="K106" s="67">
        <v>43</v>
      </c>
      <c r="L106" s="79">
        <v>16</v>
      </c>
      <c r="M106" s="80">
        <v>27</v>
      </c>
    </row>
    <row r="107" spans="1:13">
      <c r="A107" s="27" t="s">
        <v>67</v>
      </c>
      <c r="B107" s="67">
        <v>-54</v>
      </c>
      <c r="C107" s="68">
        <v>-39</v>
      </c>
      <c r="D107" s="68">
        <v>-15</v>
      </c>
      <c r="E107" s="67">
        <v>45</v>
      </c>
      <c r="F107" s="68">
        <v>30</v>
      </c>
      <c r="G107" s="69">
        <v>15</v>
      </c>
      <c r="H107" s="68">
        <v>27</v>
      </c>
      <c r="I107" s="68">
        <v>14</v>
      </c>
      <c r="J107" s="68">
        <v>13</v>
      </c>
      <c r="K107" s="67">
        <v>36</v>
      </c>
      <c r="L107" s="79">
        <v>23</v>
      </c>
      <c r="M107" s="80">
        <v>13</v>
      </c>
    </row>
    <row r="108" spans="1:13">
      <c r="A108" s="27" t="s">
        <v>69</v>
      </c>
      <c r="B108" s="67">
        <v>-47</v>
      </c>
      <c r="C108" s="68">
        <v>-24</v>
      </c>
      <c r="D108" s="68">
        <v>-23</v>
      </c>
      <c r="E108" s="67">
        <v>41</v>
      </c>
      <c r="F108" s="68">
        <v>29</v>
      </c>
      <c r="G108" s="69">
        <v>12</v>
      </c>
      <c r="H108" s="68">
        <v>29</v>
      </c>
      <c r="I108" s="68">
        <v>16</v>
      </c>
      <c r="J108" s="68">
        <v>13</v>
      </c>
      <c r="K108" s="67">
        <v>35</v>
      </c>
      <c r="L108" s="79">
        <v>11</v>
      </c>
      <c r="M108" s="80">
        <v>24</v>
      </c>
    </row>
    <row r="109" spans="1:13">
      <c r="A109" s="27" t="s">
        <v>71</v>
      </c>
      <c r="B109" s="67">
        <v>-55</v>
      </c>
      <c r="C109" s="68">
        <v>-36</v>
      </c>
      <c r="D109" s="68">
        <v>-19</v>
      </c>
      <c r="E109" s="67">
        <v>47</v>
      </c>
      <c r="F109" s="68">
        <v>33</v>
      </c>
      <c r="G109" s="69">
        <v>14</v>
      </c>
      <c r="H109" s="68">
        <v>32</v>
      </c>
      <c r="I109" s="68">
        <v>13</v>
      </c>
      <c r="J109" s="68">
        <v>19</v>
      </c>
      <c r="K109" s="67">
        <v>40</v>
      </c>
      <c r="L109" s="79">
        <v>16</v>
      </c>
      <c r="M109" s="80">
        <v>24</v>
      </c>
    </row>
    <row r="110" spans="1:13">
      <c r="A110" s="27" t="s">
        <v>73</v>
      </c>
      <c r="B110" s="67">
        <v>-63</v>
      </c>
      <c r="C110" s="68">
        <v>-39</v>
      </c>
      <c r="D110" s="68">
        <v>-24</v>
      </c>
      <c r="E110" s="67">
        <v>66</v>
      </c>
      <c r="F110" s="68">
        <v>41</v>
      </c>
      <c r="G110" s="69">
        <v>25</v>
      </c>
      <c r="H110" s="68">
        <v>31</v>
      </c>
      <c r="I110" s="68">
        <v>13</v>
      </c>
      <c r="J110" s="68">
        <v>18</v>
      </c>
      <c r="K110" s="67">
        <v>28</v>
      </c>
      <c r="L110" s="79">
        <v>11</v>
      </c>
      <c r="M110" s="80">
        <v>17</v>
      </c>
    </row>
    <row r="111" spans="1:13" ht="21" customHeight="1">
      <c r="A111" s="38" t="s">
        <v>75</v>
      </c>
      <c r="B111" s="64">
        <v>-380</v>
      </c>
      <c r="C111" s="65">
        <v>-252</v>
      </c>
      <c r="D111" s="65">
        <v>-128</v>
      </c>
      <c r="E111" s="64">
        <v>413</v>
      </c>
      <c r="F111" s="65">
        <v>247</v>
      </c>
      <c r="G111" s="66">
        <v>166</v>
      </c>
      <c r="H111" s="65">
        <v>170</v>
      </c>
      <c r="I111" s="65">
        <v>48</v>
      </c>
      <c r="J111" s="65">
        <v>122</v>
      </c>
      <c r="K111" s="64">
        <v>137</v>
      </c>
      <c r="L111" s="77">
        <v>53</v>
      </c>
      <c r="M111" s="78">
        <v>84</v>
      </c>
    </row>
    <row r="112" spans="1:13">
      <c r="A112" s="27" t="s">
        <v>77</v>
      </c>
      <c r="B112" s="67">
        <v>-80</v>
      </c>
      <c r="C112" s="68">
        <v>-52</v>
      </c>
      <c r="D112" s="68">
        <v>-28</v>
      </c>
      <c r="E112" s="67">
        <v>82</v>
      </c>
      <c r="F112" s="68">
        <v>45</v>
      </c>
      <c r="G112" s="69">
        <v>37</v>
      </c>
      <c r="H112" s="68">
        <v>29</v>
      </c>
      <c r="I112" s="68">
        <v>8</v>
      </c>
      <c r="J112" s="68">
        <v>21</v>
      </c>
      <c r="K112" s="67">
        <v>27</v>
      </c>
      <c r="L112" s="79">
        <v>15</v>
      </c>
      <c r="M112" s="80">
        <v>12</v>
      </c>
    </row>
    <row r="113" spans="1:13">
      <c r="A113" s="27" t="s">
        <v>79</v>
      </c>
      <c r="B113" s="67">
        <v>-77</v>
      </c>
      <c r="C113" s="68">
        <v>-45</v>
      </c>
      <c r="D113" s="68">
        <v>-32</v>
      </c>
      <c r="E113" s="67">
        <v>81</v>
      </c>
      <c r="F113" s="68">
        <v>47</v>
      </c>
      <c r="G113" s="69">
        <v>34</v>
      </c>
      <c r="H113" s="68">
        <v>35</v>
      </c>
      <c r="I113" s="68">
        <v>14</v>
      </c>
      <c r="J113" s="68">
        <v>21</v>
      </c>
      <c r="K113" s="67">
        <v>31</v>
      </c>
      <c r="L113" s="79">
        <v>12</v>
      </c>
      <c r="M113" s="80">
        <v>19</v>
      </c>
    </row>
    <row r="114" spans="1:13">
      <c r="A114" s="27" t="s">
        <v>81</v>
      </c>
      <c r="B114" s="67">
        <v>-79</v>
      </c>
      <c r="C114" s="68">
        <v>-58</v>
      </c>
      <c r="D114" s="68">
        <v>-21</v>
      </c>
      <c r="E114" s="67">
        <v>89</v>
      </c>
      <c r="F114" s="68">
        <v>59</v>
      </c>
      <c r="G114" s="69">
        <v>30</v>
      </c>
      <c r="H114" s="68">
        <v>33</v>
      </c>
      <c r="I114" s="68">
        <v>6</v>
      </c>
      <c r="J114" s="68">
        <v>27</v>
      </c>
      <c r="K114" s="67">
        <v>23</v>
      </c>
      <c r="L114" s="79">
        <v>5</v>
      </c>
      <c r="M114" s="80">
        <v>18</v>
      </c>
    </row>
    <row r="115" spans="1:13">
      <c r="A115" s="27" t="s">
        <v>83</v>
      </c>
      <c r="B115" s="67">
        <v>-68</v>
      </c>
      <c r="C115" s="68">
        <v>-44</v>
      </c>
      <c r="D115" s="68">
        <v>-24</v>
      </c>
      <c r="E115" s="67">
        <v>72</v>
      </c>
      <c r="F115" s="68">
        <v>43</v>
      </c>
      <c r="G115" s="69">
        <v>29</v>
      </c>
      <c r="H115" s="68">
        <v>36</v>
      </c>
      <c r="I115" s="68">
        <v>11</v>
      </c>
      <c r="J115" s="68">
        <v>25</v>
      </c>
      <c r="K115" s="67">
        <v>32</v>
      </c>
      <c r="L115" s="79">
        <v>12</v>
      </c>
      <c r="M115" s="80">
        <v>20</v>
      </c>
    </row>
    <row r="116" spans="1:13">
      <c r="A116" s="27" t="s">
        <v>85</v>
      </c>
      <c r="B116" s="67">
        <v>-76</v>
      </c>
      <c r="C116" s="68">
        <v>-53</v>
      </c>
      <c r="D116" s="68">
        <v>-23</v>
      </c>
      <c r="E116" s="67">
        <v>89</v>
      </c>
      <c r="F116" s="68">
        <v>53</v>
      </c>
      <c r="G116" s="69">
        <v>36</v>
      </c>
      <c r="H116" s="68">
        <v>37</v>
      </c>
      <c r="I116" s="68">
        <v>9</v>
      </c>
      <c r="J116" s="68">
        <v>28</v>
      </c>
      <c r="K116" s="67">
        <v>24</v>
      </c>
      <c r="L116" s="79">
        <v>9</v>
      </c>
      <c r="M116" s="80">
        <v>15</v>
      </c>
    </row>
    <row r="117" spans="1:13" ht="21" customHeight="1">
      <c r="A117" s="38" t="s">
        <v>87</v>
      </c>
      <c r="B117" s="64">
        <v>-475</v>
      </c>
      <c r="C117" s="65">
        <v>-256</v>
      </c>
      <c r="D117" s="65">
        <v>-219</v>
      </c>
      <c r="E117" s="64">
        <v>519</v>
      </c>
      <c r="F117" s="65">
        <v>270</v>
      </c>
      <c r="G117" s="66">
        <v>249</v>
      </c>
      <c r="H117" s="65">
        <v>162</v>
      </c>
      <c r="I117" s="65">
        <v>46</v>
      </c>
      <c r="J117" s="65">
        <v>116</v>
      </c>
      <c r="K117" s="64">
        <v>118</v>
      </c>
      <c r="L117" s="77">
        <v>32</v>
      </c>
      <c r="M117" s="78">
        <v>86</v>
      </c>
    </row>
    <row r="118" spans="1:13">
      <c r="A118" s="27" t="s">
        <v>89</v>
      </c>
      <c r="B118" s="67">
        <v>-85</v>
      </c>
      <c r="C118" s="68">
        <v>-48</v>
      </c>
      <c r="D118" s="68">
        <v>-37</v>
      </c>
      <c r="E118" s="67">
        <v>87</v>
      </c>
      <c r="F118" s="68">
        <v>50</v>
      </c>
      <c r="G118" s="69">
        <v>37</v>
      </c>
      <c r="H118" s="68">
        <v>31</v>
      </c>
      <c r="I118" s="68">
        <v>9</v>
      </c>
      <c r="J118" s="68">
        <v>22</v>
      </c>
      <c r="K118" s="67">
        <v>29</v>
      </c>
      <c r="L118" s="79">
        <v>7</v>
      </c>
      <c r="M118" s="80">
        <v>22</v>
      </c>
    </row>
    <row r="119" spans="1:13">
      <c r="A119" s="27" t="s">
        <v>91</v>
      </c>
      <c r="B119" s="67">
        <v>-84</v>
      </c>
      <c r="C119" s="68">
        <v>-49</v>
      </c>
      <c r="D119" s="68">
        <v>-35</v>
      </c>
      <c r="E119" s="67">
        <v>99</v>
      </c>
      <c r="F119" s="68">
        <v>52</v>
      </c>
      <c r="G119" s="69">
        <v>47</v>
      </c>
      <c r="H119" s="68">
        <v>39</v>
      </c>
      <c r="I119" s="68">
        <v>12</v>
      </c>
      <c r="J119" s="68">
        <v>27</v>
      </c>
      <c r="K119" s="67">
        <v>24</v>
      </c>
      <c r="L119" s="79">
        <v>9</v>
      </c>
      <c r="M119" s="80">
        <v>15</v>
      </c>
    </row>
    <row r="120" spans="1:13">
      <c r="A120" s="27" t="s">
        <v>93</v>
      </c>
      <c r="B120" s="67">
        <v>-115</v>
      </c>
      <c r="C120" s="68">
        <v>-63</v>
      </c>
      <c r="D120" s="68">
        <v>-52</v>
      </c>
      <c r="E120" s="67">
        <v>123</v>
      </c>
      <c r="F120" s="68">
        <v>66</v>
      </c>
      <c r="G120" s="69">
        <v>57</v>
      </c>
      <c r="H120" s="68">
        <v>26</v>
      </c>
      <c r="I120" s="68">
        <v>7</v>
      </c>
      <c r="J120" s="68">
        <v>19</v>
      </c>
      <c r="K120" s="67">
        <v>18</v>
      </c>
      <c r="L120" s="79">
        <v>4</v>
      </c>
      <c r="M120" s="80">
        <v>14</v>
      </c>
    </row>
    <row r="121" spans="1:13">
      <c r="A121" s="27" t="s">
        <v>95</v>
      </c>
      <c r="B121" s="67">
        <v>-100</v>
      </c>
      <c r="C121" s="68">
        <v>-47</v>
      </c>
      <c r="D121" s="68">
        <v>-53</v>
      </c>
      <c r="E121" s="67">
        <v>112</v>
      </c>
      <c r="F121" s="68">
        <v>54</v>
      </c>
      <c r="G121" s="69">
        <v>58</v>
      </c>
      <c r="H121" s="68">
        <v>35</v>
      </c>
      <c r="I121" s="68">
        <v>12</v>
      </c>
      <c r="J121" s="68">
        <v>23</v>
      </c>
      <c r="K121" s="67">
        <v>23</v>
      </c>
      <c r="L121" s="79">
        <v>5</v>
      </c>
      <c r="M121" s="80">
        <v>18</v>
      </c>
    </row>
    <row r="122" spans="1:13">
      <c r="A122" s="27" t="s">
        <v>97</v>
      </c>
      <c r="B122" s="67">
        <v>-91</v>
      </c>
      <c r="C122" s="68">
        <v>-49</v>
      </c>
      <c r="D122" s="68">
        <v>-42</v>
      </c>
      <c r="E122" s="67">
        <v>98</v>
      </c>
      <c r="F122" s="68">
        <v>48</v>
      </c>
      <c r="G122" s="69">
        <v>50</v>
      </c>
      <c r="H122" s="68">
        <v>31</v>
      </c>
      <c r="I122" s="68">
        <v>6</v>
      </c>
      <c r="J122" s="68">
        <v>25</v>
      </c>
      <c r="K122" s="67">
        <v>24</v>
      </c>
      <c r="L122" s="79">
        <v>7</v>
      </c>
      <c r="M122" s="80">
        <v>17</v>
      </c>
    </row>
    <row r="123" spans="1:13" ht="21" customHeight="1">
      <c r="A123" s="38" t="s">
        <v>99</v>
      </c>
      <c r="B123" s="64">
        <v>-438</v>
      </c>
      <c r="C123" s="65">
        <v>-172</v>
      </c>
      <c r="D123" s="65">
        <v>-266</v>
      </c>
      <c r="E123" s="64">
        <v>470</v>
      </c>
      <c r="F123" s="65">
        <v>184</v>
      </c>
      <c r="G123" s="66">
        <v>286</v>
      </c>
      <c r="H123" s="65">
        <v>102</v>
      </c>
      <c r="I123" s="65">
        <v>31</v>
      </c>
      <c r="J123" s="65">
        <v>71</v>
      </c>
      <c r="K123" s="64">
        <v>70</v>
      </c>
      <c r="L123" s="77">
        <v>19</v>
      </c>
      <c r="M123" s="78">
        <v>51</v>
      </c>
    </row>
    <row r="124" spans="1:13">
      <c r="A124" s="27" t="s">
        <v>101</v>
      </c>
      <c r="B124" s="67">
        <v>-95</v>
      </c>
      <c r="C124" s="68">
        <v>-35</v>
      </c>
      <c r="D124" s="68">
        <v>-60</v>
      </c>
      <c r="E124" s="67">
        <v>108</v>
      </c>
      <c r="F124" s="68">
        <v>41</v>
      </c>
      <c r="G124" s="69">
        <v>67</v>
      </c>
      <c r="H124" s="68">
        <v>31</v>
      </c>
      <c r="I124" s="68">
        <v>10</v>
      </c>
      <c r="J124" s="68">
        <v>21</v>
      </c>
      <c r="K124" s="67">
        <v>18</v>
      </c>
      <c r="L124" s="79">
        <v>4</v>
      </c>
      <c r="M124" s="80">
        <v>14</v>
      </c>
    </row>
    <row r="125" spans="1:13">
      <c r="A125" s="27" t="s">
        <v>103</v>
      </c>
      <c r="B125" s="67">
        <v>-96</v>
      </c>
      <c r="C125" s="68">
        <v>-41</v>
      </c>
      <c r="D125" s="68">
        <v>-55</v>
      </c>
      <c r="E125" s="67">
        <v>102</v>
      </c>
      <c r="F125" s="68">
        <v>43</v>
      </c>
      <c r="G125" s="69">
        <v>59</v>
      </c>
      <c r="H125" s="68">
        <v>21</v>
      </c>
      <c r="I125" s="68">
        <v>7</v>
      </c>
      <c r="J125" s="68">
        <v>14</v>
      </c>
      <c r="K125" s="67">
        <v>15</v>
      </c>
      <c r="L125" s="79">
        <v>5</v>
      </c>
      <c r="M125" s="80">
        <v>10</v>
      </c>
    </row>
    <row r="126" spans="1:13">
      <c r="A126" s="27" t="s">
        <v>105</v>
      </c>
      <c r="B126" s="67">
        <v>-88</v>
      </c>
      <c r="C126" s="68">
        <v>-40</v>
      </c>
      <c r="D126" s="68">
        <v>-48</v>
      </c>
      <c r="E126" s="67">
        <v>94</v>
      </c>
      <c r="F126" s="68">
        <v>44</v>
      </c>
      <c r="G126" s="69">
        <v>50</v>
      </c>
      <c r="H126" s="68">
        <v>20</v>
      </c>
      <c r="I126" s="68">
        <v>6</v>
      </c>
      <c r="J126" s="68">
        <v>14</v>
      </c>
      <c r="K126" s="67">
        <v>14</v>
      </c>
      <c r="L126" s="79">
        <v>2</v>
      </c>
      <c r="M126" s="80">
        <v>12</v>
      </c>
    </row>
    <row r="127" spans="1:13">
      <c r="A127" s="27" t="s">
        <v>107</v>
      </c>
      <c r="B127" s="67">
        <v>-74</v>
      </c>
      <c r="C127" s="68">
        <v>-26</v>
      </c>
      <c r="D127" s="68">
        <v>-48</v>
      </c>
      <c r="E127" s="67">
        <v>78</v>
      </c>
      <c r="F127" s="68">
        <v>27</v>
      </c>
      <c r="G127" s="69">
        <v>51</v>
      </c>
      <c r="H127" s="68">
        <v>15</v>
      </c>
      <c r="I127" s="68">
        <v>5</v>
      </c>
      <c r="J127" s="68">
        <v>10</v>
      </c>
      <c r="K127" s="67">
        <v>11</v>
      </c>
      <c r="L127" s="79">
        <v>4</v>
      </c>
      <c r="M127" s="80">
        <v>7</v>
      </c>
    </row>
    <row r="128" spans="1:13">
      <c r="A128" s="27" t="s">
        <v>109</v>
      </c>
      <c r="B128" s="67">
        <v>-85</v>
      </c>
      <c r="C128" s="68">
        <v>-30</v>
      </c>
      <c r="D128" s="68">
        <v>-55</v>
      </c>
      <c r="E128" s="67">
        <v>88</v>
      </c>
      <c r="F128" s="68">
        <v>29</v>
      </c>
      <c r="G128" s="69">
        <v>59</v>
      </c>
      <c r="H128" s="68">
        <v>15</v>
      </c>
      <c r="I128" s="68">
        <v>3</v>
      </c>
      <c r="J128" s="68">
        <v>12</v>
      </c>
      <c r="K128" s="67">
        <v>12</v>
      </c>
      <c r="L128" s="79">
        <v>4</v>
      </c>
      <c r="M128" s="80">
        <v>8</v>
      </c>
    </row>
    <row r="129" spans="1:14" ht="21" customHeight="1">
      <c r="A129" s="38" t="s">
        <v>111</v>
      </c>
      <c r="B129" s="64">
        <v>-248</v>
      </c>
      <c r="C129" s="65">
        <v>-72</v>
      </c>
      <c r="D129" s="65">
        <v>-176</v>
      </c>
      <c r="E129" s="64">
        <v>275</v>
      </c>
      <c r="F129" s="65">
        <v>77</v>
      </c>
      <c r="G129" s="66">
        <v>198</v>
      </c>
      <c r="H129" s="65">
        <v>41</v>
      </c>
      <c r="I129" s="65">
        <v>6</v>
      </c>
      <c r="J129" s="65">
        <v>35</v>
      </c>
      <c r="K129" s="64">
        <v>14</v>
      </c>
      <c r="L129" s="77">
        <v>1</v>
      </c>
      <c r="M129" s="78">
        <v>13</v>
      </c>
    </row>
    <row r="130" spans="1:14">
      <c r="A130" s="27" t="s">
        <v>113</v>
      </c>
      <c r="B130" s="67">
        <v>-55</v>
      </c>
      <c r="C130" s="68">
        <v>-15</v>
      </c>
      <c r="D130" s="68">
        <v>-40</v>
      </c>
      <c r="E130" s="67">
        <v>68</v>
      </c>
      <c r="F130" s="68">
        <v>16</v>
      </c>
      <c r="G130" s="69">
        <v>52</v>
      </c>
      <c r="H130" s="68">
        <v>17</v>
      </c>
      <c r="I130" s="68">
        <v>2</v>
      </c>
      <c r="J130" s="68">
        <v>15</v>
      </c>
      <c r="K130" s="67">
        <v>4</v>
      </c>
      <c r="L130" s="79">
        <v>1</v>
      </c>
      <c r="M130" s="80">
        <v>3</v>
      </c>
    </row>
    <row r="131" spans="1:14">
      <c r="A131" s="27" t="s">
        <v>115</v>
      </c>
      <c r="B131" s="67">
        <v>-65</v>
      </c>
      <c r="C131" s="68">
        <v>-22</v>
      </c>
      <c r="D131" s="68">
        <v>-43</v>
      </c>
      <c r="E131" s="67">
        <v>72</v>
      </c>
      <c r="F131" s="68">
        <v>24</v>
      </c>
      <c r="G131" s="69">
        <v>48</v>
      </c>
      <c r="H131" s="68">
        <v>11</v>
      </c>
      <c r="I131" s="68">
        <v>2</v>
      </c>
      <c r="J131" s="68">
        <v>9</v>
      </c>
      <c r="K131" s="67">
        <v>4</v>
      </c>
      <c r="L131" s="79">
        <v>0</v>
      </c>
      <c r="M131" s="80">
        <v>4</v>
      </c>
    </row>
    <row r="132" spans="1:14">
      <c r="A132" s="27" t="s">
        <v>117</v>
      </c>
      <c r="B132" s="67">
        <v>-58</v>
      </c>
      <c r="C132" s="68">
        <v>-14</v>
      </c>
      <c r="D132" s="68">
        <v>-44</v>
      </c>
      <c r="E132" s="67">
        <v>60</v>
      </c>
      <c r="F132" s="68">
        <v>15</v>
      </c>
      <c r="G132" s="69">
        <v>45</v>
      </c>
      <c r="H132" s="68">
        <v>5</v>
      </c>
      <c r="I132" s="68">
        <v>1</v>
      </c>
      <c r="J132" s="68">
        <v>4</v>
      </c>
      <c r="K132" s="67">
        <v>3</v>
      </c>
      <c r="L132" s="79">
        <v>0</v>
      </c>
      <c r="M132" s="80">
        <v>3</v>
      </c>
    </row>
    <row r="133" spans="1:14">
      <c r="A133" s="27" t="s">
        <v>119</v>
      </c>
      <c r="B133" s="67">
        <v>-45</v>
      </c>
      <c r="C133" s="68">
        <v>-14</v>
      </c>
      <c r="D133" s="68">
        <v>-31</v>
      </c>
      <c r="E133" s="67">
        <v>44</v>
      </c>
      <c r="F133" s="68">
        <v>14</v>
      </c>
      <c r="G133" s="69">
        <v>30</v>
      </c>
      <c r="H133" s="68">
        <v>2</v>
      </c>
      <c r="I133" s="68">
        <v>0</v>
      </c>
      <c r="J133" s="68">
        <v>2</v>
      </c>
      <c r="K133" s="67">
        <v>3</v>
      </c>
      <c r="L133" s="79">
        <v>0</v>
      </c>
      <c r="M133" s="80">
        <v>3</v>
      </c>
    </row>
    <row r="134" spans="1:14">
      <c r="A134" s="27" t="s">
        <v>121</v>
      </c>
      <c r="B134" s="67">
        <v>-25</v>
      </c>
      <c r="C134" s="68">
        <v>-7</v>
      </c>
      <c r="D134" s="68">
        <v>-18</v>
      </c>
      <c r="E134" s="67">
        <v>31</v>
      </c>
      <c r="F134" s="68">
        <v>8</v>
      </c>
      <c r="G134" s="69">
        <v>23</v>
      </c>
      <c r="H134" s="68">
        <v>6</v>
      </c>
      <c r="I134" s="68">
        <v>1</v>
      </c>
      <c r="J134" s="68">
        <v>5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74</v>
      </c>
      <c r="C135" s="40">
        <v>-15</v>
      </c>
      <c r="D135" s="40">
        <v>-59</v>
      </c>
      <c r="E135" s="42">
        <v>74</v>
      </c>
      <c r="F135" s="40">
        <v>14</v>
      </c>
      <c r="G135" s="43">
        <v>60</v>
      </c>
      <c r="H135" s="40">
        <v>5</v>
      </c>
      <c r="I135" s="40">
        <v>1</v>
      </c>
      <c r="J135" s="40">
        <v>4</v>
      </c>
      <c r="K135" s="42">
        <v>5</v>
      </c>
      <c r="L135" s="44">
        <v>2</v>
      </c>
      <c r="M135" s="85">
        <v>3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87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1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233</v>
      </c>
      <c r="B5" s="61">
        <v>-2434</v>
      </c>
      <c r="C5" s="62">
        <v>-2849</v>
      </c>
      <c r="D5" s="62">
        <v>415</v>
      </c>
      <c r="E5" s="61">
        <v>39524</v>
      </c>
      <c r="F5" s="62">
        <v>20963</v>
      </c>
      <c r="G5" s="63">
        <v>18561</v>
      </c>
      <c r="H5" s="62">
        <v>220196</v>
      </c>
      <c r="I5" s="62">
        <v>116218</v>
      </c>
      <c r="J5" s="62">
        <v>103978</v>
      </c>
      <c r="K5" s="61">
        <v>206891</v>
      </c>
      <c r="L5" s="75">
        <v>110106</v>
      </c>
      <c r="M5" s="76">
        <v>96785</v>
      </c>
    </row>
    <row r="6" spans="1:13" ht="23.25" customHeight="1">
      <c r="A6" s="36" t="s">
        <v>2</v>
      </c>
      <c r="B6" s="64">
        <v>23757</v>
      </c>
      <c r="C6" s="65">
        <v>12016</v>
      </c>
      <c r="D6" s="65">
        <v>11741</v>
      </c>
      <c r="E6" s="64">
        <v>63</v>
      </c>
      <c r="F6" s="65">
        <v>34</v>
      </c>
      <c r="G6" s="66">
        <v>29</v>
      </c>
      <c r="H6" s="65">
        <v>10786</v>
      </c>
      <c r="I6" s="65">
        <v>5634</v>
      </c>
      <c r="J6" s="65">
        <v>5152</v>
      </c>
      <c r="K6" s="64">
        <v>10751</v>
      </c>
      <c r="L6" s="77">
        <v>5586</v>
      </c>
      <c r="M6" s="78">
        <v>5165</v>
      </c>
    </row>
    <row r="7" spans="1:13">
      <c r="A7" s="15" t="s">
        <v>4</v>
      </c>
      <c r="B7" s="67">
        <v>23910</v>
      </c>
      <c r="C7" s="68">
        <v>12088</v>
      </c>
      <c r="D7" s="68">
        <v>11822</v>
      </c>
      <c r="E7" s="67">
        <v>40</v>
      </c>
      <c r="F7" s="68">
        <v>21</v>
      </c>
      <c r="G7" s="69">
        <v>19</v>
      </c>
      <c r="H7" s="68">
        <v>1645</v>
      </c>
      <c r="I7" s="68">
        <v>861</v>
      </c>
      <c r="J7" s="68">
        <v>784</v>
      </c>
      <c r="K7" s="67">
        <v>1480</v>
      </c>
      <c r="L7" s="79">
        <v>754</v>
      </c>
      <c r="M7" s="80">
        <v>726</v>
      </c>
    </row>
    <row r="8" spans="1:13">
      <c r="A8" s="15" t="s">
        <v>6</v>
      </c>
      <c r="B8" s="67">
        <v>28</v>
      </c>
      <c r="C8" s="68">
        <v>-23</v>
      </c>
      <c r="D8" s="68">
        <v>51</v>
      </c>
      <c r="E8" s="67">
        <v>12</v>
      </c>
      <c r="F8" s="68">
        <v>9</v>
      </c>
      <c r="G8" s="69">
        <v>3</v>
      </c>
      <c r="H8" s="68">
        <v>2938</v>
      </c>
      <c r="I8" s="68">
        <v>1529</v>
      </c>
      <c r="J8" s="68">
        <v>1409</v>
      </c>
      <c r="K8" s="67">
        <v>2898</v>
      </c>
      <c r="L8" s="79">
        <v>1543</v>
      </c>
      <c r="M8" s="80">
        <v>1355</v>
      </c>
    </row>
    <row r="9" spans="1:13">
      <c r="A9" s="15" t="s">
        <v>8</v>
      </c>
      <c r="B9" s="67">
        <v>-45</v>
      </c>
      <c r="C9" s="68">
        <v>-20</v>
      </c>
      <c r="D9" s="68">
        <v>-25</v>
      </c>
      <c r="E9" s="67">
        <v>4</v>
      </c>
      <c r="F9" s="68">
        <v>1</v>
      </c>
      <c r="G9" s="69">
        <v>3</v>
      </c>
      <c r="H9" s="68">
        <v>2443</v>
      </c>
      <c r="I9" s="68">
        <v>1286</v>
      </c>
      <c r="J9" s="68">
        <v>1157</v>
      </c>
      <c r="K9" s="67">
        <v>2484</v>
      </c>
      <c r="L9" s="79">
        <v>1305</v>
      </c>
      <c r="M9" s="80">
        <v>1179</v>
      </c>
    </row>
    <row r="10" spans="1:13">
      <c r="A10" s="15" t="s">
        <v>10</v>
      </c>
      <c r="B10" s="67">
        <v>-128</v>
      </c>
      <c r="C10" s="68">
        <v>-36</v>
      </c>
      <c r="D10" s="68">
        <v>-92</v>
      </c>
      <c r="E10" s="67">
        <v>5</v>
      </c>
      <c r="F10" s="68">
        <v>3</v>
      </c>
      <c r="G10" s="69">
        <v>2</v>
      </c>
      <c r="H10" s="68">
        <v>2037</v>
      </c>
      <c r="I10" s="68">
        <v>1073</v>
      </c>
      <c r="J10" s="68">
        <v>964</v>
      </c>
      <c r="K10" s="67">
        <v>2160</v>
      </c>
      <c r="L10" s="79">
        <v>1106</v>
      </c>
      <c r="M10" s="80">
        <v>1054</v>
      </c>
    </row>
    <row r="11" spans="1:13">
      <c r="A11" s="15" t="s">
        <v>12</v>
      </c>
      <c r="B11" s="67">
        <v>-8</v>
      </c>
      <c r="C11" s="68">
        <v>7</v>
      </c>
      <c r="D11" s="68">
        <v>-15</v>
      </c>
      <c r="E11" s="67">
        <v>2</v>
      </c>
      <c r="F11" s="68">
        <v>0</v>
      </c>
      <c r="G11" s="69">
        <v>2</v>
      </c>
      <c r="H11" s="68">
        <v>1723</v>
      </c>
      <c r="I11" s="68">
        <v>885</v>
      </c>
      <c r="J11" s="68">
        <v>838</v>
      </c>
      <c r="K11" s="67">
        <v>1729</v>
      </c>
      <c r="L11" s="79">
        <v>878</v>
      </c>
      <c r="M11" s="80">
        <v>851</v>
      </c>
    </row>
    <row r="12" spans="1:13" ht="21" customHeight="1">
      <c r="A12" s="36" t="s">
        <v>14</v>
      </c>
      <c r="B12" s="64">
        <v>21</v>
      </c>
      <c r="C12" s="65">
        <v>42</v>
      </c>
      <c r="D12" s="65">
        <v>-21</v>
      </c>
      <c r="E12" s="64">
        <v>14</v>
      </c>
      <c r="F12" s="65">
        <v>9</v>
      </c>
      <c r="G12" s="66">
        <v>5</v>
      </c>
      <c r="H12" s="65">
        <v>6047</v>
      </c>
      <c r="I12" s="65">
        <v>3100</v>
      </c>
      <c r="J12" s="65">
        <v>2947</v>
      </c>
      <c r="K12" s="64">
        <v>6012</v>
      </c>
      <c r="L12" s="77">
        <v>3049</v>
      </c>
      <c r="M12" s="78">
        <v>2963</v>
      </c>
    </row>
    <row r="13" spans="1:13">
      <c r="A13" s="15" t="s">
        <v>16</v>
      </c>
      <c r="B13" s="67">
        <v>-15</v>
      </c>
      <c r="C13" s="68">
        <v>-16</v>
      </c>
      <c r="D13" s="68">
        <v>1</v>
      </c>
      <c r="E13" s="67">
        <v>6</v>
      </c>
      <c r="F13" s="68">
        <v>4</v>
      </c>
      <c r="G13" s="69">
        <v>2</v>
      </c>
      <c r="H13" s="68">
        <v>1481</v>
      </c>
      <c r="I13" s="68">
        <v>742</v>
      </c>
      <c r="J13" s="68">
        <v>739</v>
      </c>
      <c r="K13" s="67">
        <v>1490</v>
      </c>
      <c r="L13" s="79">
        <v>754</v>
      </c>
      <c r="M13" s="80">
        <v>736</v>
      </c>
    </row>
    <row r="14" spans="1:13">
      <c r="A14" s="15" t="s">
        <v>18</v>
      </c>
      <c r="B14" s="67">
        <v>-51</v>
      </c>
      <c r="C14" s="68">
        <v>-9</v>
      </c>
      <c r="D14" s="68">
        <v>-42</v>
      </c>
      <c r="E14" s="67">
        <v>2</v>
      </c>
      <c r="F14" s="68">
        <v>0</v>
      </c>
      <c r="G14" s="69">
        <v>2</v>
      </c>
      <c r="H14" s="68">
        <v>1404</v>
      </c>
      <c r="I14" s="68">
        <v>723</v>
      </c>
      <c r="J14" s="68">
        <v>681</v>
      </c>
      <c r="K14" s="67">
        <v>1453</v>
      </c>
      <c r="L14" s="79">
        <v>732</v>
      </c>
      <c r="M14" s="80">
        <v>721</v>
      </c>
    </row>
    <row r="15" spans="1:13">
      <c r="A15" s="15" t="s">
        <v>20</v>
      </c>
      <c r="B15" s="67">
        <v>32</v>
      </c>
      <c r="C15" s="68">
        <v>47</v>
      </c>
      <c r="D15" s="68">
        <v>-15</v>
      </c>
      <c r="E15" s="67">
        <v>3</v>
      </c>
      <c r="F15" s="68">
        <v>3</v>
      </c>
      <c r="G15" s="69">
        <v>0</v>
      </c>
      <c r="H15" s="68">
        <v>1419</v>
      </c>
      <c r="I15" s="68">
        <v>729</v>
      </c>
      <c r="J15" s="68">
        <v>690</v>
      </c>
      <c r="K15" s="67">
        <v>1384</v>
      </c>
      <c r="L15" s="79">
        <v>679</v>
      </c>
      <c r="M15" s="80">
        <v>705</v>
      </c>
    </row>
    <row r="16" spans="1:13">
      <c r="A16" s="15" t="s">
        <v>22</v>
      </c>
      <c r="B16" s="67">
        <v>-10</v>
      </c>
      <c r="C16" s="68">
        <v>8</v>
      </c>
      <c r="D16" s="68">
        <v>-18</v>
      </c>
      <c r="E16" s="67">
        <v>2</v>
      </c>
      <c r="F16" s="68">
        <v>1</v>
      </c>
      <c r="G16" s="69">
        <v>1</v>
      </c>
      <c r="H16" s="68">
        <v>871</v>
      </c>
      <c r="I16" s="68">
        <v>465</v>
      </c>
      <c r="J16" s="68">
        <v>406</v>
      </c>
      <c r="K16" s="67">
        <v>879</v>
      </c>
      <c r="L16" s="79">
        <v>456</v>
      </c>
      <c r="M16" s="80">
        <v>423</v>
      </c>
    </row>
    <row r="17" spans="1:13">
      <c r="A17" s="15" t="s">
        <v>24</v>
      </c>
      <c r="B17" s="67">
        <v>65</v>
      </c>
      <c r="C17" s="68">
        <v>12</v>
      </c>
      <c r="D17" s="68">
        <v>53</v>
      </c>
      <c r="E17" s="67">
        <v>1</v>
      </c>
      <c r="F17" s="68">
        <v>1</v>
      </c>
      <c r="G17" s="69">
        <v>0</v>
      </c>
      <c r="H17" s="68">
        <v>872</v>
      </c>
      <c r="I17" s="68">
        <v>441</v>
      </c>
      <c r="J17" s="68">
        <v>431</v>
      </c>
      <c r="K17" s="67">
        <v>806</v>
      </c>
      <c r="L17" s="79">
        <v>428</v>
      </c>
      <c r="M17" s="80">
        <v>378</v>
      </c>
    </row>
    <row r="18" spans="1:13" ht="21" customHeight="1">
      <c r="A18" s="36" t="s">
        <v>26</v>
      </c>
      <c r="B18" s="64">
        <v>311</v>
      </c>
      <c r="C18" s="65">
        <v>163</v>
      </c>
      <c r="D18" s="65">
        <v>148</v>
      </c>
      <c r="E18" s="64">
        <v>6</v>
      </c>
      <c r="F18" s="65">
        <v>2</v>
      </c>
      <c r="G18" s="66">
        <v>4</v>
      </c>
      <c r="H18" s="65">
        <v>3523</v>
      </c>
      <c r="I18" s="65">
        <v>1799</v>
      </c>
      <c r="J18" s="65">
        <v>1724</v>
      </c>
      <c r="K18" s="64">
        <v>3206</v>
      </c>
      <c r="L18" s="77">
        <v>1634</v>
      </c>
      <c r="M18" s="78">
        <v>1572</v>
      </c>
    </row>
    <row r="19" spans="1:13">
      <c r="A19" s="15" t="s">
        <v>28</v>
      </c>
      <c r="B19" s="67">
        <v>33</v>
      </c>
      <c r="C19" s="68">
        <v>14</v>
      </c>
      <c r="D19" s="68">
        <v>19</v>
      </c>
      <c r="E19" s="67">
        <v>1</v>
      </c>
      <c r="F19" s="68">
        <v>0</v>
      </c>
      <c r="G19" s="69">
        <v>1</v>
      </c>
      <c r="H19" s="68">
        <v>802</v>
      </c>
      <c r="I19" s="68">
        <v>414</v>
      </c>
      <c r="J19" s="68">
        <v>388</v>
      </c>
      <c r="K19" s="67">
        <v>768</v>
      </c>
      <c r="L19" s="79">
        <v>400</v>
      </c>
      <c r="M19" s="80">
        <v>368</v>
      </c>
    </row>
    <row r="20" spans="1:13">
      <c r="A20" s="15" t="s">
        <v>30</v>
      </c>
      <c r="B20" s="67">
        <v>33</v>
      </c>
      <c r="C20" s="68">
        <v>18</v>
      </c>
      <c r="D20" s="68">
        <v>15</v>
      </c>
      <c r="E20" s="67">
        <v>1</v>
      </c>
      <c r="F20" s="68">
        <v>1</v>
      </c>
      <c r="G20" s="69">
        <v>0</v>
      </c>
      <c r="H20" s="68">
        <v>616</v>
      </c>
      <c r="I20" s="68">
        <v>317</v>
      </c>
      <c r="J20" s="68">
        <v>299</v>
      </c>
      <c r="K20" s="67">
        <v>582</v>
      </c>
      <c r="L20" s="79">
        <v>298</v>
      </c>
      <c r="M20" s="80">
        <v>284</v>
      </c>
    </row>
    <row r="21" spans="1:13">
      <c r="A21" s="15" t="s">
        <v>32</v>
      </c>
      <c r="B21" s="67">
        <v>100</v>
      </c>
      <c r="C21" s="68">
        <v>50</v>
      </c>
      <c r="D21" s="68">
        <v>50</v>
      </c>
      <c r="E21" s="67">
        <v>0</v>
      </c>
      <c r="F21" s="68">
        <v>0</v>
      </c>
      <c r="G21" s="69">
        <v>0</v>
      </c>
      <c r="H21" s="68">
        <v>694</v>
      </c>
      <c r="I21" s="68">
        <v>339</v>
      </c>
      <c r="J21" s="68">
        <v>355</v>
      </c>
      <c r="K21" s="67">
        <v>594</v>
      </c>
      <c r="L21" s="79">
        <v>289</v>
      </c>
      <c r="M21" s="80">
        <v>305</v>
      </c>
    </row>
    <row r="22" spans="1:13">
      <c r="A22" s="15" t="s">
        <v>34</v>
      </c>
      <c r="B22" s="67">
        <v>74</v>
      </c>
      <c r="C22" s="68">
        <v>28</v>
      </c>
      <c r="D22" s="68">
        <v>46</v>
      </c>
      <c r="E22" s="67">
        <v>1</v>
      </c>
      <c r="F22" s="68">
        <v>0</v>
      </c>
      <c r="G22" s="69">
        <v>1</v>
      </c>
      <c r="H22" s="68">
        <v>881</v>
      </c>
      <c r="I22" s="68">
        <v>432</v>
      </c>
      <c r="J22" s="68">
        <v>449</v>
      </c>
      <c r="K22" s="67">
        <v>806</v>
      </c>
      <c r="L22" s="79">
        <v>404</v>
      </c>
      <c r="M22" s="80">
        <v>402</v>
      </c>
    </row>
    <row r="23" spans="1:13">
      <c r="A23" s="15" t="s">
        <v>36</v>
      </c>
      <c r="B23" s="67">
        <v>71</v>
      </c>
      <c r="C23" s="68">
        <v>53</v>
      </c>
      <c r="D23" s="68">
        <v>18</v>
      </c>
      <c r="E23" s="67">
        <v>3</v>
      </c>
      <c r="F23" s="68">
        <v>1</v>
      </c>
      <c r="G23" s="69">
        <v>2</v>
      </c>
      <c r="H23" s="68">
        <v>530</v>
      </c>
      <c r="I23" s="68">
        <v>297</v>
      </c>
      <c r="J23" s="68">
        <v>233</v>
      </c>
      <c r="K23" s="67">
        <v>456</v>
      </c>
      <c r="L23" s="79">
        <v>243</v>
      </c>
      <c r="M23" s="80">
        <v>213</v>
      </c>
    </row>
    <row r="24" spans="1:13" ht="21" customHeight="1">
      <c r="A24" s="36" t="s">
        <v>38</v>
      </c>
      <c r="B24" s="64">
        <v>2455</v>
      </c>
      <c r="C24" s="65">
        <v>1222</v>
      </c>
      <c r="D24" s="65">
        <v>1233</v>
      </c>
      <c r="E24" s="64">
        <v>23</v>
      </c>
      <c r="F24" s="65">
        <v>10</v>
      </c>
      <c r="G24" s="66">
        <v>13</v>
      </c>
      <c r="H24" s="65">
        <v>7158</v>
      </c>
      <c r="I24" s="65">
        <v>3757</v>
      </c>
      <c r="J24" s="65">
        <v>3401</v>
      </c>
      <c r="K24" s="64">
        <v>4680</v>
      </c>
      <c r="L24" s="77">
        <v>2525</v>
      </c>
      <c r="M24" s="78">
        <v>2155</v>
      </c>
    </row>
    <row r="25" spans="1:13">
      <c r="A25" s="15" t="s">
        <v>40</v>
      </c>
      <c r="B25" s="67">
        <v>82</v>
      </c>
      <c r="C25" s="68">
        <v>29</v>
      </c>
      <c r="D25" s="68">
        <v>53</v>
      </c>
      <c r="E25" s="67">
        <v>3</v>
      </c>
      <c r="F25" s="68">
        <v>2</v>
      </c>
      <c r="G25" s="69">
        <v>1</v>
      </c>
      <c r="H25" s="68">
        <v>630</v>
      </c>
      <c r="I25" s="68">
        <v>307</v>
      </c>
      <c r="J25" s="68">
        <v>323</v>
      </c>
      <c r="K25" s="67">
        <v>545</v>
      </c>
      <c r="L25" s="79">
        <v>276</v>
      </c>
      <c r="M25" s="80">
        <v>269</v>
      </c>
    </row>
    <row r="26" spans="1:13">
      <c r="A26" s="15" t="s">
        <v>42</v>
      </c>
      <c r="B26" s="67">
        <v>125</v>
      </c>
      <c r="C26" s="68">
        <v>40</v>
      </c>
      <c r="D26" s="68">
        <v>85</v>
      </c>
      <c r="E26" s="67">
        <v>3</v>
      </c>
      <c r="F26" s="68">
        <v>0</v>
      </c>
      <c r="G26" s="69">
        <v>3</v>
      </c>
      <c r="H26" s="68">
        <v>919</v>
      </c>
      <c r="I26" s="68">
        <v>453</v>
      </c>
      <c r="J26" s="68">
        <v>466</v>
      </c>
      <c r="K26" s="67">
        <v>791</v>
      </c>
      <c r="L26" s="79">
        <v>413</v>
      </c>
      <c r="M26" s="80">
        <v>378</v>
      </c>
    </row>
    <row r="27" spans="1:13">
      <c r="A27" s="15" t="s">
        <v>44</v>
      </c>
      <c r="B27" s="67">
        <v>99</v>
      </c>
      <c r="C27" s="68">
        <v>43</v>
      </c>
      <c r="D27" s="68">
        <v>56</v>
      </c>
      <c r="E27" s="67">
        <v>6</v>
      </c>
      <c r="F27" s="68">
        <v>2</v>
      </c>
      <c r="G27" s="69">
        <v>4</v>
      </c>
      <c r="H27" s="68">
        <v>566</v>
      </c>
      <c r="I27" s="68">
        <v>282</v>
      </c>
      <c r="J27" s="68">
        <v>284</v>
      </c>
      <c r="K27" s="67">
        <v>461</v>
      </c>
      <c r="L27" s="79">
        <v>237</v>
      </c>
      <c r="M27" s="80">
        <v>224</v>
      </c>
    </row>
    <row r="28" spans="1:13">
      <c r="A28" s="15" t="s">
        <v>46</v>
      </c>
      <c r="B28" s="67">
        <v>561</v>
      </c>
      <c r="C28" s="68">
        <v>292</v>
      </c>
      <c r="D28" s="68">
        <v>269</v>
      </c>
      <c r="E28" s="67">
        <v>7</v>
      </c>
      <c r="F28" s="68">
        <v>4</v>
      </c>
      <c r="G28" s="69">
        <v>3</v>
      </c>
      <c r="H28" s="68">
        <v>1461</v>
      </c>
      <c r="I28" s="68">
        <v>766</v>
      </c>
      <c r="J28" s="68">
        <v>695</v>
      </c>
      <c r="K28" s="67">
        <v>893</v>
      </c>
      <c r="L28" s="79">
        <v>470</v>
      </c>
      <c r="M28" s="80">
        <v>423</v>
      </c>
    </row>
    <row r="29" spans="1:13">
      <c r="A29" s="15" t="s">
        <v>48</v>
      </c>
      <c r="B29" s="67">
        <v>1588</v>
      </c>
      <c r="C29" s="68">
        <v>818</v>
      </c>
      <c r="D29" s="68">
        <v>770</v>
      </c>
      <c r="E29" s="67">
        <v>4</v>
      </c>
      <c r="F29" s="68">
        <v>2</v>
      </c>
      <c r="G29" s="69">
        <v>2</v>
      </c>
      <c r="H29" s="68">
        <v>3582</v>
      </c>
      <c r="I29" s="68">
        <v>1949</v>
      </c>
      <c r="J29" s="68">
        <v>1633</v>
      </c>
      <c r="K29" s="67">
        <v>1990</v>
      </c>
      <c r="L29" s="79">
        <v>1129</v>
      </c>
      <c r="M29" s="80">
        <v>861</v>
      </c>
    </row>
    <row r="30" spans="1:13" ht="21" customHeight="1">
      <c r="A30" s="36" t="s">
        <v>50</v>
      </c>
      <c r="B30" s="64">
        <v>7670</v>
      </c>
      <c r="C30" s="65">
        <v>3661</v>
      </c>
      <c r="D30" s="65">
        <v>4009</v>
      </c>
      <c r="E30" s="64">
        <v>76</v>
      </c>
      <c r="F30" s="65">
        <v>43</v>
      </c>
      <c r="G30" s="66">
        <v>33</v>
      </c>
      <c r="H30" s="65">
        <v>35654</v>
      </c>
      <c r="I30" s="65">
        <v>18529</v>
      </c>
      <c r="J30" s="65">
        <v>17125</v>
      </c>
      <c r="K30" s="64">
        <v>27908</v>
      </c>
      <c r="L30" s="77">
        <v>14825</v>
      </c>
      <c r="M30" s="78">
        <v>13083</v>
      </c>
    </row>
    <row r="31" spans="1:13">
      <c r="A31" s="15" t="s">
        <v>52</v>
      </c>
      <c r="B31" s="67">
        <v>980</v>
      </c>
      <c r="C31" s="68">
        <v>538</v>
      </c>
      <c r="D31" s="68">
        <v>442</v>
      </c>
      <c r="E31" s="67">
        <v>15</v>
      </c>
      <c r="F31" s="68">
        <v>9</v>
      </c>
      <c r="G31" s="69">
        <v>6</v>
      </c>
      <c r="H31" s="68">
        <v>3153</v>
      </c>
      <c r="I31" s="68">
        <v>1739</v>
      </c>
      <c r="J31" s="68">
        <v>1414</v>
      </c>
      <c r="K31" s="67">
        <v>2158</v>
      </c>
      <c r="L31" s="79">
        <v>1192</v>
      </c>
      <c r="M31" s="80">
        <v>966</v>
      </c>
    </row>
    <row r="32" spans="1:13">
      <c r="A32" s="15" t="s">
        <v>54</v>
      </c>
      <c r="B32" s="67">
        <v>1832</v>
      </c>
      <c r="C32" s="68">
        <v>945</v>
      </c>
      <c r="D32" s="68">
        <v>887</v>
      </c>
      <c r="E32" s="67">
        <v>8</v>
      </c>
      <c r="F32" s="68">
        <v>4</v>
      </c>
      <c r="G32" s="69">
        <v>4</v>
      </c>
      <c r="H32" s="68">
        <v>5048</v>
      </c>
      <c r="I32" s="68">
        <v>2564</v>
      </c>
      <c r="J32" s="68">
        <v>2484</v>
      </c>
      <c r="K32" s="67">
        <v>3208</v>
      </c>
      <c r="L32" s="79">
        <v>1615</v>
      </c>
      <c r="M32" s="80">
        <v>1593</v>
      </c>
    </row>
    <row r="33" spans="1:13">
      <c r="A33" s="15" t="s">
        <v>56</v>
      </c>
      <c r="B33" s="67">
        <v>1664</v>
      </c>
      <c r="C33" s="68">
        <v>726</v>
      </c>
      <c r="D33" s="68">
        <v>938</v>
      </c>
      <c r="E33" s="67">
        <v>15</v>
      </c>
      <c r="F33" s="68">
        <v>8</v>
      </c>
      <c r="G33" s="69">
        <v>7</v>
      </c>
      <c r="H33" s="68">
        <v>6713</v>
      </c>
      <c r="I33" s="68">
        <v>3363</v>
      </c>
      <c r="J33" s="68">
        <v>3350</v>
      </c>
      <c r="K33" s="67">
        <v>5034</v>
      </c>
      <c r="L33" s="79">
        <v>2629</v>
      </c>
      <c r="M33" s="80">
        <v>2405</v>
      </c>
    </row>
    <row r="34" spans="1:13">
      <c r="A34" s="15" t="s">
        <v>58</v>
      </c>
      <c r="B34" s="67">
        <v>2472</v>
      </c>
      <c r="C34" s="68">
        <v>1091</v>
      </c>
      <c r="D34" s="68">
        <v>1381</v>
      </c>
      <c r="E34" s="67">
        <v>19</v>
      </c>
      <c r="F34" s="68">
        <v>13</v>
      </c>
      <c r="G34" s="69">
        <v>6</v>
      </c>
      <c r="H34" s="68">
        <v>11217</v>
      </c>
      <c r="I34" s="68">
        <v>5859</v>
      </c>
      <c r="J34" s="68">
        <v>5358</v>
      </c>
      <c r="K34" s="67">
        <v>8726</v>
      </c>
      <c r="L34" s="79">
        <v>4755</v>
      </c>
      <c r="M34" s="80">
        <v>3971</v>
      </c>
    </row>
    <row r="35" spans="1:13">
      <c r="A35" s="15" t="s">
        <v>60</v>
      </c>
      <c r="B35" s="67">
        <v>722</v>
      </c>
      <c r="C35" s="68">
        <v>361</v>
      </c>
      <c r="D35" s="68">
        <v>361</v>
      </c>
      <c r="E35" s="67">
        <v>19</v>
      </c>
      <c r="F35" s="68">
        <v>9</v>
      </c>
      <c r="G35" s="69">
        <v>10</v>
      </c>
      <c r="H35" s="68">
        <v>9523</v>
      </c>
      <c r="I35" s="68">
        <v>5004</v>
      </c>
      <c r="J35" s="68">
        <v>4519</v>
      </c>
      <c r="K35" s="67">
        <v>8782</v>
      </c>
      <c r="L35" s="79">
        <v>4634</v>
      </c>
      <c r="M35" s="80">
        <v>4148</v>
      </c>
    </row>
    <row r="36" spans="1:13" ht="21" customHeight="1">
      <c r="A36" s="36" t="s">
        <v>62</v>
      </c>
      <c r="B36" s="64">
        <v>2089</v>
      </c>
      <c r="C36" s="65">
        <v>1387</v>
      </c>
      <c r="D36" s="65">
        <v>702</v>
      </c>
      <c r="E36" s="64">
        <v>80</v>
      </c>
      <c r="F36" s="65">
        <v>53</v>
      </c>
      <c r="G36" s="66">
        <v>27</v>
      </c>
      <c r="H36" s="65">
        <v>48462</v>
      </c>
      <c r="I36" s="65">
        <v>25361</v>
      </c>
      <c r="J36" s="65">
        <v>23101</v>
      </c>
      <c r="K36" s="64">
        <v>46293</v>
      </c>
      <c r="L36" s="77">
        <v>23921</v>
      </c>
      <c r="M36" s="78">
        <v>22372</v>
      </c>
    </row>
    <row r="37" spans="1:13">
      <c r="A37" s="15" t="s">
        <v>64</v>
      </c>
      <c r="B37" s="67">
        <v>942</v>
      </c>
      <c r="C37" s="68">
        <v>682</v>
      </c>
      <c r="D37" s="68">
        <v>260</v>
      </c>
      <c r="E37" s="67">
        <v>19</v>
      </c>
      <c r="F37" s="68">
        <v>14</v>
      </c>
      <c r="G37" s="69">
        <v>5</v>
      </c>
      <c r="H37" s="68">
        <v>10682</v>
      </c>
      <c r="I37" s="68">
        <v>5779</v>
      </c>
      <c r="J37" s="68">
        <v>4903</v>
      </c>
      <c r="K37" s="67">
        <v>9721</v>
      </c>
      <c r="L37" s="79">
        <v>5083</v>
      </c>
      <c r="M37" s="80">
        <v>4638</v>
      </c>
    </row>
    <row r="38" spans="1:13">
      <c r="A38" s="15" t="s">
        <v>66</v>
      </c>
      <c r="B38" s="67">
        <v>472</v>
      </c>
      <c r="C38" s="68">
        <v>296</v>
      </c>
      <c r="D38" s="68">
        <v>176</v>
      </c>
      <c r="E38" s="67">
        <v>17</v>
      </c>
      <c r="F38" s="68">
        <v>9</v>
      </c>
      <c r="G38" s="69">
        <v>8</v>
      </c>
      <c r="H38" s="68">
        <v>10374</v>
      </c>
      <c r="I38" s="68">
        <v>5410</v>
      </c>
      <c r="J38" s="68">
        <v>4964</v>
      </c>
      <c r="K38" s="67">
        <v>9885</v>
      </c>
      <c r="L38" s="79">
        <v>5105</v>
      </c>
      <c r="M38" s="80">
        <v>4780</v>
      </c>
    </row>
    <row r="39" spans="1:13">
      <c r="A39" s="15" t="s">
        <v>68</v>
      </c>
      <c r="B39" s="67">
        <v>214</v>
      </c>
      <c r="C39" s="68">
        <v>199</v>
      </c>
      <c r="D39" s="68">
        <v>15</v>
      </c>
      <c r="E39" s="67">
        <v>13</v>
      </c>
      <c r="F39" s="68">
        <v>10</v>
      </c>
      <c r="G39" s="69">
        <v>3</v>
      </c>
      <c r="H39" s="68">
        <v>9593</v>
      </c>
      <c r="I39" s="68">
        <v>5042</v>
      </c>
      <c r="J39" s="68">
        <v>4551</v>
      </c>
      <c r="K39" s="67">
        <v>9366</v>
      </c>
      <c r="L39" s="79">
        <v>4833</v>
      </c>
      <c r="M39" s="80">
        <v>4533</v>
      </c>
    </row>
    <row r="40" spans="1:13">
      <c r="A40" s="15" t="s">
        <v>70</v>
      </c>
      <c r="B40" s="67">
        <v>369</v>
      </c>
      <c r="C40" s="68">
        <v>229</v>
      </c>
      <c r="D40" s="68">
        <v>140</v>
      </c>
      <c r="E40" s="67">
        <v>15</v>
      </c>
      <c r="F40" s="68">
        <v>11</v>
      </c>
      <c r="G40" s="69">
        <v>4</v>
      </c>
      <c r="H40" s="68">
        <v>9405</v>
      </c>
      <c r="I40" s="68">
        <v>4823</v>
      </c>
      <c r="J40" s="68">
        <v>4582</v>
      </c>
      <c r="K40" s="67">
        <v>9021</v>
      </c>
      <c r="L40" s="79">
        <v>4583</v>
      </c>
      <c r="M40" s="80">
        <v>4438</v>
      </c>
    </row>
    <row r="41" spans="1:13">
      <c r="A41" s="15" t="s">
        <v>72</v>
      </c>
      <c r="B41" s="67">
        <v>92</v>
      </c>
      <c r="C41" s="68">
        <v>-19</v>
      </c>
      <c r="D41" s="68">
        <v>111</v>
      </c>
      <c r="E41" s="67">
        <v>16</v>
      </c>
      <c r="F41" s="68">
        <v>9</v>
      </c>
      <c r="G41" s="69">
        <v>7</v>
      </c>
      <c r="H41" s="68">
        <v>8408</v>
      </c>
      <c r="I41" s="68">
        <v>4307</v>
      </c>
      <c r="J41" s="68">
        <v>4101</v>
      </c>
      <c r="K41" s="67">
        <v>8300</v>
      </c>
      <c r="L41" s="79">
        <v>4317</v>
      </c>
      <c r="M41" s="80">
        <v>3983</v>
      </c>
    </row>
    <row r="42" spans="1:13" ht="21" customHeight="1">
      <c r="A42" s="36" t="s">
        <v>74</v>
      </c>
      <c r="B42" s="64">
        <v>920</v>
      </c>
      <c r="C42" s="65">
        <v>432</v>
      </c>
      <c r="D42" s="65">
        <v>488</v>
      </c>
      <c r="E42" s="64">
        <v>70</v>
      </c>
      <c r="F42" s="65">
        <v>47</v>
      </c>
      <c r="G42" s="66">
        <v>23</v>
      </c>
      <c r="H42" s="65">
        <v>31832</v>
      </c>
      <c r="I42" s="65">
        <v>16940</v>
      </c>
      <c r="J42" s="65">
        <v>14892</v>
      </c>
      <c r="K42" s="64">
        <v>30842</v>
      </c>
      <c r="L42" s="77">
        <v>16461</v>
      </c>
      <c r="M42" s="78">
        <v>14381</v>
      </c>
    </row>
    <row r="43" spans="1:13">
      <c r="A43" s="15" t="s">
        <v>76</v>
      </c>
      <c r="B43" s="67">
        <v>165</v>
      </c>
      <c r="C43" s="68">
        <v>113</v>
      </c>
      <c r="D43" s="68">
        <v>52</v>
      </c>
      <c r="E43" s="67">
        <v>10</v>
      </c>
      <c r="F43" s="68">
        <v>8</v>
      </c>
      <c r="G43" s="69">
        <v>2</v>
      </c>
      <c r="H43" s="68">
        <v>7793</v>
      </c>
      <c r="I43" s="68">
        <v>4085</v>
      </c>
      <c r="J43" s="68">
        <v>3708</v>
      </c>
      <c r="K43" s="67">
        <v>7618</v>
      </c>
      <c r="L43" s="79">
        <v>3964</v>
      </c>
      <c r="M43" s="80">
        <v>3654</v>
      </c>
    </row>
    <row r="44" spans="1:13">
      <c r="A44" s="15" t="s">
        <v>78</v>
      </c>
      <c r="B44" s="67">
        <v>239</v>
      </c>
      <c r="C44" s="68">
        <v>137</v>
      </c>
      <c r="D44" s="68">
        <v>102</v>
      </c>
      <c r="E44" s="67">
        <v>12</v>
      </c>
      <c r="F44" s="68">
        <v>7</v>
      </c>
      <c r="G44" s="69">
        <v>5</v>
      </c>
      <c r="H44" s="68">
        <v>6982</v>
      </c>
      <c r="I44" s="68">
        <v>3691</v>
      </c>
      <c r="J44" s="68">
        <v>3291</v>
      </c>
      <c r="K44" s="67">
        <v>6731</v>
      </c>
      <c r="L44" s="79">
        <v>3547</v>
      </c>
      <c r="M44" s="80">
        <v>3184</v>
      </c>
    </row>
    <row r="45" spans="1:13">
      <c r="A45" s="15" t="s">
        <v>80</v>
      </c>
      <c r="B45" s="67">
        <v>103</v>
      </c>
      <c r="C45" s="68">
        <v>-36</v>
      </c>
      <c r="D45" s="68">
        <v>139</v>
      </c>
      <c r="E45" s="67">
        <v>16</v>
      </c>
      <c r="F45" s="68">
        <v>10</v>
      </c>
      <c r="G45" s="69">
        <v>6</v>
      </c>
      <c r="H45" s="68">
        <v>6221</v>
      </c>
      <c r="I45" s="68">
        <v>3302</v>
      </c>
      <c r="J45" s="68">
        <v>2919</v>
      </c>
      <c r="K45" s="67">
        <v>6102</v>
      </c>
      <c r="L45" s="79">
        <v>3328</v>
      </c>
      <c r="M45" s="80">
        <v>2774</v>
      </c>
    </row>
    <row r="46" spans="1:13">
      <c r="A46" s="15" t="s">
        <v>82</v>
      </c>
      <c r="B46" s="67">
        <v>178</v>
      </c>
      <c r="C46" s="68">
        <v>53</v>
      </c>
      <c r="D46" s="68">
        <v>125</v>
      </c>
      <c r="E46" s="67">
        <v>13</v>
      </c>
      <c r="F46" s="68">
        <v>10</v>
      </c>
      <c r="G46" s="69">
        <v>3</v>
      </c>
      <c r="H46" s="68">
        <v>5591</v>
      </c>
      <c r="I46" s="68">
        <v>2994</v>
      </c>
      <c r="J46" s="68">
        <v>2597</v>
      </c>
      <c r="K46" s="67">
        <v>5400</v>
      </c>
      <c r="L46" s="79">
        <v>2931</v>
      </c>
      <c r="M46" s="80">
        <v>2469</v>
      </c>
    </row>
    <row r="47" spans="1:13">
      <c r="A47" s="15" t="s">
        <v>84</v>
      </c>
      <c r="B47" s="67">
        <v>235</v>
      </c>
      <c r="C47" s="68">
        <v>165</v>
      </c>
      <c r="D47" s="68">
        <v>70</v>
      </c>
      <c r="E47" s="67">
        <v>19</v>
      </c>
      <c r="F47" s="68">
        <v>12</v>
      </c>
      <c r="G47" s="69">
        <v>7</v>
      </c>
      <c r="H47" s="68">
        <v>5245</v>
      </c>
      <c r="I47" s="68">
        <v>2868</v>
      </c>
      <c r="J47" s="68">
        <v>2377</v>
      </c>
      <c r="K47" s="67">
        <v>4991</v>
      </c>
      <c r="L47" s="79">
        <v>2691</v>
      </c>
      <c r="M47" s="80">
        <v>2300</v>
      </c>
    </row>
    <row r="48" spans="1:13" ht="21" customHeight="1">
      <c r="A48" s="36" t="s">
        <v>86</v>
      </c>
      <c r="B48" s="64">
        <v>331</v>
      </c>
      <c r="C48" s="65">
        <v>40</v>
      </c>
      <c r="D48" s="65">
        <v>291</v>
      </c>
      <c r="E48" s="64">
        <v>131</v>
      </c>
      <c r="F48" s="65">
        <v>80</v>
      </c>
      <c r="G48" s="66">
        <v>51</v>
      </c>
      <c r="H48" s="65">
        <v>19896</v>
      </c>
      <c r="I48" s="65">
        <v>10958</v>
      </c>
      <c r="J48" s="65">
        <v>8938</v>
      </c>
      <c r="K48" s="64">
        <v>19434</v>
      </c>
      <c r="L48" s="77">
        <v>10838</v>
      </c>
      <c r="M48" s="78">
        <v>8596</v>
      </c>
    </row>
    <row r="49" spans="1:13">
      <c r="A49" s="15" t="s">
        <v>88</v>
      </c>
      <c r="B49" s="67">
        <v>263</v>
      </c>
      <c r="C49" s="68">
        <v>69</v>
      </c>
      <c r="D49" s="68">
        <v>194</v>
      </c>
      <c r="E49" s="67">
        <v>25</v>
      </c>
      <c r="F49" s="68">
        <v>14</v>
      </c>
      <c r="G49" s="69">
        <v>11</v>
      </c>
      <c r="H49" s="68">
        <v>4831</v>
      </c>
      <c r="I49" s="68">
        <v>2613</v>
      </c>
      <c r="J49" s="68">
        <v>2218</v>
      </c>
      <c r="K49" s="67">
        <v>4543</v>
      </c>
      <c r="L49" s="79">
        <v>2530</v>
      </c>
      <c r="M49" s="80">
        <v>2013</v>
      </c>
    </row>
    <row r="50" spans="1:13">
      <c r="A50" s="15" t="s">
        <v>90</v>
      </c>
      <c r="B50" s="67">
        <v>-18</v>
      </c>
      <c r="C50" s="68">
        <v>0</v>
      </c>
      <c r="D50" s="68">
        <v>-18</v>
      </c>
      <c r="E50" s="67">
        <v>21</v>
      </c>
      <c r="F50" s="68">
        <v>12</v>
      </c>
      <c r="G50" s="69">
        <v>9</v>
      </c>
      <c r="H50" s="68">
        <v>4217</v>
      </c>
      <c r="I50" s="68">
        <v>2296</v>
      </c>
      <c r="J50" s="68">
        <v>1921</v>
      </c>
      <c r="K50" s="67">
        <v>4214</v>
      </c>
      <c r="L50" s="79">
        <v>2284</v>
      </c>
      <c r="M50" s="80">
        <v>1930</v>
      </c>
    </row>
    <row r="51" spans="1:13">
      <c r="A51" s="15" t="s">
        <v>92</v>
      </c>
      <c r="B51" s="67">
        <v>104</v>
      </c>
      <c r="C51" s="68">
        <v>21</v>
      </c>
      <c r="D51" s="68">
        <v>83</v>
      </c>
      <c r="E51" s="67">
        <v>18</v>
      </c>
      <c r="F51" s="68">
        <v>14</v>
      </c>
      <c r="G51" s="69">
        <v>4</v>
      </c>
      <c r="H51" s="68">
        <v>3914</v>
      </c>
      <c r="I51" s="68">
        <v>2164</v>
      </c>
      <c r="J51" s="68">
        <v>1750</v>
      </c>
      <c r="K51" s="67">
        <v>3792</v>
      </c>
      <c r="L51" s="79">
        <v>2129</v>
      </c>
      <c r="M51" s="80">
        <v>1663</v>
      </c>
    </row>
    <row r="52" spans="1:13">
      <c r="A52" s="15" t="s">
        <v>94</v>
      </c>
      <c r="B52" s="67">
        <v>-32</v>
      </c>
      <c r="C52" s="68">
        <v>-56</v>
      </c>
      <c r="D52" s="68">
        <v>24</v>
      </c>
      <c r="E52" s="67">
        <v>40</v>
      </c>
      <c r="F52" s="68">
        <v>27</v>
      </c>
      <c r="G52" s="69">
        <v>13</v>
      </c>
      <c r="H52" s="68">
        <v>3609</v>
      </c>
      <c r="I52" s="68">
        <v>2009</v>
      </c>
      <c r="J52" s="68">
        <v>1600</v>
      </c>
      <c r="K52" s="67">
        <v>3601</v>
      </c>
      <c r="L52" s="79">
        <v>2038</v>
      </c>
      <c r="M52" s="80">
        <v>1563</v>
      </c>
    </row>
    <row r="53" spans="1:13">
      <c r="A53" s="15" t="s">
        <v>96</v>
      </c>
      <c r="B53" s="67">
        <v>14</v>
      </c>
      <c r="C53" s="68">
        <v>6</v>
      </c>
      <c r="D53" s="68">
        <v>8</v>
      </c>
      <c r="E53" s="67">
        <v>27</v>
      </c>
      <c r="F53" s="68">
        <v>13</v>
      </c>
      <c r="G53" s="69">
        <v>14</v>
      </c>
      <c r="H53" s="68">
        <v>3325</v>
      </c>
      <c r="I53" s="68">
        <v>1876</v>
      </c>
      <c r="J53" s="68">
        <v>1449</v>
      </c>
      <c r="K53" s="67">
        <v>3284</v>
      </c>
      <c r="L53" s="79">
        <v>1857</v>
      </c>
      <c r="M53" s="80">
        <v>1427</v>
      </c>
    </row>
    <row r="54" spans="1:13" ht="21" customHeight="1">
      <c r="A54" s="36" t="s">
        <v>98</v>
      </c>
      <c r="B54" s="64">
        <v>304</v>
      </c>
      <c r="C54" s="65">
        <v>237</v>
      </c>
      <c r="D54" s="65">
        <v>67</v>
      </c>
      <c r="E54" s="64">
        <v>205</v>
      </c>
      <c r="F54" s="65">
        <v>122</v>
      </c>
      <c r="G54" s="66">
        <v>83</v>
      </c>
      <c r="H54" s="65">
        <v>12930</v>
      </c>
      <c r="I54" s="65">
        <v>7409</v>
      </c>
      <c r="J54" s="65">
        <v>5521</v>
      </c>
      <c r="K54" s="64">
        <v>12421</v>
      </c>
      <c r="L54" s="77">
        <v>7050</v>
      </c>
      <c r="M54" s="78">
        <v>5371</v>
      </c>
    </row>
    <row r="55" spans="1:13">
      <c r="A55" s="15" t="s">
        <v>100</v>
      </c>
      <c r="B55" s="67">
        <v>154</v>
      </c>
      <c r="C55" s="68">
        <v>116</v>
      </c>
      <c r="D55" s="68">
        <v>38</v>
      </c>
      <c r="E55" s="67">
        <v>35</v>
      </c>
      <c r="F55" s="68">
        <v>19</v>
      </c>
      <c r="G55" s="69">
        <v>16</v>
      </c>
      <c r="H55" s="68">
        <v>3021</v>
      </c>
      <c r="I55" s="68">
        <v>1724</v>
      </c>
      <c r="J55" s="68">
        <v>1297</v>
      </c>
      <c r="K55" s="67">
        <v>2832</v>
      </c>
      <c r="L55" s="79">
        <v>1589</v>
      </c>
      <c r="M55" s="80">
        <v>1243</v>
      </c>
    </row>
    <row r="56" spans="1:13">
      <c r="A56" s="15" t="s">
        <v>102</v>
      </c>
      <c r="B56" s="67">
        <v>-74</v>
      </c>
      <c r="C56" s="68">
        <v>-19</v>
      </c>
      <c r="D56" s="68">
        <v>-55</v>
      </c>
      <c r="E56" s="67">
        <v>30</v>
      </c>
      <c r="F56" s="68">
        <v>20</v>
      </c>
      <c r="G56" s="69">
        <v>10</v>
      </c>
      <c r="H56" s="68">
        <v>2623</v>
      </c>
      <c r="I56" s="68">
        <v>1502</v>
      </c>
      <c r="J56" s="68">
        <v>1121</v>
      </c>
      <c r="K56" s="67">
        <v>2667</v>
      </c>
      <c r="L56" s="79">
        <v>1501</v>
      </c>
      <c r="M56" s="80">
        <v>1166</v>
      </c>
    </row>
    <row r="57" spans="1:13">
      <c r="A57" s="15" t="s">
        <v>104</v>
      </c>
      <c r="B57" s="67">
        <v>86</v>
      </c>
      <c r="C57" s="68">
        <v>44</v>
      </c>
      <c r="D57" s="68">
        <v>42</v>
      </c>
      <c r="E57" s="67">
        <v>44</v>
      </c>
      <c r="F57" s="68">
        <v>27</v>
      </c>
      <c r="G57" s="69">
        <v>17</v>
      </c>
      <c r="H57" s="68">
        <v>2556</v>
      </c>
      <c r="I57" s="68">
        <v>1454</v>
      </c>
      <c r="J57" s="68">
        <v>1102</v>
      </c>
      <c r="K57" s="67">
        <v>2426</v>
      </c>
      <c r="L57" s="79">
        <v>1383</v>
      </c>
      <c r="M57" s="80">
        <v>1043</v>
      </c>
    </row>
    <row r="58" spans="1:13">
      <c r="A58" s="15" t="s">
        <v>106</v>
      </c>
      <c r="B58" s="67">
        <v>64</v>
      </c>
      <c r="C58" s="68">
        <v>46</v>
      </c>
      <c r="D58" s="68">
        <v>18</v>
      </c>
      <c r="E58" s="67">
        <v>45</v>
      </c>
      <c r="F58" s="68">
        <v>23</v>
      </c>
      <c r="G58" s="69">
        <v>22</v>
      </c>
      <c r="H58" s="68">
        <v>2342</v>
      </c>
      <c r="I58" s="68">
        <v>1353</v>
      </c>
      <c r="J58" s="68">
        <v>989</v>
      </c>
      <c r="K58" s="67">
        <v>2233</v>
      </c>
      <c r="L58" s="79">
        <v>1284</v>
      </c>
      <c r="M58" s="80">
        <v>949</v>
      </c>
    </row>
    <row r="59" spans="1:13">
      <c r="A59" s="15" t="s">
        <v>108</v>
      </c>
      <c r="B59" s="67">
        <v>74</v>
      </c>
      <c r="C59" s="68">
        <v>50</v>
      </c>
      <c r="D59" s="68">
        <v>24</v>
      </c>
      <c r="E59" s="67">
        <v>51</v>
      </c>
      <c r="F59" s="68">
        <v>33</v>
      </c>
      <c r="G59" s="69">
        <v>18</v>
      </c>
      <c r="H59" s="68">
        <v>2388</v>
      </c>
      <c r="I59" s="68">
        <v>1376</v>
      </c>
      <c r="J59" s="68">
        <v>1012</v>
      </c>
      <c r="K59" s="67">
        <v>2263</v>
      </c>
      <c r="L59" s="79">
        <v>1293</v>
      </c>
      <c r="M59" s="80">
        <v>970</v>
      </c>
    </row>
    <row r="60" spans="1:13" ht="21" customHeight="1">
      <c r="A60" s="36" t="s">
        <v>110</v>
      </c>
      <c r="B60" s="64">
        <v>-182</v>
      </c>
      <c r="C60" s="65">
        <v>-244</v>
      </c>
      <c r="D60" s="65">
        <v>62</v>
      </c>
      <c r="E60" s="64">
        <v>373</v>
      </c>
      <c r="F60" s="65">
        <v>233</v>
      </c>
      <c r="G60" s="66">
        <v>140</v>
      </c>
      <c r="H60" s="65">
        <v>10235</v>
      </c>
      <c r="I60" s="65">
        <v>5741</v>
      </c>
      <c r="J60" s="65">
        <v>4494</v>
      </c>
      <c r="K60" s="64">
        <v>10044</v>
      </c>
      <c r="L60" s="77">
        <v>5752</v>
      </c>
      <c r="M60" s="78">
        <v>4292</v>
      </c>
    </row>
    <row r="61" spans="1:13">
      <c r="A61" s="15" t="s">
        <v>112</v>
      </c>
      <c r="B61" s="67">
        <v>47</v>
      </c>
      <c r="C61" s="68">
        <v>19</v>
      </c>
      <c r="D61" s="68">
        <v>28</v>
      </c>
      <c r="E61" s="67">
        <v>40</v>
      </c>
      <c r="F61" s="68">
        <v>24</v>
      </c>
      <c r="G61" s="69">
        <v>16</v>
      </c>
      <c r="H61" s="68">
        <v>2195</v>
      </c>
      <c r="I61" s="68">
        <v>1244</v>
      </c>
      <c r="J61" s="68">
        <v>951</v>
      </c>
      <c r="K61" s="67">
        <v>2108</v>
      </c>
      <c r="L61" s="79">
        <v>1201</v>
      </c>
      <c r="M61" s="80">
        <v>907</v>
      </c>
    </row>
    <row r="62" spans="1:13">
      <c r="A62" s="15" t="s">
        <v>114</v>
      </c>
      <c r="B62" s="67">
        <v>-9</v>
      </c>
      <c r="C62" s="68">
        <v>-12</v>
      </c>
      <c r="D62" s="68">
        <v>3</v>
      </c>
      <c r="E62" s="67">
        <v>68</v>
      </c>
      <c r="F62" s="68">
        <v>39</v>
      </c>
      <c r="G62" s="69">
        <v>29</v>
      </c>
      <c r="H62" s="68">
        <v>2054</v>
      </c>
      <c r="I62" s="68">
        <v>1164</v>
      </c>
      <c r="J62" s="68">
        <v>890</v>
      </c>
      <c r="K62" s="67">
        <v>1995</v>
      </c>
      <c r="L62" s="79">
        <v>1137</v>
      </c>
      <c r="M62" s="80">
        <v>858</v>
      </c>
    </row>
    <row r="63" spans="1:13">
      <c r="A63" s="15" t="s">
        <v>116</v>
      </c>
      <c r="B63" s="67">
        <v>-83</v>
      </c>
      <c r="C63" s="68">
        <v>-120</v>
      </c>
      <c r="D63" s="68">
        <v>37</v>
      </c>
      <c r="E63" s="67">
        <v>83</v>
      </c>
      <c r="F63" s="68">
        <v>58</v>
      </c>
      <c r="G63" s="69">
        <v>25</v>
      </c>
      <c r="H63" s="68">
        <v>1980</v>
      </c>
      <c r="I63" s="68">
        <v>1101</v>
      </c>
      <c r="J63" s="68">
        <v>879</v>
      </c>
      <c r="K63" s="67">
        <v>1980</v>
      </c>
      <c r="L63" s="79">
        <v>1163</v>
      </c>
      <c r="M63" s="80">
        <v>817</v>
      </c>
    </row>
    <row r="64" spans="1:13">
      <c r="A64" s="15" t="s">
        <v>118</v>
      </c>
      <c r="B64" s="67">
        <v>-48</v>
      </c>
      <c r="C64" s="68">
        <v>-29</v>
      </c>
      <c r="D64" s="68">
        <v>-19</v>
      </c>
      <c r="E64" s="67">
        <v>79</v>
      </c>
      <c r="F64" s="68">
        <v>49</v>
      </c>
      <c r="G64" s="69">
        <v>30</v>
      </c>
      <c r="H64" s="68">
        <v>2004</v>
      </c>
      <c r="I64" s="68">
        <v>1148</v>
      </c>
      <c r="J64" s="68">
        <v>856</v>
      </c>
      <c r="K64" s="67">
        <v>1973</v>
      </c>
      <c r="L64" s="79">
        <v>1128</v>
      </c>
      <c r="M64" s="80">
        <v>845</v>
      </c>
    </row>
    <row r="65" spans="1:13">
      <c r="A65" s="19" t="s">
        <v>120</v>
      </c>
      <c r="B65" s="70">
        <v>-89</v>
      </c>
      <c r="C65" s="71">
        <v>-102</v>
      </c>
      <c r="D65" s="71">
        <v>13</v>
      </c>
      <c r="E65" s="70">
        <v>103</v>
      </c>
      <c r="F65" s="71">
        <v>63</v>
      </c>
      <c r="G65" s="72">
        <v>40</v>
      </c>
      <c r="H65" s="71">
        <v>2002</v>
      </c>
      <c r="I65" s="71">
        <v>1084</v>
      </c>
      <c r="J65" s="71">
        <v>918</v>
      </c>
      <c r="K65" s="70">
        <v>1988</v>
      </c>
      <c r="L65" s="81">
        <v>1123</v>
      </c>
      <c r="M65" s="82">
        <v>86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23785</v>
      </c>
      <c r="C69" s="50">
        <v>12002</v>
      </c>
      <c r="D69" s="84">
        <v>11783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88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2</v>
      </c>
      <c r="D73" s="9" t="s">
        <v>134</v>
      </c>
      <c r="E73" s="9" t="s">
        <v>136</v>
      </c>
      <c r="F73" s="9" t="s">
        <v>132</v>
      </c>
      <c r="G73" s="9" t="s">
        <v>134</v>
      </c>
      <c r="H73" s="9" t="s">
        <v>131</v>
      </c>
      <c r="I73" s="9" t="s">
        <v>132</v>
      </c>
      <c r="J73" s="9" t="s">
        <v>134</v>
      </c>
      <c r="K73" s="9" t="s">
        <v>131</v>
      </c>
      <c r="L73" s="9" t="s">
        <v>132</v>
      </c>
      <c r="M73" s="11" t="s">
        <v>134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-780</v>
      </c>
      <c r="C75" s="65">
        <v>-574</v>
      </c>
      <c r="D75" s="65">
        <v>-206</v>
      </c>
      <c r="E75" s="64">
        <v>603</v>
      </c>
      <c r="F75" s="65">
        <v>364</v>
      </c>
      <c r="G75" s="66">
        <v>239</v>
      </c>
      <c r="H75" s="65">
        <v>8764</v>
      </c>
      <c r="I75" s="65">
        <v>4814</v>
      </c>
      <c r="J75" s="65">
        <v>3950</v>
      </c>
      <c r="K75" s="64">
        <v>8941</v>
      </c>
      <c r="L75" s="77">
        <v>5024</v>
      </c>
      <c r="M75" s="78">
        <v>3917</v>
      </c>
    </row>
    <row r="76" spans="1:13">
      <c r="A76" s="27" t="s">
        <v>5</v>
      </c>
      <c r="B76" s="67">
        <v>-38</v>
      </c>
      <c r="C76" s="68">
        <v>-83</v>
      </c>
      <c r="D76" s="68">
        <v>45</v>
      </c>
      <c r="E76" s="67">
        <v>99</v>
      </c>
      <c r="F76" s="68">
        <v>58</v>
      </c>
      <c r="G76" s="69">
        <v>41</v>
      </c>
      <c r="H76" s="68">
        <v>2007</v>
      </c>
      <c r="I76" s="68">
        <v>1095</v>
      </c>
      <c r="J76" s="68">
        <v>912</v>
      </c>
      <c r="K76" s="67">
        <v>1946</v>
      </c>
      <c r="L76" s="79">
        <v>1120</v>
      </c>
      <c r="M76" s="80">
        <v>826</v>
      </c>
    </row>
    <row r="77" spans="1:13">
      <c r="A77" s="27" t="s">
        <v>7</v>
      </c>
      <c r="B77" s="67">
        <v>-126</v>
      </c>
      <c r="C77" s="68">
        <v>-99</v>
      </c>
      <c r="D77" s="68">
        <v>-27</v>
      </c>
      <c r="E77" s="67">
        <v>107</v>
      </c>
      <c r="F77" s="68">
        <v>66</v>
      </c>
      <c r="G77" s="69">
        <v>41</v>
      </c>
      <c r="H77" s="68">
        <v>1794</v>
      </c>
      <c r="I77" s="68">
        <v>985</v>
      </c>
      <c r="J77" s="68">
        <v>809</v>
      </c>
      <c r="K77" s="67">
        <v>1813</v>
      </c>
      <c r="L77" s="79">
        <v>1018</v>
      </c>
      <c r="M77" s="80">
        <v>795</v>
      </c>
    </row>
    <row r="78" spans="1:13">
      <c r="A78" s="27" t="s">
        <v>9</v>
      </c>
      <c r="B78" s="67">
        <v>-212</v>
      </c>
      <c r="C78" s="68">
        <v>-124</v>
      </c>
      <c r="D78" s="68">
        <v>-88</v>
      </c>
      <c r="E78" s="67">
        <v>116</v>
      </c>
      <c r="F78" s="68">
        <v>67</v>
      </c>
      <c r="G78" s="69">
        <v>49</v>
      </c>
      <c r="H78" s="68">
        <v>1728</v>
      </c>
      <c r="I78" s="68">
        <v>949</v>
      </c>
      <c r="J78" s="68">
        <v>779</v>
      </c>
      <c r="K78" s="67">
        <v>1824</v>
      </c>
      <c r="L78" s="79">
        <v>1006</v>
      </c>
      <c r="M78" s="80">
        <v>818</v>
      </c>
    </row>
    <row r="79" spans="1:13">
      <c r="A79" s="27" t="s">
        <v>11</v>
      </c>
      <c r="B79" s="67">
        <v>-172</v>
      </c>
      <c r="C79" s="68">
        <v>-106</v>
      </c>
      <c r="D79" s="68">
        <v>-66</v>
      </c>
      <c r="E79" s="67">
        <v>127</v>
      </c>
      <c r="F79" s="68">
        <v>79</v>
      </c>
      <c r="G79" s="69">
        <v>48</v>
      </c>
      <c r="H79" s="68">
        <v>1629</v>
      </c>
      <c r="I79" s="68">
        <v>917</v>
      </c>
      <c r="J79" s="68">
        <v>712</v>
      </c>
      <c r="K79" s="67">
        <v>1674</v>
      </c>
      <c r="L79" s="79">
        <v>944</v>
      </c>
      <c r="M79" s="80">
        <v>730</v>
      </c>
    </row>
    <row r="80" spans="1:13">
      <c r="A80" s="27" t="s">
        <v>13</v>
      </c>
      <c r="B80" s="67">
        <v>-232</v>
      </c>
      <c r="C80" s="68">
        <v>-162</v>
      </c>
      <c r="D80" s="68">
        <v>-70</v>
      </c>
      <c r="E80" s="67">
        <v>154</v>
      </c>
      <c r="F80" s="68">
        <v>94</v>
      </c>
      <c r="G80" s="69">
        <v>60</v>
      </c>
      <c r="H80" s="68">
        <v>1606</v>
      </c>
      <c r="I80" s="68">
        <v>868</v>
      </c>
      <c r="J80" s="68">
        <v>738</v>
      </c>
      <c r="K80" s="67">
        <v>1684</v>
      </c>
      <c r="L80" s="79">
        <v>936</v>
      </c>
      <c r="M80" s="80">
        <v>748</v>
      </c>
    </row>
    <row r="81" spans="1:13" ht="21" customHeight="1">
      <c r="A81" s="38" t="s">
        <v>15</v>
      </c>
      <c r="B81" s="64">
        <v>-1378</v>
      </c>
      <c r="C81" s="65">
        <v>-951</v>
      </c>
      <c r="D81" s="65">
        <v>-427</v>
      </c>
      <c r="E81" s="64">
        <v>916</v>
      </c>
      <c r="F81" s="65">
        <v>615</v>
      </c>
      <c r="G81" s="66">
        <v>301</v>
      </c>
      <c r="H81" s="65">
        <v>6560</v>
      </c>
      <c r="I81" s="65">
        <v>3724</v>
      </c>
      <c r="J81" s="65">
        <v>2836</v>
      </c>
      <c r="K81" s="64">
        <v>7022</v>
      </c>
      <c r="L81" s="77">
        <v>4060</v>
      </c>
      <c r="M81" s="78">
        <v>2962</v>
      </c>
    </row>
    <row r="82" spans="1:13">
      <c r="A82" s="27" t="s">
        <v>17</v>
      </c>
      <c r="B82" s="67">
        <v>-227</v>
      </c>
      <c r="C82" s="68">
        <v>-133</v>
      </c>
      <c r="D82" s="68">
        <v>-94</v>
      </c>
      <c r="E82" s="67">
        <v>185</v>
      </c>
      <c r="F82" s="68">
        <v>116</v>
      </c>
      <c r="G82" s="69">
        <v>69</v>
      </c>
      <c r="H82" s="68">
        <v>1668</v>
      </c>
      <c r="I82" s="68">
        <v>953</v>
      </c>
      <c r="J82" s="68">
        <v>715</v>
      </c>
      <c r="K82" s="67">
        <v>1710</v>
      </c>
      <c r="L82" s="79">
        <v>970</v>
      </c>
      <c r="M82" s="80">
        <v>740</v>
      </c>
    </row>
    <row r="83" spans="1:13">
      <c r="A83" s="27" t="s">
        <v>19</v>
      </c>
      <c r="B83" s="67">
        <v>-179</v>
      </c>
      <c r="C83" s="68">
        <v>-142</v>
      </c>
      <c r="D83" s="68">
        <v>-37</v>
      </c>
      <c r="E83" s="67">
        <v>132</v>
      </c>
      <c r="F83" s="68">
        <v>96</v>
      </c>
      <c r="G83" s="69">
        <v>36</v>
      </c>
      <c r="H83" s="68">
        <v>1161</v>
      </c>
      <c r="I83" s="68">
        <v>642</v>
      </c>
      <c r="J83" s="68">
        <v>519</v>
      </c>
      <c r="K83" s="67">
        <v>1208</v>
      </c>
      <c r="L83" s="79">
        <v>688</v>
      </c>
      <c r="M83" s="80">
        <v>520</v>
      </c>
    </row>
    <row r="84" spans="1:13">
      <c r="A84" s="27" t="s">
        <v>21</v>
      </c>
      <c r="B84" s="67">
        <v>-323</v>
      </c>
      <c r="C84" s="68">
        <v>-225</v>
      </c>
      <c r="D84" s="68">
        <v>-98</v>
      </c>
      <c r="E84" s="67">
        <v>181</v>
      </c>
      <c r="F84" s="68">
        <v>118</v>
      </c>
      <c r="G84" s="69">
        <v>63</v>
      </c>
      <c r="H84" s="68">
        <v>1378</v>
      </c>
      <c r="I84" s="68">
        <v>804</v>
      </c>
      <c r="J84" s="68">
        <v>574</v>
      </c>
      <c r="K84" s="67">
        <v>1520</v>
      </c>
      <c r="L84" s="79">
        <v>911</v>
      </c>
      <c r="M84" s="80">
        <v>609</v>
      </c>
    </row>
    <row r="85" spans="1:13">
      <c r="A85" s="27" t="s">
        <v>23</v>
      </c>
      <c r="B85" s="67">
        <v>-342</v>
      </c>
      <c r="C85" s="68">
        <v>-267</v>
      </c>
      <c r="D85" s="68">
        <v>-75</v>
      </c>
      <c r="E85" s="67">
        <v>223</v>
      </c>
      <c r="F85" s="68">
        <v>154</v>
      </c>
      <c r="G85" s="69">
        <v>69</v>
      </c>
      <c r="H85" s="68">
        <v>1213</v>
      </c>
      <c r="I85" s="68">
        <v>663</v>
      </c>
      <c r="J85" s="68">
        <v>550</v>
      </c>
      <c r="K85" s="67">
        <v>1332</v>
      </c>
      <c r="L85" s="79">
        <v>776</v>
      </c>
      <c r="M85" s="80">
        <v>556</v>
      </c>
    </row>
    <row r="86" spans="1:13">
      <c r="A86" s="27" t="s">
        <v>25</v>
      </c>
      <c r="B86" s="67">
        <v>-307</v>
      </c>
      <c r="C86" s="68">
        <v>-184</v>
      </c>
      <c r="D86" s="68">
        <v>-123</v>
      </c>
      <c r="E86" s="67">
        <v>195</v>
      </c>
      <c r="F86" s="68">
        <v>131</v>
      </c>
      <c r="G86" s="69">
        <v>64</v>
      </c>
      <c r="H86" s="68">
        <v>1140</v>
      </c>
      <c r="I86" s="68">
        <v>662</v>
      </c>
      <c r="J86" s="68">
        <v>478</v>
      </c>
      <c r="K86" s="67">
        <v>1252</v>
      </c>
      <c r="L86" s="79">
        <v>715</v>
      </c>
      <c r="M86" s="80">
        <v>537</v>
      </c>
    </row>
    <row r="87" spans="1:13" ht="21" customHeight="1">
      <c r="A87" s="38" t="s">
        <v>27</v>
      </c>
      <c r="B87" s="64">
        <v>-1889</v>
      </c>
      <c r="C87" s="65">
        <v>-1244</v>
      </c>
      <c r="D87" s="65">
        <v>-645</v>
      </c>
      <c r="E87" s="64">
        <v>1191</v>
      </c>
      <c r="F87" s="65">
        <v>814</v>
      </c>
      <c r="G87" s="66">
        <v>377</v>
      </c>
      <c r="H87" s="65">
        <v>4311</v>
      </c>
      <c r="I87" s="65">
        <v>2501</v>
      </c>
      <c r="J87" s="65">
        <v>1810</v>
      </c>
      <c r="K87" s="64">
        <v>5009</v>
      </c>
      <c r="L87" s="77">
        <v>2931</v>
      </c>
      <c r="M87" s="78">
        <v>2078</v>
      </c>
    </row>
    <row r="88" spans="1:13">
      <c r="A88" s="27" t="s">
        <v>29</v>
      </c>
      <c r="B88" s="67">
        <v>-404</v>
      </c>
      <c r="C88" s="68">
        <v>-242</v>
      </c>
      <c r="D88" s="68">
        <v>-162</v>
      </c>
      <c r="E88" s="67">
        <v>207</v>
      </c>
      <c r="F88" s="68">
        <v>142</v>
      </c>
      <c r="G88" s="69">
        <v>65</v>
      </c>
      <c r="H88" s="68">
        <v>1086</v>
      </c>
      <c r="I88" s="68">
        <v>663</v>
      </c>
      <c r="J88" s="68">
        <v>423</v>
      </c>
      <c r="K88" s="67">
        <v>1283</v>
      </c>
      <c r="L88" s="79">
        <v>763</v>
      </c>
      <c r="M88" s="80">
        <v>520</v>
      </c>
    </row>
    <row r="89" spans="1:13">
      <c r="A89" s="27" t="s">
        <v>31</v>
      </c>
      <c r="B89" s="67">
        <v>-393</v>
      </c>
      <c r="C89" s="68">
        <v>-266</v>
      </c>
      <c r="D89" s="68">
        <v>-127</v>
      </c>
      <c r="E89" s="67">
        <v>250</v>
      </c>
      <c r="F89" s="68">
        <v>160</v>
      </c>
      <c r="G89" s="69">
        <v>90</v>
      </c>
      <c r="H89" s="68">
        <v>969</v>
      </c>
      <c r="I89" s="68">
        <v>564</v>
      </c>
      <c r="J89" s="68">
        <v>405</v>
      </c>
      <c r="K89" s="67">
        <v>1112</v>
      </c>
      <c r="L89" s="79">
        <v>670</v>
      </c>
      <c r="M89" s="80">
        <v>442</v>
      </c>
    </row>
    <row r="90" spans="1:13">
      <c r="A90" s="27" t="s">
        <v>33</v>
      </c>
      <c r="B90" s="67">
        <v>-340</v>
      </c>
      <c r="C90" s="68">
        <v>-228</v>
      </c>
      <c r="D90" s="68">
        <v>-112</v>
      </c>
      <c r="E90" s="67">
        <v>236</v>
      </c>
      <c r="F90" s="68">
        <v>159</v>
      </c>
      <c r="G90" s="69">
        <v>77</v>
      </c>
      <c r="H90" s="68">
        <v>828</v>
      </c>
      <c r="I90" s="68">
        <v>472</v>
      </c>
      <c r="J90" s="68">
        <v>356</v>
      </c>
      <c r="K90" s="67">
        <v>932</v>
      </c>
      <c r="L90" s="79">
        <v>541</v>
      </c>
      <c r="M90" s="80">
        <v>391</v>
      </c>
    </row>
    <row r="91" spans="1:13">
      <c r="A91" s="27" t="s">
        <v>35</v>
      </c>
      <c r="B91" s="67">
        <v>-334</v>
      </c>
      <c r="C91" s="68">
        <v>-223</v>
      </c>
      <c r="D91" s="68">
        <v>-111</v>
      </c>
      <c r="E91" s="67">
        <v>236</v>
      </c>
      <c r="F91" s="68">
        <v>168</v>
      </c>
      <c r="G91" s="69">
        <v>68</v>
      </c>
      <c r="H91" s="68">
        <v>730</v>
      </c>
      <c r="I91" s="68">
        <v>411</v>
      </c>
      <c r="J91" s="68">
        <v>319</v>
      </c>
      <c r="K91" s="67">
        <v>828</v>
      </c>
      <c r="L91" s="79">
        <v>466</v>
      </c>
      <c r="M91" s="80">
        <v>362</v>
      </c>
    </row>
    <row r="92" spans="1:13">
      <c r="A92" s="27" t="s">
        <v>37</v>
      </c>
      <c r="B92" s="67">
        <v>-418</v>
      </c>
      <c r="C92" s="68">
        <v>-285</v>
      </c>
      <c r="D92" s="68">
        <v>-133</v>
      </c>
      <c r="E92" s="67">
        <v>262</v>
      </c>
      <c r="F92" s="68">
        <v>185</v>
      </c>
      <c r="G92" s="69">
        <v>77</v>
      </c>
      <c r="H92" s="68">
        <v>698</v>
      </c>
      <c r="I92" s="68">
        <v>391</v>
      </c>
      <c r="J92" s="68">
        <v>307</v>
      </c>
      <c r="K92" s="67">
        <v>854</v>
      </c>
      <c r="L92" s="79">
        <v>491</v>
      </c>
      <c r="M92" s="80">
        <v>363</v>
      </c>
    </row>
    <row r="93" spans="1:13" ht="21" customHeight="1">
      <c r="A93" s="38" t="s">
        <v>39</v>
      </c>
      <c r="B93" s="64">
        <v>-2102</v>
      </c>
      <c r="C93" s="65">
        <v>-1496</v>
      </c>
      <c r="D93" s="65">
        <v>-606</v>
      </c>
      <c r="E93" s="64">
        <v>1542</v>
      </c>
      <c r="F93" s="65">
        <v>1100</v>
      </c>
      <c r="G93" s="66">
        <v>442</v>
      </c>
      <c r="H93" s="65">
        <v>2970</v>
      </c>
      <c r="I93" s="65">
        <v>1617</v>
      </c>
      <c r="J93" s="65">
        <v>1353</v>
      </c>
      <c r="K93" s="64">
        <v>3530</v>
      </c>
      <c r="L93" s="77">
        <v>2013</v>
      </c>
      <c r="M93" s="78">
        <v>1517</v>
      </c>
    </row>
    <row r="94" spans="1:13">
      <c r="A94" s="27" t="s">
        <v>41</v>
      </c>
      <c r="B94" s="67">
        <v>-426</v>
      </c>
      <c r="C94" s="68">
        <v>-292</v>
      </c>
      <c r="D94" s="68">
        <v>-134</v>
      </c>
      <c r="E94" s="67">
        <v>259</v>
      </c>
      <c r="F94" s="68">
        <v>185</v>
      </c>
      <c r="G94" s="69">
        <v>74</v>
      </c>
      <c r="H94" s="68">
        <v>676</v>
      </c>
      <c r="I94" s="68">
        <v>397</v>
      </c>
      <c r="J94" s="68">
        <v>279</v>
      </c>
      <c r="K94" s="67">
        <v>843</v>
      </c>
      <c r="L94" s="79">
        <v>504</v>
      </c>
      <c r="M94" s="80">
        <v>339</v>
      </c>
    </row>
    <row r="95" spans="1:13">
      <c r="A95" s="27" t="s">
        <v>43</v>
      </c>
      <c r="B95" s="67">
        <v>-411</v>
      </c>
      <c r="C95" s="68">
        <v>-289</v>
      </c>
      <c r="D95" s="68">
        <v>-122</v>
      </c>
      <c r="E95" s="67">
        <v>265</v>
      </c>
      <c r="F95" s="68">
        <v>189</v>
      </c>
      <c r="G95" s="69">
        <v>76</v>
      </c>
      <c r="H95" s="68">
        <v>633</v>
      </c>
      <c r="I95" s="68">
        <v>354</v>
      </c>
      <c r="J95" s="68">
        <v>279</v>
      </c>
      <c r="K95" s="67">
        <v>779</v>
      </c>
      <c r="L95" s="79">
        <v>454</v>
      </c>
      <c r="M95" s="80">
        <v>325</v>
      </c>
    </row>
    <row r="96" spans="1:13">
      <c r="A96" s="27" t="s">
        <v>45</v>
      </c>
      <c r="B96" s="67">
        <v>-409</v>
      </c>
      <c r="C96" s="68">
        <v>-300</v>
      </c>
      <c r="D96" s="68">
        <v>-109</v>
      </c>
      <c r="E96" s="67">
        <v>297</v>
      </c>
      <c r="F96" s="68">
        <v>218</v>
      </c>
      <c r="G96" s="69">
        <v>79</v>
      </c>
      <c r="H96" s="68">
        <v>565</v>
      </c>
      <c r="I96" s="68">
        <v>294</v>
      </c>
      <c r="J96" s="68">
        <v>271</v>
      </c>
      <c r="K96" s="67">
        <v>677</v>
      </c>
      <c r="L96" s="79">
        <v>376</v>
      </c>
      <c r="M96" s="80">
        <v>301</v>
      </c>
    </row>
    <row r="97" spans="1:13">
      <c r="A97" s="27" t="s">
        <v>47</v>
      </c>
      <c r="B97" s="67">
        <v>-384</v>
      </c>
      <c r="C97" s="68">
        <v>-283</v>
      </c>
      <c r="D97" s="68">
        <v>-101</v>
      </c>
      <c r="E97" s="67">
        <v>332</v>
      </c>
      <c r="F97" s="68">
        <v>227</v>
      </c>
      <c r="G97" s="69">
        <v>105</v>
      </c>
      <c r="H97" s="68">
        <v>574</v>
      </c>
      <c r="I97" s="68">
        <v>298</v>
      </c>
      <c r="J97" s="68">
        <v>276</v>
      </c>
      <c r="K97" s="67">
        <v>626</v>
      </c>
      <c r="L97" s="79">
        <v>354</v>
      </c>
      <c r="M97" s="80">
        <v>272</v>
      </c>
    </row>
    <row r="98" spans="1:13">
      <c r="A98" s="27" t="s">
        <v>49</v>
      </c>
      <c r="B98" s="67">
        <v>-472</v>
      </c>
      <c r="C98" s="68">
        <v>-332</v>
      </c>
      <c r="D98" s="68">
        <v>-140</v>
      </c>
      <c r="E98" s="67">
        <v>389</v>
      </c>
      <c r="F98" s="68">
        <v>281</v>
      </c>
      <c r="G98" s="69">
        <v>108</v>
      </c>
      <c r="H98" s="68">
        <v>522</v>
      </c>
      <c r="I98" s="68">
        <v>274</v>
      </c>
      <c r="J98" s="68">
        <v>248</v>
      </c>
      <c r="K98" s="67">
        <v>605</v>
      </c>
      <c r="L98" s="79">
        <v>325</v>
      </c>
      <c r="M98" s="80">
        <v>280</v>
      </c>
    </row>
    <row r="99" spans="1:13" ht="21" customHeight="1">
      <c r="A99" s="38" t="s">
        <v>51</v>
      </c>
      <c r="B99" s="64">
        <v>-3536</v>
      </c>
      <c r="C99" s="65">
        <v>-2475</v>
      </c>
      <c r="D99" s="65">
        <v>-1061</v>
      </c>
      <c r="E99" s="64">
        <v>3300</v>
      </c>
      <c r="F99" s="65">
        <v>2294</v>
      </c>
      <c r="G99" s="66">
        <v>1006</v>
      </c>
      <c r="H99" s="65">
        <v>2866</v>
      </c>
      <c r="I99" s="65">
        <v>1454</v>
      </c>
      <c r="J99" s="65">
        <v>1412</v>
      </c>
      <c r="K99" s="64">
        <v>3102</v>
      </c>
      <c r="L99" s="77">
        <v>1635</v>
      </c>
      <c r="M99" s="78">
        <v>1467</v>
      </c>
    </row>
    <row r="100" spans="1:13">
      <c r="A100" s="27" t="s">
        <v>53</v>
      </c>
      <c r="B100" s="67">
        <v>-540</v>
      </c>
      <c r="C100" s="68">
        <v>-358</v>
      </c>
      <c r="D100" s="68">
        <v>-182</v>
      </c>
      <c r="E100" s="67">
        <v>468</v>
      </c>
      <c r="F100" s="68">
        <v>329</v>
      </c>
      <c r="G100" s="69">
        <v>139</v>
      </c>
      <c r="H100" s="68">
        <v>539</v>
      </c>
      <c r="I100" s="68">
        <v>281</v>
      </c>
      <c r="J100" s="68">
        <v>258</v>
      </c>
      <c r="K100" s="67">
        <v>611</v>
      </c>
      <c r="L100" s="79">
        <v>310</v>
      </c>
      <c r="M100" s="80">
        <v>301</v>
      </c>
    </row>
    <row r="101" spans="1:13">
      <c r="A101" s="27" t="s">
        <v>55</v>
      </c>
      <c r="B101" s="67">
        <v>-566</v>
      </c>
      <c r="C101" s="68">
        <v>-400</v>
      </c>
      <c r="D101" s="68">
        <v>-166</v>
      </c>
      <c r="E101" s="67">
        <v>507</v>
      </c>
      <c r="F101" s="68">
        <v>350</v>
      </c>
      <c r="G101" s="69">
        <v>157</v>
      </c>
      <c r="H101" s="68">
        <v>555</v>
      </c>
      <c r="I101" s="68">
        <v>299</v>
      </c>
      <c r="J101" s="68">
        <v>256</v>
      </c>
      <c r="K101" s="67">
        <v>614</v>
      </c>
      <c r="L101" s="79">
        <v>349</v>
      </c>
      <c r="M101" s="80">
        <v>265</v>
      </c>
    </row>
    <row r="102" spans="1:13">
      <c r="A102" s="27" t="s">
        <v>57</v>
      </c>
      <c r="B102" s="67">
        <v>-660</v>
      </c>
      <c r="C102" s="68">
        <v>-475</v>
      </c>
      <c r="D102" s="68">
        <v>-185</v>
      </c>
      <c r="E102" s="67">
        <v>640</v>
      </c>
      <c r="F102" s="68">
        <v>449</v>
      </c>
      <c r="G102" s="69">
        <v>191</v>
      </c>
      <c r="H102" s="68">
        <v>592</v>
      </c>
      <c r="I102" s="68">
        <v>290</v>
      </c>
      <c r="J102" s="68">
        <v>302</v>
      </c>
      <c r="K102" s="67">
        <v>612</v>
      </c>
      <c r="L102" s="79">
        <v>316</v>
      </c>
      <c r="M102" s="80">
        <v>296</v>
      </c>
    </row>
    <row r="103" spans="1:13">
      <c r="A103" s="27" t="s">
        <v>59</v>
      </c>
      <c r="B103" s="67">
        <v>-836</v>
      </c>
      <c r="C103" s="68">
        <v>-569</v>
      </c>
      <c r="D103" s="68">
        <v>-267</v>
      </c>
      <c r="E103" s="67">
        <v>785</v>
      </c>
      <c r="F103" s="68">
        <v>524</v>
      </c>
      <c r="G103" s="69">
        <v>261</v>
      </c>
      <c r="H103" s="68">
        <v>601</v>
      </c>
      <c r="I103" s="68">
        <v>311</v>
      </c>
      <c r="J103" s="68">
        <v>290</v>
      </c>
      <c r="K103" s="67">
        <v>652</v>
      </c>
      <c r="L103" s="79">
        <v>356</v>
      </c>
      <c r="M103" s="80">
        <v>296</v>
      </c>
    </row>
    <row r="104" spans="1:13">
      <c r="A104" s="27" t="s">
        <v>61</v>
      </c>
      <c r="B104" s="67">
        <v>-934</v>
      </c>
      <c r="C104" s="68">
        <v>-673</v>
      </c>
      <c r="D104" s="68">
        <v>-261</v>
      </c>
      <c r="E104" s="67">
        <v>900</v>
      </c>
      <c r="F104" s="68">
        <v>642</v>
      </c>
      <c r="G104" s="69">
        <v>258</v>
      </c>
      <c r="H104" s="68">
        <v>579</v>
      </c>
      <c r="I104" s="68">
        <v>273</v>
      </c>
      <c r="J104" s="68">
        <v>306</v>
      </c>
      <c r="K104" s="67">
        <v>613</v>
      </c>
      <c r="L104" s="79">
        <v>304</v>
      </c>
      <c r="M104" s="80">
        <v>309</v>
      </c>
    </row>
    <row r="105" spans="1:13" ht="21" customHeight="1">
      <c r="A105" s="38" t="s">
        <v>63</v>
      </c>
      <c r="B105" s="64">
        <v>-4359</v>
      </c>
      <c r="C105" s="65">
        <v>-2937</v>
      </c>
      <c r="D105" s="65">
        <v>-1422</v>
      </c>
      <c r="E105" s="64">
        <v>4370</v>
      </c>
      <c r="F105" s="65">
        <v>2908</v>
      </c>
      <c r="G105" s="66">
        <v>1462</v>
      </c>
      <c r="H105" s="65">
        <v>2379</v>
      </c>
      <c r="I105" s="65">
        <v>1076</v>
      </c>
      <c r="J105" s="65">
        <v>1303</v>
      </c>
      <c r="K105" s="64">
        <v>2368</v>
      </c>
      <c r="L105" s="77">
        <v>1105</v>
      </c>
      <c r="M105" s="78">
        <v>1263</v>
      </c>
    </row>
    <row r="106" spans="1:13">
      <c r="A106" s="27" t="s">
        <v>65</v>
      </c>
      <c r="B106" s="67">
        <v>-898</v>
      </c>
      <c r="C106" s="68">
        <v>-641</v>
      </c>
      <c r="D106" s="68">
        <v>-257</v>
      </c>
      <c r="E106" s="67">
        <v>908</v>
      </c>
      <c r="F106" s="68">
        <v>633</v>
      </c>
      <c r="G106" s="69">
        <v>275</v>
      </c>
      <c r="H106" s="68">
        <v>646</v>
      </c>
      <c r="I106" s="68">
        <v>315</v>
      </c>
      <c r="J106" s="68">
        <v>331</v>
      </c>
      <c r="K106" s="67">
        <v>636</v>
      </c>
      <c r="L106" s="79">
        <v>323</v>
      </c>
      <c r="M106" s="80">
        <v>313</v>
      </c>
    </row>
    <row r="107" spans="1:13">
      <c r="A107" s="27" t="s">
        <v>67</v>
      </c>
      <c r="B107" s="67">
        <v>-700</v>
      </c>
      <c r="C107" s="68">
        <v>-490</v>
      </c>
      <c r="D107" s="68">
        <v>-210</v>
      </c>
      <c r="E107" s="67">
        <v>705</v>
      </c>
      <c r="F107" s="68">
        <v>477</v>
      </c>
      <c r="G107" s="69">
        <v>228</v>
      </c>
      <c r="H107" s="68">
        <v>424</v>
      </c>
      <c r="I107" s="68">
        <v>194</v>
      </c>
      <c r="J107" s="68">
        <v>230</v>
      </c>
      <c r="K107" s="67">
        <v>419</v>
      </c>
      <c r="L107" s="79">
        <v>207</v>
      </c>
      <c r="M107" s="80">
        <v>212</v>
      </c>
    </row>
    <row r="108" spans="1:13">
      <c r="A108" s="27" t="s">
        <v>69</v>
      </c>
      <c r="B108" s="67">
        <v>-664</v>
      </c>
      <c r="C108" s="68">
        <v>-458</v>
      </c>
      <c r="D108" s="68">
        <v>-206</v>
      </c>
      <c r="E108" s="67">
        <v>675</v>
      </c>
      <c r="F108" s="68">
        <v>461</v>
      </c>
      <c r="G108" s="69">
        <v>214</v>
      </c>
      <c r="H108" s="68">
        <v>395</v>
      </c>
      <c r="I108" s="68">
        <v>178</v>
      </c>
      <c r="J108" s="68">
        <v>217</v>
      </c>
      <c r="K108" s="67">
        <v>384</v>
      </c>
      <c r="L108" s="79">
        <v>175</v>
      </c>
      <c r="M108" s="80">
        <v>209</v>
      </c>
    </row>
    <row r="109" spans="1:13">
      <c r="A109" s="27" t="s">
        <v>71</v>
      </c>
      <c r="B109" s="67">
        <v>-966</v>
      </c>
      <c r="C109" s="68">
        <v>-614</v>
      </c>
      <c r="D109" s="68">
        <v>-352</v>
      </c>
      <c r="E109" s="67">
        <v>967</v>
      </c>
      <c r="F109" s="68">
        <v>607</v>
      </c>
      <c r="G109" s="69">
        <v>360</v>
      </c>
      <c r="H109" s="68">
        <v>463</v>
      </c>
      <c r="I109" s="68">
        <v>200</v>
      </c>
      <c r="J109" s="68">
        <v>263</v>
      </c>
      <c r="K109" s="67">
        <v>462</v>
      </c>
      <c r="L109" s="79">
        <v>207</v>
      </c>
      <c r="M109" s="80">
        <v>255</v>
      </c>
    </row>
    <row r="110" spans="1:13">
      <c r="A110" s="27" t="s">
        <v>73</v>
      </c>
      <c r="B110" s="67">
        <v>-1131</v>
      </c>
      <c r="C110" s="68">
        <v>-734</v>
      </c>
      <c r="D110" s="68">
        <v>-397</v>
      </c>
      <c r="E110" s="67">
        <v>1115</v>
      </c>
      <c r="F110" s="68">
        <v>730</v>
      </c>
      <c r="G110" s="69">
        <v>385</v>
      </c>
      <c r="H110" s="68">
        <v>451</v>
      </c>
      <c r="I110" s="68">
        <v>189</v>
      </c>
      <c r="J110" s="68">
        <v>262</v>
      </c>
      <c r="K110" s="67">
        <v>467</v>
      </c>
      <c r="L110" s="79">
        <v>193</v>
      </c>
      <c r="M110" s="80">
        <v>274</v>
      </c>
    </row>
    <row r="111" spans="1:13" ht="21" customHeight="1">
      <c r="A111" s="38" t="s">
        <v>75</v>
      </c>
      <c r="B111" s="64">
        <v>-6215</v>
      </c>
      <c r="C111" s="65">
        <v>-3761</v>
      </c>
      <c r="D111" s="65">
        <v>-2454</v>
      </c>
      <c r="E111" s="64">
        <v>6412</v>
      </c>
      <c r="F111" s="65">
        <v>3802</v>
      </c>
      <c r="G111" s="66">
        <v>2610</v>
      </c>
      <c r="H111" s="65">
        <v>2282</v>
      </c>
      <c r="I111" s="65">
        <v>835</v>
      </c>
      <c r="J111" s="65">
        <v>1447</v>
      </c>
      <c r="K111" s="64">
        <v>2085</v>
      </c>
      <c r="L111" s="77">
        <v>794</v>
      </c>
      <c r="M111" s="78">
        <v>1291</v>
      </c>
    </row>
    <row r="112" spans="1:13">
      <c r="A112" s="27" t="s">
        <v>77</v>
      </c>
      <c r="B112" s="67">
        <v>-1160</v>
      </c>
      <c r="C112" s="68">
        <v>-743</v>
      </c>
      <c r="D112" s="68">
        <v>-417</v>
      </c>
      <c r="E112" s="67">
        <v>1234</v>
      </c>
      <c r="F112" s="68">
        <v>760</v>
      </c>
      <c r="G112" s="69">
        <v>474</v>
      </c>
      <c r="H112" s="68">
        <v>511</v>
      </c>
      <c r="I112" s="68">
        <v>216</v>
      </c>
      <c r="J112" s="68">
        <v>295</v>
      </c>
      <c r="K112" s="67">
        <v>437</v>
      </c>
      <c r="L112" s="79">
        <v>199</v>
      </c>
      <c r="M112" s="80">
        <v>238</v>
      </c>
    </row>
    <row r="113" spans="1:13">
      <c r="A113" s="27" t="s">
        <v>79</v>
      </c>
      <c r="B113" s="67">
        <v>-1195</v>
      </c>
      <c r="C113" s="68">
        <v>-714</v>
      </c>
      <c r="D113" s="68">
        <v>-481</v>
      </c>
      <c r="E113" s="67">
        <v>1212</v>
      </c>
      <c r="F113" s="68">
        <v>726</v>
      </c>
      <c r="G113" s="69">
        <v>486</v>
      </c>
      <c r="H113" s="68">
        <v>507</v>
      </c>
      <c r="I113" s="68">
        <v>204</v>
      </c>
      <c r="J113" s="68">
        <v>303</v>
      </c>
      <c r="K113" s="67">
        <v>490</v>
      </c>
      <c r="L113" s="79">
        <v>192</v>
      </c>
      <c r="M113" s="80">
        <v>298</v>
      </c>
    </row>
    <row r="114" spans="1:13">
      <c r="A114" s="27" t="s">
        <v>81</v>
      </c>
      <c r="B114" s="67">
        <v>-1312</v>
      </c>
      <c r="C114" s="68">
        <v>-788</v>
      </c>
      <c r="D114" s="68">
        <v>-524</v>
      </c>
      <c r="E114" s="67">
        <v>1342</v>
      </c>
      <c r="F114" s="68">
        <v>806</v>
      </c>
      <c r="G114" s="69">
        <v>536</v>
      </c>
      <c r="H114" s="68">
        <v>451</v>
      </c>
      <c r="I114" s="68">
        <v>152</v>
      </c>
      <c r="J114" s="68">
        <v>299</v>
      </c>
      <c r="K114" s="67">
        <v>421</v>
      </c>
      <c r="L114" s="79">
        <v>134</v>
      </c>
      <c r="M114" s="80">
        <v>287</v>
      </c>
    </row>
    <row r="115" spans="1:13">
      <c r="A115" s="27" t="s">
        <v>83</v>
      </c>
      <c r="B115" s="67">
        <v>-1220</v>
      </c>
      <c r="C115" s="68">
        <v>-740</v>
      </c>
      <c r="D115" s="68">
        <v>-480</v>
      </c>
      <c r="E115" s="67">
        <v>1255</v>
      </c>
      <c r="F115" s="68">
        <v>739</v>
      </c>
      <c r="G115" s="69">
        <v>516</v>
      </c>
      <c r="H115" s="68">
        <v>392</v>
      </c>
      <c r="I115" s="68">
        <v>127</v>
      </c>
      <c r="J115" s="68">
        <v>265</v>
      </c>
      <c r="K115" s="67">
        <v>357</v>
      </c>
      <c r="L115" s="79">
        <v>128</v>
      </c>
      <c r="M115" s="80">
        <v>229</v>
      </c>
    </row>
    <row r="116" spans="1:13">
      <c r="A116" s="27" t="s">
        <v>85</v>
      </c>
      <c r="B116" s="67">
        <v>-1328</v>
      </c>
      <c r="C116" s="68">
        <v>-776</v>
      </c>
      <c r="D116" s="68">
        <v>-552</v>
      </c>
      <c r="E116" s="67">
        <v>1369</v>
      </c>
      <c r="F116" s="68">
        <v>771</v>
      </c>
      <c r="G116" s="69">
        <v>598</v>
      </c>
      <c r="H116" s="68">
        <v>421</v>
      </c>
      <c r="I116" s="68">
        <v>136</v>
      </c>
      <c r="J116" s="68">
        <v>285</v>
      </c>
      <c r="K116" s="67">
        <v>380</v>
      </c>
      <c r="L116" s="79">
        <v>141</v>
      </c>
      <c r="M116" s="80">
        <v>239</v>
      </c>
    </row>
    <row r="117" spans="1:13" ht="21" customHeight="1">
      <c r="A117" s="38" t="s">
        <v>87</v>
      </c>
      <c r="B117" s="64">
        <v>-7806</v>
      </c>
      <c r="C117" s="65">
        <v>-4128</v>
      </c>
      <c r="D117" s="65">
        <v>-3678</v>
      </c>
      <c r="E117" s="64">
        <v>7990</v>
      </c>
      <c r="F117" s="65">
        <v>4173</v>
      </c>
      <c r="G117" s="66">
        <v>3817</v>
      </c>
      <c r="H117" s="65">
        <v>2044</v>
      </c>
      <c r="I117" s="65">
        <v>588</v>
      </c>
      <c r="J117" s="65">
        <v>1456</v>
      </c>
      <c r="K117" s="64">
        <v>1860</v>
      </c>
      <c r="L117" s="77">
        <v>543</v>
      </c>
      <c r="M117" s="78">
        <v>1317</v>
      </c>
    </row>
    <row r="118" spans="1:13">
      <c r="A118" s="27" t="s">
        <v>89</v>
      </c>
      <c r="B118" s="67">
        <v>-1499</v>
      </c>
      <c r="C118" s="68">
        <v>-867</v>
      </c>
      <c r="D118" s="68">
        <v>-632</v>
      </c>
      <c r="E118" s="67">
        <v>1523</v>
      </c>
      <c r="F118" s="68">
        <v>857</v>
      </c>
      <c r="G118" s="69">
        <v>666</v>
      </c>
      <c r="H118" s="68">
        <v>434</v>
      </c>
      <c r="I118" s="68">
        <v>107</v>
      </c>
      <c r="J118" s="68">
        <v>327</v>
      </c>
      <c r="K118" s="67">
        <v>410</v>
      </c>
      <c r="L118" s="79">
        <v>117</v>
      </c>
      <c r="M118" s="80">
        <v>293</v>
      </c>
    </row>
    <row r="119" spans="1:13">
      <c r="A119" s="27" t="s">
        <v>91</v>
      </c>
      <c r="B119" s="67">
        <v>-1551</v>
      </c>
      <c r="C119" s="68">
        <v>-850</v>
      </c>
      <c r="D119" s="68">
        <v>-701</v>
      </c>
      <c r="E119" s="67">
        <v>1568</v>
      </c>
      <c r="F119" s="68">
        <v>847</v>
      </c>
      <c r="G119" s="69">
        <v>721</v>
      </c>
      <c r="H119" s="68">
        <v>429</v>
      </c>
      <c r="I119" s="68">
        <v>127</v>
      </c>
      <c r="J119" s="68">
        <v>302</v>
      </c>
      <c r="K119" s="67">
        <v>412</v>
      </c>
      <c r="L119" s="79">
        <v>130</v>
      </c>
      <c r="M119" s="80">
        <v>282</v>
      </c>
    </row>
    <row r="120" spans="1:13">
      <c r="A120" s="27" t="s">
        <v>93</v>
      </c>
      <c r="B120" s="67">
        <v>-1622</v>
      </c>
      <c r="C120" s="68">
        <v>-868</v>
      </c>
      <c r="D120" s="68">
        <v>-754</v>
      </c>
      <c r="E120" s="67">
        <v>1688</v>
      </c>
      <c r="F120" s="68">
        <v>890</v>
      </c>
      <c r="G120" s="69">
        <v>798</v>
      </c>
      <c r="H120" s="68">
        <v>440</v>
      </c>
      <c r="I120" s="68">
        <v>134</v>
      </c>
      <c r="J120" s="68">
        <v>306</v>
      </c>
      <c r="K120" s="67">
        <v>374</v>
      </c>
      <c r="L120" s="79">
        <v>112</v>
      </c>
      <c r="M120" s="80">
        <v>262</v>
      </c>
    </row>
    <row r="121" spans="1:13">
      <c r="A121" s="27" t="s">
        <v>95</v>
      </c>
      <c r="B121" s="67">
        <v>-1545</v>
      </c>
      <c r="C121" s="68">
        <v>-764</v>
      </c>
      <c r="D121" s="68">
        <v>-781</v>
      </c>
      <c r="E121" s="67">
        <v>1583</v>
      </c>
      <c r="F121" s="68">
        <v>783</v>
      </c>
      <c r="G121" s="69">
        <v>800</v>
      </c>
      <c r="H121" s="68">
        <v>390</v>
      </c>
      <c r="I121" s="68">
        <v>105</v>
      </c>
      <c r="J121" s="68">
        <v>285</v>
      </c>
      <c r="K121" s="67">
        <v>352</v>
      </c>
      <c r="L121" s="79">
        <v>86</v>
      </c>
      <c r="M121" s="80">
        <v>266</v>
      </c>
    </row>
    <row r="122" spans="1:13">
      <c r="A122" s="27" t="s">
        <v>97</v>
      </c>
      <c r="B122" s="67">
        <v>-1589</v>
      </c>
      <c r="C122" s="68">
        <v>-779</v>
      </c>
      <c r="D122" s="68">
        <v>-810</v>
      </c>
      <c r="E122" s="67">
        <v>1628</v>
      </c>
      <c r="F122" s="68">
        <v>796</v>
      </c>
      <c r="G122" s="69">
        <v>832</v>
      </c>
      <c r="H122" s="68">
        <v>351</v>
      </c>
      <c r="I122" s="68">
        <v>115</v>
      </c>
      <c r="J122" s="68">
        <v>236</v>
      </c>
      <c r="K122" s="67">
        <v>312</v>
      </c>
      <c r="L122" s="79">
        <v>98</v>
      </c>
      <c r="M122" s="80">
        <v>214</v>
      </c>
    </row>
    <row r="123" spans="1:13" ht="21" customHeight="1">
      <c r="A123" s="38" t="s">
        <v>99</v>
      </c>
      <c r="B123" s="64">
        <v>-7274</v>
      </c>
      <c r="C123" s="65">
        <v>-2950</v>
      </c>
      <c r="D123" s="65">
        <v>-4324</v>
      </c>
      <c r="E123" s="64">
        <v>7355</v>
      </c>
      <c r="F123" s="65">
        <v>2964</v>
      </c>
      <c r="G123" s="66">
        <v>4391</v>
      </c>
      <c r="H123" s="65">
        <v>1128</v>
      </c>
      <c r="I123" s="65">
        <v>297</v>
      </c>
      <c r="J123" s="65">
        <v>831</v>
      </c>
      <c r="K123" s="64">
        <v>1047</v>
      </c>
      <c r="L123" s="77">
        <v>283</v>
      </c>
      <c r="M123" s="78">
        <v>764</v>
      </c>
    </row>
    <row r="124" spans="1:13">
      <c r="A124" s="27" t="s">
        <v>101</v>
      </c>
      <c r="B124" s="67">
        <v>-1627</v>
      </c>
      <c r="C124" s="68">
        <v>-706</v>
      </c>
      <c r="D124" s="68">
        <v>-921</v>
      </c>
      <c r="E124" s="67">
        <v>1641</v>
      </c>
      <c r="F124" s="68">
        <v>719</v>
      </c>
      <c r="G124" s="69">
        <v>922</v>
      </c>
      <c r="H124" s="68">
        <v>307</v>
      </c>
      <c r="I124" s="68">
        <v>90</v>
      </c>
      <c r="J124" s="68">
        <v>217</v>
      </c>
      <c r="K124" s="67">
        <v>293</v>
      </c>
      <c r="L124" s="79">
        <v>77</v>
      </c>
      <c r="M124" s="80">
        <v>216</v>
      </c>
    </row>
    <row r="125" spans="1:13">
      <c r="A125" s="27" t="s">
        <v>103</v>
      </c>
      <c r="B125" s="67">
        <v>-1606</v>
      </c>
      <c r="C125" s="68">
        <v>-689</v>
      </c>
      <c r="D125" s="68">
        <v>-917</v>
      </c>
      <c r="E125" s="67">
        <v>1618</v>
      </c>
      <c r="F125" s="68">
        <v>691</v>
      </c>
      <c r="G125" s="69">
        <v>927</v>
      </c>
      <c r="H125" s="68">
        <v>275</v>
      </c>
      <c r="I125" s="68">
        <v>69</v>
      </c>
      <c r="J125" s="68">
        <v>206</v>
      </c>
      <c r="K125" s="67">
        <v>263</v>
      </c>
      <c r="L125" s="79">
        <v>67</v>
      </c>
      <c r="M125" s="80">
        <v>196</v>
      </c>
    </row>
    <row r="126" spans="1:13">
      <c r="A126" s="27" t="s">
        <v>105</v>
      </c>
      <c r="B126" s="67">
        <v>-1503</v>
      </c>
      <c r="C126" s="68">
        <v>-613</v>
      </c>
      <c r="D126" s="68">
        <v>-890</v>
      </c>
      <c r="E126" s="67">
        <v>1516</v>
      </c>
      <c r="F126" s="68">
        <v>616</v>
      </c>
      <c r="G126" s="69">
        <v>900</v>
      </c>
      <c r="H126" s="68">
        <v>225</v>
      </c>
      <c r="I126" s="68">
        <v>60</v>
      </c>
      <c r="J126" s="68">
        <v>165</v>
      </c>
      <c r="K126" s="67">
        <v>212</v>
      </c>
      <c r="L126" s="79">
        <v>57</v>
      </c>
      <c r="M126" s="80">
        <v>155</v>
      </c>
    </row>
    <row r="127" spans="1:13">
      <c r="A127" s="27" t="s">
        <v>107</v>
      </c>
      <c r="B127" s="67">
        <v>-1348</v>
      </c>
      <c r="C127" s="68">
        <v>-506</v>
      </c>
      <c r="D127" s="68">
        <v>-842</v>
      </c>
      <c r="E127" s="67">
        <v>1366</v>
      </c>
      <c r="F127" s="68">
        <v>502</v>
      </c>
      <c r="G127" s="69">
        <v>864</v>
      </c>
      <c r="H127" s="68">
        <v>172</v>
      </c>
      <c r="I127" s="68">
        <v>44</v>
      </c>
      <c r="J127" s="68">
        <v>128</v>
      </c>
      <c r="K127" s="67">
        <v>154</v>
      </c>
      <c r="L127" s="79">
        <v>48</v>
      </c>
      <c r="M127" s="80">
        <v>106</v>
      </c>
    </row>
    <row r="128" spans="1:13">
      <c r="A128" s="27" t="s">
        <v>109</v>
      </c>
      <c r="B128" s="67">
        <v>-1190</v>
      </c>
      <c r="C128" s="68">
        <v>-436</v>
      </c>
      <c r="D128" s="68">
        <v>-754</v>
      </c>
      <c r="E128" s="67">
        <v>1214</v>
      </c>
      <c r="F128" s="68">
        <v>436</v>
      </c>
      <c r="G128" s="69">
        <v>778</v>
      </c>
      <c r="H128" s="68">
        <v>149</v>
      </c>
      <c r="I128" s="68">
        <v>34</v>
      </c>
      <c r="J128" s="68">
        <v>115</v>
      </c>
      <c r="K128" s="67">
        <v>125</v>
      </c>
      <c r="L128" s="79">
        <v>34</v>
      </c>
      <c r="M128" s="80">
        <v>91</v>
      </c>
    </row>
    <row r="129" spans="1:13" ht="21" customHeight="1">
      <c r="A129" s="38" t="s">
        <v>111</v>
      </c>
      <c r="B129" s="64">
        <v>-3801</v>
      </c>
      <c r="C129" s="65">
        <v>-1124</v>
      </c>
      <c r="D129" s="65">
        <v>-2677</v>
      </c>
      <c r="E129" s="64">
        <v>3830</v>
      </c>
      <c r="F129" s="65">
        <v>1134</v>
      </c>
      <c r="G129" s="66">
        <v>2696</v>
      </c>
      <c r="H129" s="65">
        <v>330</v>
      </c>
      <c r="I129" s="65">
        <v>79</v>
      </c>
      <c r="J129" s="65">
        <v>251</v>
      </c>
      <c r="K129" s="64">
        <v>301</v>
      </c>
      <c r="L129" s="77">
        <v>69</v>
      </c>
      <c r="M129" s="78">
        <v>232</v>
      </c>
    </row>
    <row r="130" spans="1:13">
      <c r="A130" s="27" t="s">
        <v>113</v>
      </c>
      <c r="B130" s="67">
        <v>-1058</v>
      </c>
      <c r="C130" s="68">
        <v>-360</v>
      </c>
      <c r="D130" s="68">
        <v>-698</v>
      </c>
      <c r="E130" s="67">
        <v>1084</v>
      </c>
      <c r="F130" s="68">
        <v>372</v>
      </c>
      <c r="G130" s="69">
        <v>712</v>
      </c>
      <c r="H130" s="68">
        <v>128</v>
      </c>
      <c r="I130" s="68">
        <v>30</v>
      </c>
      <c r="J130" s="68">
        <v>98</v>
      </c>
      <c r="K130" s="67">
        <v>102</v>
      </c>
      <c r="L130" s="79">
        <v>18</v>
      </c>
      <c r="M130" s="80">
        <v>84</v>
      </c>
    </row>
    <row r="131" spans="1:13">
      <c r="A131" s="27" t="s">
        <v>115</v>
      </c>
      <c r="B131" s="67">
        <v>-927</v>
      </c>
      <c r="C131" s="68">
        <v>-317</v>
      </c>
      <c r="D131" s="68">
        <v>-610</v>
      </c>
      <c r="E131" s="67">
        <v>928</v>
      </c>
      <c r="F131" s="68">
        <v>316</v>
      </c>
      <c r="G131" s="69">
        <v>612</v>
      </c>
      <c r="H131" s="68">
        <v>80</v>
      </c>
      <c r="I131" s="68">
        <v>19</v>
      </c>
      <c r="J131" s="68">
        <v>61</v>
      </c>
      <c r="K131" s="67">
        <v>79</v>
      </c>
      <c r="L131" s="79">
        <v>20</v>
      </c>
      <c r="M131" s="80">
        <v>59</v>
      </c>
    </row>
    <row r="132" spans="1:13">
      <c r="A132" s="27" t="s">
        <v>117</v>
      </c>
      <c r="B132" s="67">
        <v>-798</v>
      </c>
      <c r="C132" s="68">
        <v>-212</v>
      </c>
      <c r="D132" s="68">
        <v>-586</v>
      </c>
      <c r="E132" s="67">
        <v>806</v>
      </c>
      <c r="F132" s="68">
        <v>213</v>
      </c>
      <c r="G132" s="69">
        <v>593</v>
      </c>
      <c r="H132" s="68">
        <v>63</v>
      </c>
      <c r="I132" s="68">
        <v>15</v>
      </c>
      <c r="J132" s="68">
        <v>48</v>
      </c>
      <c r="K132" s="67">
        <v>55</v>
      </c>
      <c r="L132" s="79">
        <v>14</v>
      </c>
      <c r="M132" s="80">
        <v>41</v>
      </c>
    </row>
    <row r="133" spans="1:13">
      <c r="A133" s="27" t="s">
        <v>119</v>
      </c>
      <c r="B133" s="67">
        <v>-608</v>
      </c>
      <c r="C133" s="68">
        <v>-151</v>
      </c>
      <c r="D133" s="68">
        <v>-457</v>
      </c>
      <c r="E133" s="67">
        <v>597</v>
      </c>
      <c r="F133" s="68">
        <v>151</v>
      </c>
      <c r="G133" s="69">
        <v>446</v>
      </c>
      <c r="H133" s="68">
        <v>32</v>
      </c>
      <c r="I133" s="68">
        <v>11</v>
      </c>
      <c r="J133" s="68">
        <v>21</v>
      </c>
      <c r="K133" s="67">
        <v>43</v>
      </c>
      <c r="L133" s="79">
        <v>11</v>
      </c>
      <c r="M133" s="80">
        <v>32</v>
      </c>
    </row>
    <row r="134" spans="1:13">
      <c r="A134" s="27" t="s">
        <v>121</v>
      </c>
      <c r="B134" s="67">
        <v>-410</v>
      </c>
      <c r="C134" s="68">
        <v>-84</v>
      </c>
      <c r="D134" s="68">
        <v>-326</v>
      </c>
      <c r="E134" s="67">
        <v>415</v>
      </c>
      <c r="F134" s="68">
        <v>82</v>
      </c>
      <c r="G134" s="69">
        <v>333</v>
      </c>
      <c r="H134" s="68">
        <v>27</v>
      </c>
      <c r="I134" s="68">
        <v>4</v>
      </c>
      <c r="J134" s="68">
        <v>23</v>
      </c>
      <c r="K134" s="67">
        <v>22</v>
      </c>
      <c r="L134" s="79">
        <v>6</v>
      </c>
      <c r="M134" s="80">
        <v>16</v>
      </c>
    </row>
    <row r="135" spans="1:13" ht="21" customHeight="1">
      <c r="A135" s="39" t="s">
        <v>122</v>
      </c>
      <c r="B135" s="42">
        <v>-970</v>
      </c>
      <c r="C135" s="40">
        <v>-165</v>
      </c>
      <c r="D135" s="40">
        <v>-805</v>
      </c>
      <c r="E135" s="42">
        <v>974</v>
      </c>
      <c r="F135" s="40">
        <v>162</v>
      </c>
      <c r="G135" s="43">
        <v>812</v>
      </c>
      <c r="H135" s="40">
        <v>39</v>
      </c>
      <c r="I135" s="40">
        <v>5</v>
      </c>
      <c r="J135" s="40">
        <v>34</v>
      </c>
      <c r="K135" s="42">
        <v>35</v>
      </c>
      <c r="L135" s="44">
        <v>8</v>
      </c>
      <c r="M135" s="85">
        <v>27</v>
      </c>
    </row>
    <row r="136" spans="1:13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96"/>
    </row>
    <row r="137" spans="1:13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6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5</v>
      </c>
      <c r="C5" s="62">
        <v>-54</v>
      </c>
      <c r="D5" s="62">
        <v>49</v>
      </c>
      <c r="E5" s="61">
        <v>1574</v>
      </c>
      <c r="F5" s="62">
        <v>812</v>
      </c>
      <c r="G5" s="63">
        <v>762</v>
      </c>
      <c r="H5" s="62">
        <v>12157</v>
      </c>
      <c r="I5" s="62">
        <v>6302</v>
      </c>
      <c r="J5" s="62">
        <v>5855</v>
      </c>
      <c r="K5" s="61">
        <v>12002</v>
      </c>
      <c r="L5" s="75">
        <v>6290</v>
      </c>
      <c r="M5" s="76">
        <v>5712</v>
      </c>
    </row>
    <row r="6" spans="1:13" ht="23.25" customHeight="1">
      <c r="A6" s="36" t="s">
        <v>2</v>
      </c>
      <c r="B6" s="64">
        <v>1627</v>
      </c>
      <c r="C6" s="65">
        <v>864</v>
      </c>
      <c r="D6" s="65">
        <v>763</v>
      </c>
      <c r="E6" s="64">
        <v>6</v>
      </c>
      <c r="F6" s="65">
        <v>4</v>
      </c>
      <c r="G6" s="66">
        <v>2</v>
      </c>
      <c r="H6" s="65">
        <v>988</v>
      </c>
      <c r="I6" s="65">
        <v>513</v>
      </c>
      <c r="J6" s="65">
        <v>475</v>
      </c>
      <c r="K6" s="64">
        <v>769</v>
      </c>
      <c r="L6" s="77">
        <v>391</v>
      </c>
      <c r="M6" s="78">
        <v>378</v>
      </c>
    </row>
    <row r="7" spans="1:13">
      <c r="A7" s="15" t="s">
        <v>4</v>
      </c>
      <c r="B7" s="67">
        <v>1466</v>
      </c>
      <c r="C7" s="68">
        <v>783</v>
      </c>
      <c r="D7" s="68">
        <v>683</v>
      </c>
      <c r="E7" s="67">
        <v>4</v>
      </c>
      <c r="F7" s="68">
        <v>3</v>
      </c>
      <c r="G7" s="69">
        <v>1</v>
      </c>
      <c r="H7" s="68">
        <v>147</v>
      </c>
      <c r="I7" s="68">
        <v>85</v>
      </c>
      <c r="J7" s="68">
        <v>62</v>
      </c>
      <c r="K7" s="67">
        <v>91</v>
      </c>
      <c r="L7" s="79">
        <v>45</v>
      </c>
      <c r="M7" s="80">
        <v>46</v>
      </c>
    </row>
    <row r="8" spans="1:13">
      <c r="A8" s="15" t="s">
        <v>6</v>
      </c>
      <c r="B8" s="67">
        <v>60</v>
      </c>
      <c r="C8" s="68">
        <v>41</v>
      </c>
      <c r="D8" s="68">
        <v>19</v>
      </c>
      <c r="E8" s="67">
        <v>1</v>
      </c>
      <c r="F8" s="68">
        <v>1</v>
      </c>
      <c r="G8" s="69">
        <v>0</v>
      </c>
      <c r="H8" s="68">
        <v>252</v>
      </c>
      <c r="I8" s="68">
        <v>145</v>
      </c>
      <c r="J8" s="68">
        <v>107</v>
      </c>
      <c r="K8" s="67">
        <v>191</v>
      </c>
      <c r="L8" s="79">
        <v>103</v>
      </c>
      <c r="M8" s="80">
        <v>88</v>
      </c>
    </row>
    <row r="9" spans="1:13">
      <c r="A9" s="15" t="s">
        <v>8</v>
      </c>
      <c r="B9" s="67">
        <v>27</v>
      </c>
      <c r="C9" s="68">
        <v>18</v>
      </c>
      <c r="D9" s="68">
        <v>9</v>
      </c>
      <c r="E9" s="67">
        <v>0</v>
      </c>
      <c r="F9" s="68">
        <v>0</v>
      </c>
      <c r="G9" s="69">
        <v>0</v>
      </c>
      <c r="H9" s="68">
        <v>206</v>
      </c>
      <c r="I9" s="68">
        <v>98</v>
      </c>
      <c r="J9" s="68">
        <v>108</v>
      </c>
      <c r="K9" s="67">
        <v>179</v>
      </c>
      <c r="L9" s="79">
        <v>80</v>
      </c>
      <c r="M9" s="80">
        <v>99</v>
      </c>
    </row>
    <row r="10" spans="1:13">
      <c r="A10" s="15" t="s">
        <v>10</v>
      </c>
      <c r="B10" s="67">
        <v>42</v>
      </c>
      <c r="C10" s="68">
        <v>16</v>
      </c>
      <c r="D10" s="68">
        <v>26</v>
      </c>
      <c r="E10" s="67">
        <v>0</v>
      </c>
      <c r="F10" s="68">
        <v>0</v>
      </c>
      <c r="G10" s="69">
        <v>0</v>
      </c>
      <c r="H10" s="68">
        <v>207</v>
      </c>
      <c r="I10" s="68">
        <v>96</v>
      </c>
      <c r="J10" s="68">
        <v>111</v>
      </c>
      <c r="K10" s="67">
        <v>165</v>
      </c>
      <c r="L10" s="79">
        <v>80</v>
      </c>
      <c r="M10" s="80">
        <v>85</v>
      </c>
    </row>
    <row r="11" spans="1:13">
      <c r="A11" s="15" t="s">
        <v>12</v>
      </c>
      <c r="B11" s="67">
        <v>32</v>
      </c>
      <c r="C11" s="68">
        <v>6</v>
      </c>
      <c r="D11" s="68">
        <v>26</v>
      </c>
      <c r="E11" s="67">
        <v>1</v>
      </c>
      <c r="F11" s="68">
        <v>0</v>
      </c>
      <c r="G11" s="69">
        <v>1</v>
      </c>
      <c r="H11" s="68">
        <v>176</v>
      </c>
      <c r="I11" s="68">
        <v>89</v>
      </c>
      <c r="J11" s="68">
        <v>87</v>
      </c>
      <c r="K11" s="67">
        <v>143</v>
      </c>
      <c r="L11" s="79">
        <v>83</v>
      </c>
      <c r="M11" s="80">
        <v>60</v>
      </c>
    </row>
    <row r="12" spans="1:13" ht="21" customHeight="1">
      <c r="A12" s="36" t="s">
        <v>14</v>
      </c>
      <c r="B12" s="64">
        <v>-49</v>
      </c>
      <c r="C12" s="65">
        <v>-36</v>
      </c>
      <c r="D12" s="65">
        <v>-13</v>
      </c>
      <c r="E12" s="64">
        <v>0</v>
      </c>
      <c r="F12" s="65">
        <v>0</v>
      </c>
      <c r="G12" s="66">
        <v>0</v>
      </c>
      <c r="H12" s="65">
        <v>503</v>
      </c>
      <c r="I12" s="65">
        <v>259</v>
      </c>
      <c r="J12" s="65">
        <v>244</v>
      </c>
      <c r="K12" s="64">
        <v>552</v>
      </c>
      <c r="L12" s="77">
        <v>295</v>
      </c>
      <c r="M12" s="78">
        <v>257</v>
      </c>
    </row>
    <row r="13" spans="1:13">
      <c r="A13" s="15" t="s">
        <v>16</v>
      </c>
      <c r="B13" s="67">
        <v>-7</v>
      </c>
      <c r="C13" s="68">
        <v>-5</v>
      </c>
      <c r="D13" s="68">
        <v>-2</v>
      </c>
      <c r="E13" s="67">
        <v>0</v>
      </c>
      <c r="F13" s="68">
        <v>0</v>
      </c>
      <c r="G13" s="69">
        <v>0</v>
      </c>
      <c r="H13" s="68">
        <v>125</v>
      </c>
      <c r="I13" s="68">
        <v>66</v>
      </c>
      <c r="J13" s="68">
        <v>59</v>
      </c>
      <c r="K13" s="67">
        <v>132</v>
      </c>
      <c r="L13" s="79">
        <v>71</v>
      </c>
      <c r="M13" s="80">
        <v>61</v>
      </c>
    </row>
    <row r="14" spans="1:13">
      <c r="A14" s="15" t="s">
        <v>18</v>
      </c>
      <c r="B14" s="67">
        <v>-21</v>
      </c>
      <c r="C14" s="68">
        <v>-24</v>
      </c>
      <c r="D14" s="68">
        <v>3</v>
      </c>
      <c r="E14" s="67">
        <v>0</v>
      </c>
      <c r="F14" s="68">
        <v>0</v>
      </c>
      <c r="G14" s="69">
        <v>0</v>
      </c>
      <c r="H14" s="68">
        <v>111</v>
      </c>
      <c r="I14" s="68">
        <v>56</v>
      </c>
      <c r="J14" s="68">
        <v>55</v>
      </c>
      <c r="K14" s="67">
        <v>132</v>
      </c>
      <c r="L14" s="79">
        <v>80</v>
      </c>
      <c r="M14" s="80">
        <v>52</v>
      </c>
    </row>
    <row r="15" spans="1:13">
      <c r="A15" s="15" t="s">
        <v>20</v>
      </c>
      <c r="B15" s="67">
        <v>-18</v>
      </c>
      <c r="C15" s="68">
        <v>-9</v>
      </c>
      <c r="D15" s="68">
        <v>-9</v>
      </c>
      <c r="E15" s="67">
        <v>0</v>
      </c>
      <c r="F15" s="68">
        <v>0</v>
      </c>
      <c r="G15" s="69">
        <v>0</v>
      </c>
      <c r="H15" s="68">
        <v>106</v>
      </c>
      <c r="I15" s="68">
        <v>56</v>
      </c>
      <c r="J15" s="68">
        <v>50</v>
      </c>
      <c r="K15" s="67">
        <v>124</v>
      </c>
      <c r="L15" s="79">
        <v>65</v>
      </c>
      <c r="M15" s="80">
        <v>59</v>
      </c>
    </row>
    <row r="16" spans="1:13">
      <c r="A16" s="15" t="s">
        <v>22</v>
      </c>
      <c r="B16" s="67">
        <v>-12</v>
      </c>
      <c r="C16" s="68">
        <v>-8</v>
      </c>
      <c r="D16" s="68">
        <v>-4</v>
      </c>
      <c r="E16" s="67">
        <v>0</v>
      </c>
      <c r="F16" s="68">
        <v>0</v>
      </c>
      <c r="G16" s="69">
        <v>0</v>
      </c>
      <c r="H16" s="68">
        <v>78</v>
      </c>
      <c r="I16" s="68">
        <v>32</v>
      </c>
      <c r="J16" s="68">
        <v>46</v>
      </c>
      <c r="K16" s="67">
        <v>90</v>
      </c>
      <c r="L16" s="79">
        <v>40</v>
      </c>
      <c r="M16" s="80">
        <v>50</v>
      </c>
    </row>
    <row r="17" spans="1:13">
      <c r="A17" s="15" t="s">
        <v>24</v>
      </c>
      <c r="B17" s="67">
        <v>9</v>
      </c>
      <c r="C17" s="68">
        <v>10</v>
      </c>
      <c r="D17" s="68">
        <v>-1</v>
      </c>
      <c r="E17" s="67">
        <v>0</v>
      </c>
      <c r="F17" s="68">
        <v>0</v>
      </c>
      <c r="G17" s="69">
        <v>0</v>
      </c>
      <c r="H17" s="68">
        <v>83</v>
      </c>
      <c r="I17" s="68">
        <v>49</v>
      </c>
      <c r="J17" s="68">
        <v>34</v>
      </c>
      <c r="K17" s="67">
        <v>74</v>
      </c>
      <c r="L17" s="79">
        <v>39</v>
      </c>
      <c r="M17" s="80">
        <v>35</v>
      </c>
    </row>
    <row r="18" spans="1:13" ht="21" customHeight="1">
      <c r="A18" s="36" t="s">
        <v>26</v>
      </c>
      <c r="B18" s="64">
        <v>-68</v>
      </c>
      <c r="C18" s="65">
        <v>-26</v>
      </c>
      <c r="D18" s="65">
        <v>-42</v>
      </c>
      <c r="E18" s="64">
        <v>0</v>
      </c>
      <c r="F18" s="65">
        <v>0</v>
      </c>
      <c r="G18" s="66">
        <v>0</v>
      </c>
      <c r="H18" s="65">
        <v>290</v>
      </c>
      <c r="I18" s="65">
        <v>141</v>
      </c>
      <c r="J18" s="65">
        <v>149</v>
      </c>
      <c r="K18" s="64">
        <v>358</v>
      </c>
      <c r="L18" s="77">
        <v>167</v>
      </c>
      <c r="M18" s="78">
        <v>191</v>
      </c>
    </row>
    <row r="19" spans="1:13">
      <c r="A19" s="15" t="s">
        <v>28</v>
      </c>
      <c r="B19" s="67">
        <v>-28</v>
      </c>
      <c r="C19" s="68">
        <v>-11</v>
      </c>
      <c r="D19" s="68">
        <v>-17</v>
      </c>
      <c r="E19" s="67">
        <v>0</v>
      </c>
      <c r="F19" s="68">
        <v>0</v>
      </c>
      <c r="G19" s="69">
        <v>0</v>
      </c>
      <c r="H19" s="68">
        <v>62</v>
      </c>
      <c r="I19" s="68">
        <v>32</v>
      </c>
      <c r="J19" s="68">
        <v>30</v>
      </c>
      <c r="K19" s="67">
        <v>90</v>
      </c>
      <c r="L19" s="79">
        <v>43</v>
      </c>
      <c r="M19" s="80">
        <v>47</v>
      </c>
    </row>
    <row r="20" spans="1:13">
      <c r="A20" s="15" t="s">
        <v>30</v>
      </c>
      <c r="B20" s="67">
        <v>-14</v>
      </c>
      <c r="C20" s="68">
        <v>-18</v>
      </c>
      <c r="D20" s="68">
        <v>4</v>
      </c>
      <c r="E20" s="67">
        <v>0</v>
      </c>
      <c r="F20" s="68">
        <v>0</v>
      </c>
      <c r="G20" s="69">
        <v>0</v>
      </c>
      <c r="H20" s="68">
        <v>49</v>
      </c>
      <c r="I20" s="68">
        <v>16</v>
      </c>
      <c r="J20" s="68">
        <v>33</v>
      </c>
      <c r="K20" s="67">
        <v>63</v>
      </c>
      <c r="L20" s="79">
        <v>34</v>
      </c>
      <c r="M20" s="80">
        <v>29</v>
      </c>
    </row>
    <row r="21" spans="1:13">
      <c r="A21" s="15" t="s">
        <v>32</v>
      </c>
      <c r="B21" s="67">
        <v>-11</v>
      </c>
      <c r="C21" s="68">
        <v>0</v>
      </c>
      <c r="D21" s="68">
        <v>-11</v>
      </c>
      <c r="E21" s="67">
        <v>0</v>
      </c>
      <c r="F21" s="68">
        <v>0</v>
      </c>
      <c r="G21" s="69">
        <v>0</v>
      </c>
      <c r="H21" s="68">
        <v>60</v>
      </c>
      <c r="I21" s="68">
        <v>31</v>
      </c>
      <c r="J21" s="68">
        <v>29</v>
      </c>
      <c r="K21" s="67">
        <v>71</v>
      </c>
      <c r="L21" s="79">
        <v>31</v>
      </c>
      <c r="M21" s="80">
        <v>40</v>
      </c>
    </row>
    <row r="22" spans="1:13">
      <c r="A22" s="15" t="s">
        <v>34</v>
      </c>
      <c r="B22" s="67">
        <v>2</v>
      </c>
      <c r="C22" s="68">
        <v>5</v>
      </c>
      <c r="D22" s="68">
        <v>-3</v>
      </c>
      <c r="E22" s="67">
        <v>0</v>
      </c>
      <c r="F22" s="68">
        <v>0</v>
      </c>
      <c r="G22" s="69">
        <v>0</v>
      </c>
      <c r="H22" s="68">
        <v>82</v>
      </c>
      <c r="I22" s="68">
        <v>40</v>
      </c>
      <c r="J22" s="68">
        <v>42</v>
      </c>
      <c r="K22" s="67">
        <v>80</v>
      </c>
      <c r="L22" s="79">
        <v>35</v>
      </c>
      <c r="M22" s="80">
        <v>45</v>
      </c>
    </row>
    <row r="23" spans="1:13">
      <c r="A23" s="15" t="s">
        <v>36</v>
      </c>
      <c r="B23" s="67">
        <v>-17</v>
      </c>
      <c r="C23" s="68">
        <v>-2</v>
      </c>
      <c r="D23" s="68">
        <v>-15</v>
      </c>
      <c r="E23" s="67">
        <v>0</v>
      </c>
      <c r="F23" s="68">
        <v>0</v>
      </c>
      <c r="G23" s="69">
        <v>0</v>
      </c>
      <c r="H23" s="68">
        <v>37</v>
      </c>
      <c r="I23" s="68">
        <v>22</v>
      </c>
      <c r="J23" s="68">
        <v>15</v>
      </c>
      <c r="K23" s="67">
        <v>54</v>
      </c>
      <c r="L23" s="79">
        <v>24</v>
      </c>
      <c r="M23" s="80">
        <v>30</v>
      </c>
    </row>
    <row r="24" spans="1:13" ht="21" customHeight="1">
      <c r="A24" s="36" t="s">
        <v>38</v>
      </c>
      <c r="B24" s="64">
        <v>-61</v>
      </c>
      <c r="C24" s="65">
        <v>-45</v>
      </c>
      <c r="D24" s="65">
        <v>-16</v>
      </c>
      <c r="E24" s="64">
        <v>2</v>
      </c>
      <c r="F24" s="65">
        <v>0</v>
      </c>
      <c r="G24" s="66">
        <v>2</v>
      </c>
      <c r="H24" s="65">
        <v>306</v>
      </c>
      <c r="I24" s="65">
        <v>157</v>
      </c>
      <c r="J24" s="65">
        <v>149</v>
      </c>
      <c r="K24" s="64">
        <v>365</v>
      </c>
      <c r="L24" s="77">
        <v>202</v>
      </c>
      <c r="M24" s="78">
        <v>163</v>
      </c>
    </row>
    <row r="25" spans="1:13">
      <c r="A25" s="15" t="s">
        <v>40</v>
      </c>
      <c r="B25" s="67">
        <v>-20</v>
      </c>
      <c r="C25" s="68">
        <v>-17</v>
      </c>
      <c r="D25" s="68">
        <v>-3</v>
      </c>
      <c r="E25" s="67">
        <v>0</v>
      </c>
      <c r="F25" s="68">
        <v>0</v>
      </c>
      <c r="G25" s="69">
        <v>0</v>
      </c>
      <c r="H25" s="68">
        <v>31</v>
      </c>
      <c r="I25" s="68">
        <v>13</v>
      </c>
      <c r="J25" s="68">
        <v>18</v>
      </c>
      <c r="K25" s="67">
        <v>51</v>
      </c>
      <c r="L25" s="79">
        <v>30</v>
      </c>
      <c r="M25" s="80">
        <v>21</v>
      </c>
    </row>
    <row r="26" spans="1:13">
      <c r="A26" s="15" t="s">
        <v>42</v>
      </c>
      <c r="B26" s="67">
        <v>-30</v>
      </c>
      <c r="C26" s="68">
        <v>-16</v>
      </c>
      <c r="D26" s="68">
        <v>-14</v>
      </c>
      <c r="E26" s="67">
        <v>2</v>
      </c>
      <c r="F26" s="68">
        <v>0</v>
      </c>
      <c r="G26" s="69">
        <v>2</v>
      </c>
      <c r="H26" s="68">
        <v>51</v>
      </c>
      <c r="I26" s="68">
        <v>27</v>
      </c>
      <c r="J26" s="68">
        <v>24</v>
      </c>
      <c r="K26" s="67">
        <v>79</v>
      </c>
      <c r="L26" s="79">
        <v>43</v>
      </c>
      <c r="M26" s="80">
        <v>36</v>
      </c>
    </row>
    <row r="27" spans="1:13">
      <c r="A27" s="15" t="s">
        <v>44</v>
      </c>
      <c r="B27" s="67">
        <v>-18</v>
      </c>
      <c r="C27" s="68">
        <v>-10</v>
      </c>
      <c r="D27" s="68">
        <v>-8</v>
      </c>
      <c r="E27" s="67">
        <v>0</v>
      </c>
      <c r="F27" s="68">
        <v>0</v>
      </c>
      <c r="G27" s="69">
        <v>0</v>
      </c>
      <c r="H27" s="68">
        <v>28</v>
      </c>
      <c r="I27" s="68">
        <v>15</v>
      </c>
      <c r="J27" s="68">
        <v>13</v>
      </c>
      <c r="K27" s="67">
        <v>46</v>
      </c>
      <c r="L27" s="79">
        <v>25</v>
      </c>
      <c r="M27" s="80">
        <v>21</v>
      </c>
    </row>
    <row r="28" spans="1:13">
      <c r="A28" s="15" t="s">
        <v>46</v>
      </c>
      <c r="B28" s="67">
        <v>18</v>
      </c>
      <c r="C28" s="68">
        <v>13</v>
      </c>
      <c r="D28" s="68">
        <v>5</v>
      </c>
      <c r="E28" s="67">
        <v>0</v>
      </c>
      <c r="F28" s="68">
        <v>0</v>
      </c>
      <c r="G28" s="69">
        <v>0</v>
      </c>
      <c r="H28" s="68">
        <v>73</v>
      </c>
      <c r="I28" s="68">
        <v>44</v>
      </c>
      <c r="J28" s="68">
        <v>29</v>
      </c>
      <c r="K28" s="67">
        <v>55</v>
      </c>
      <c r="L28" s="79">
        <v>31</v>
      </c>
      <c r="M28" s="80">
        <v>24</v>
      </c>
    </row>
    <row r="29" spans="1:13">
      <c r="A29" s="15" t="s">
        <v>48</v>
      </c>
      <c r="B29" s="67">
        <v>-11</v>
      </c>
      <c r="C29" s="68">
        <v>-15</v>
      </c>
      <c r="D29" s="68">
        <v>4</v>
      </c>
      <c r="E29" s="67">
        <v>0</v>
      </c>
      <c r="F29" s="68">
        <v>0</v>
      </c>
      <c r="G29" s="69">
        <v>0</v>
      </c>
      <c r="H29" s="68">
        <v>123</v>
      </c>
      <c r="I29" s="68">
        <v>58</v>
      </c>
      <c r="J29" s="68">
        <v>65</v>
      </c>
      <c r="K29" s="67">
        <v>134</v>
      </c>
      <c r="L29" s="79">
        <v>73</v>
      </c>
      <c r="M29" s="80">
        <v>61</v>
      </c>
    </row>
    <row r="30" spans="1:13" ht="21" customHeight="1">
      <c r="A30" s="36" t="s">
        <v>50</v>
      </c>
      <c r="B30" s="64">
        <v>-332</v>
      </c>
      <c r="C30" s="65">
        <v>-198</v>
      </c>
      <c r="D30" s="65">
        <v>-134</v>
      </c>
      <c r="E30" s="64">
        <v>5</v>
      </c>
      <c r="F30" s="65">
        <v>2</v>
      </c>
      <c r="G30" s="66">
        <v>3</v>
      </c>
      <c r="H30" s="65">
        <v>1159</v>
      </c>
      <c r="I30" s="65">
        <v>584</v>
      </c>
      <c r="J30" s="65">
        <v>575</v>
      </c>
      <c r="K30" s="64">
        <v>1486</v>
      </c>
      <c r="L30" s="77">
        <v>780</v>
      </c>
      <c r="M30" s="78">
        <v>706</v>
      </c>
    </row>
    <row r="31" spans="1:13">
      <c r="A31" s="15" t="s">
        <v>52</v>
      </c>
      <c r="B31" s="67">
        <v>-1</v>
      </c>
      <c r="C31" s="68">
        <v>-26</v>
      </c>
      <c r="D31" s="68">
        <v>25</v>
      </c>
      <c r="E31" s="67">
        <v>1</v>
      </c>
      <c r="F31" s="68">
        <v>1</v>
      </c>
      <c r="G31" s="69">
        <v>0</v>
      </c>
      <c r="H31" s="68">
        <v>111</v>
      </c>
      <c r="I31" s="68">
        <v>56</v>
      </c>
      <c r="J31" s="68">
        <v>55</v>
      </c>
      <c r="K31" s="67">
        <v>111</v>
      </c>
      <c r="L31" s="79">
        <v>81</v>
      </c>
      <c r="M31" s="80">
        <v>30</v>
      </c>
    </row>
    <row r="32" spans="1:13">
      <c r="A32" s="15" t="s">
        <v>54</v>
      </c>
      <c r="B32" s="67">
        <v>-7</v>
      </c>
      <c r="C32" s="68">
        <v>-17</v>
      </c>
      <c r="D32" s="68">
        <v>10</v>
      </c>
      <c r="E32" s="67">
        <v>1</v>
      </c>
      <c r="F32" s="68">
        <v>1</v>
      </c>
      <c r="G32" s="69">
        <v>0</v>
      </c>
      <c r="H32" s="68">
        <v>147</v>
      </c>
      <c r="I32" s="68">
        <v>69</v>
      </c>
      <c r="J32" s="68">
        <v>78</v>
      </c>
      <c r="K32" s="67">
        <v>153</v>
      </c>
      <c r="L32" s="79">
        <v>85</v>
      </c>
      <c r="M32" s="80">
        <v>68</v>
      </c>
    </row>
    <row r="33" spans="1:13">
      <c r="A33" s="15" t="s">
        <v>56</v>
      </c>
      <c r="B33" s="67">
        <v>-48</v>
      </c>
      <c r="C33" s="68">
        <v>-19</v>
      </c>
      <c r="D33" s="68">
        <v>-29</v>
      </c>
      <c r="E33" s="67">
        <v>1</v>
      </c>
      <c r="F33" s="68">
        <v>0</v>
      </c>
      <c r="G33" s="69">
        <v>1</v>
      </c>
      <c r="H33" s="68">
        <v>217</v>
      </c>
      <c r="I33" s="68">
        <v>101</v>
      </c>
      <c r="J33" s="68">
        <v>116</v>
      </c>
      <c r="K33" s="67">
        <v>264</v>
      </c>
      <c r="L33" s="79">
        <v>120</v>
      </c>
      <c r="M33" s="80">
        <v>144</v>
      </c>
    </row>
    <row r="34" spans="1:13">
      <c r="A34" s="15" t="s">
        <v>58</v>
      </c>
      <c r="B34" s="67">
        <v>-133</v>
      </c>
      <c r="C34" s="68">
        <v>-68</v>
      </c>
      <c r="D34" s="68">
        <v>-65</v>
      </c>
      <c r="E34" s="67">
        <v>1</v>
      </c>
      <c r="F34" s="68">
        <v>0</v>
      </c>
      <c r="G34" s="69">
        <v>1</v>
      </c>
      <c r="H34" s="68">
        <v>361</v>
      </c>
      <c r="I34" s="68">
        <v>186</v>
      </c>
      <c r="J34" s="68">
        <v>175</v>
      </c>
      <c r="K34" s="67">
        <v>493</v>
      </c>
      <c r="L34" s="79">
        <v>254</v>
      </c>
      <c r="M34" s="80">
        <v>239</v>
      </c>
    </row>
    <row r="35" spans="1:13">
      <c r="A35" s="15" t="s">
        <v>60</v>
      </c>
      <c r="B35" s="67">
        <v>-143</v>
      </c>
      <c r="C35" s="68">
        <v>-68</v>
      </c>
      <c r="D35" s="68">
        <v>-75</v>
      </c>
      <c r="E35" s="67">
        <v>1</v>
      </c>
      <c r="F35" s="68">
        <v>0</v>
      </c>
      <c r="G35" s="69">
        <v>1</v>
      </c>
      <c r="H35" s="68">
        <v>323</v>
      </c>
      <c r="I35" s="68">
        <v>172</v>
      </c>
      <c r="J35" s="68">
        <v>151</v>
      </c>
      <c r="K35" s="67">
        <v>465</v>
      </c>
      <c r="L35" s="79">
        <v>240</v>
      </c>
      <c r="M35" s="80">
        <v>225</v>
      </c>
    </row>
    <row r="36" spans="1:13" ht="21" customHeight="1">
      <c r="A36" s="36" t="s">
        <v>62</v>
      </c>
      <c r="B36" s="64">
        <v>1</v>
      </c>
      <c r="C36" s="65">
        <v>2</v>
      </c>
      <c r="D36" s="65">
        <v>-1</v>
      </c>
      <c r="E36" s="64">
        <v>1</v>
      </c>
      <c r="F36" s="65">
        <v>0</v>
      </c>
      <c r="G36" s="66">
        <v>1</v>
      </c>
      <c r="H36" s="65">
        <v>2227</v>
      </c>
      <c r="I36" s="65">
        <v>1125</v>
      </c>
      <c r="J36" s="65">
        <v>1102</v>
      </c>
      <c r="K36" s="64">
        <v>2225</v>
      </c>
      <c r="L36" s="77">
        <v>1123</v>
      </c>
      <c r="M36" s="78">
        <v>1102</v>
      </c>
    </row>
    <row r="37" spans="1:13">
      <c r="A37" s="15" t="s">
        <v>64</v>
      </c>
      <c r="B37" s="67">
        <v>-53</v>
      </c>
      <c r="C37" s="68">
        <v>-48</v>
      </c>
      <c r="D37" s="68">
        <v>-5</v>
      </c>
      <c r="E37" s="67">
        <v>0</v>
      </c>
      <c r="F37" s="68">
        <v>0</v>
      </c>
      <c r="G37" s="69">
        <v>0</v>
      </c>
      <c r="H37" s="68">
        <v>429</v>
      </c>
      <c r="I37" s="68">
        <v>208</v>
      </c>
      <c r="J37" s="68">
        <v>221</v>
      </c>
      <c r="K37" s="67">
        <v>482</v>
      </c>
      <c r="L37" s="79">
        <v>256</v>
      </c>
      <c r="M37" s="80">
        <v>226</v>
      </c>
    </row>
    <row r="38" spans="1:13">
      <c r="A38" s="15" t="s">
        <v>66</v>
      </c>
      <c r="B38" s="67">
        <v>-41</v>
      </c>
      <c r="C38" s="68">
        <v>-15</v>
      </c>
      <c r="D38" s="68">
        <v>-26</v>
      </c>
      <c r="E38" s="67">
        <v>0</v>
      </c>
      <c r="F38" s="68">
        <v>0</v>
      </c>
      <c r="G38" s="69">
        <v>0</v>
      </c>
      <c r="H38" s="68">
        <v>439</v>
      </c>
      <c r="I38" s="68">
        <v>219</v>
      </c>
      <c r="J38" s="68">
        <v>220</v>
      </c>
      <c r="K38" s="67">
        <v>480</v>
      </c>
      <c r="L38" s="79">
        <v>234</v>
      </c>
      <c r="M38" s="80">
        <v>246</v>
      </c>
    </row>
    <row r="39" spans="1:13">
      <c r="A39" s="15" t="s">
        <v>68</v>
      </c>
      <c r="B39" s="67">
        <v>21</v>
      </c>
      <c r="C39" s="68">
        <v>21</v>
      </c>
      <c r="D39" s="68">
        <v>0</v>
      </c>
      <c r="E39" s="67">
        <v>0</v>
      </c>
      <c r="F39" s="68">
        <v>0</v>
      </c>
      <c r="G39" s="69">
        <v>0</v>
      </c>
      <c r="H39" s="68">
        <v>444</v>
      </c>
      <c r="I39" s="68">
        <v>243</v>
      </c>
      <c r="J39" s="68">
        <v>201</v>
      </c>
      <c r="K39" s="67">
        <v>423</v>
      </c>
      <c r="L39" s="79">
        <v>222</v>
      </c>
      <c r="M39" s="80">
        <v>201</v>
      </c>
    </row>
    <row r="40" spans="1:13">
      <c r="A40" s="15" t="s">
        <v>70</v>
      </c>
      <c r="B40" s="67">
        <v>37</v>
      </c>
      <c r="C40" s="68">
        <v>25</v>
      </c>
      <c r="D40" s="68">
        <v>12</v>
      </c>
      <c r="E40" s="67">
        <v>0</v>
      </c>
      <c r="F40" s="68">
        <v>0</v>
      </c>
      <c r="G40" s="69">
        <v>0</v>
      </c>
      <c r="H40" s="68">
        <v>476</v>
      </c>
      <c r="I40" s="68">
        <v>235</v>
      </c>
      <c r="J40" s="68">
        <v>241</v>
      </c>
      <c r="K40" s="67">
        <v>439</v>
      </c>
      <c r="L40" s="79">
        <v>210</v>
      </c>
      <c r="M40" s="80">
        <v>229</v>
      </c>
    </row>
    <row r="41" spans="1:13">
      <c r="A41" s="15" t="s">
        <v>72</v>
      </c>
      <c r="B41" s="67">
        <v>37</v>
      </c>
      <c r="C41" s="68">
        <v>19</v>
      </c>
      <c r="D41" s="68">
        <v>18</v>
      </c>
      <c r="E41" s="67">
        <v>1</v>
      </c>
      <c r="F41" s="68">
        <v>0</v>
      </c>
      <c r="G41" s="69">
        <v>1</v>
      </c>
      <c r="H41" s="68">
        <v>439</v>
      </c>
      <c r="I41" s="68">
        <v>220</v>
      </c>
      <c r="J41" s="68">
        <v>219</v>
      </c>
      <c r="K41" s="67">
        <v>401</v>
      </c>
      <c r="L41" s="79">
        <v>201</v>
      </c>
      <c r="M41" s="80">
        <v>200</v>
      </c>
    </row>
    <row r="42" spans="1:13" ht="21" customHeight="1">
      <c r="A42" s="36" t="s">
        <v>74</v>
      </c>
      <c r="B42" s="64">
        <v>344</v>
      </c>
      <c r="C42" s="65">
        <v>220</v>
      </c>
      <c r="D42" s="65">
        <v>124</v>
      </c>
      <c r="E42" s="64">
        <v>0</v>
      </c>
      <c r="F42" s="65">
        <v>0</v>
      </c>
      <c r="G42" s="66">
        <v>0</v>
      </c>
      <c r="H42" s="65">
        <v>1890</v>
      </c>
      <c r="I42" s="65">
        <v>1039</v>
      </c>
      <c r="J42" s="65">
        <v>851</v>
      </c>
      <c r="K42" s="64">
        <v>1546</v>
      </c>
      <c r="L42" s="77">
        <v>819</v>
      </c>
      <c r="M42" s="78">
        <v>727</v>
      </c>
    </row>
    <row r="43" spans="1:13">
      <c r="A43" s="15" t="s">
        <v>76</v>
      </c>
      <c r="B43" s="67">
        <v>65</v>
      </c>
      <c r="C43" s="68">
        <v>51</v>
      </c>
      <c r="D43" s="68">
        <v>14</v>
      </c>
      <c r="E43" s="67">
        <v>0</v>
      </c>
      <c r="F43" s="68">
        <v>0</v>
      </c>
      <c r="G43" s="69">
        <v>0</v>
      </c>
      <c r="H43" s="68">
        <v>434</v>
      </c>
      <c r="I43" s="68">
        <v>233</v>
      </c>
      <c r="J43" s="68">
        <v>201</v>
      </c>
      <c r="K43" s="67">
        <v>369</v>
      </c>
      <c r="L43" s="79">
        <v>182</v>
      </c>
      <c r="M43" s="80">
        <v>187</v>
      </c>
    </row>
    <row r="44" spans="1:13">
      <c r="A44" s="15" t="s">
        <v>78</v>
      </c>
      <c r="B44" s="67">
        <v>97</v>
      </c>
      <c r="C44" s="68">
        <v>65</v>
      </c>
      <c r="D44" s="68">
        <v>32</v>
      </c>
      <c r="E44" s="67">
        <v>0</v>
      </c>
      <c r="F44" s="68">
        <v>0</v>
      </c>
      <c r="G44" s="69">
        <v>0</v>
      </c>
      <c r="H44" s="68">
        <v>414</v>
      </c>
      <c r="I44" s="68">
        <v>233</v>
      </c>
      <c r="J44" s="68">
        <v>181</v>
      </c>
      <c r="K44" s="67">
        <v>317</v>
      </c>
      <c r="L44" s="79">
        <v>168</v>
      </c>
      <c r="M44" s="80">
        <v>149</v>
      </c>
    </row>
    <row r="45" spans="1:13">
      <c r="A45" s="15" t="s">
        <v>80</v>
      </c>
      <c r="B45" s="67">
        <v>53</v>
      </c>
      <c r="C45" s="68">
        <v>29</v>
      </c>
      <c r="D45" s="68">
        <v>24</v>
      </c>
      <c r="E45" s="67">
        <v>0</v>
      </c>
      <c r="F45" s="68">
        <v>0</v>
      </c>
      <c r="G45" s="69">
        <v>0</v>
      </c>
      <c r="H45" s="68">
        <v>351</v>
      </c>
      <c r="I45" s="68">
        <v>194</v>
      </c>
      <c r="J45" s="68">
        <v>157</v>
      </c>
      <c r="K45" s="67">
        <v>298</v>
      </c>
      <c r="L45" s="79">
        <v>165</v>
      </c>
      <c r="M45" s="80">
        <v>133</v>
      </c>
    </row>
    <row r="46" spans="1:13">
      <c r="A46" s="15" t="s">
        <v>82</v>
      </c>
      <c r="B46" s="67">
        <v>53</v>
      </c>
      <c r="C46" s="68">
        <v>35</v>
      </c>
      <c r="D46" s="68">
        <v>18</v>
      </c>
      <c r="E46" s="67">
        <v>0</v>
      </c>
      <c r="F46" s="68">
        <v>0</v>
      </c>
      <c r="G46" s="69">
        <v>0</v>
      </c>
      <c r="H46" s="68">
        <v>326</v>
      </c>
      <c r="I46" s="68">
        <v>180</v>
      </c>
      <c r="J46" s="68">
        <v>146</v>
      </c>
      <c r="K46" s="67">
        <v>273</v>
      </c>
      <c r="L46" s="79">
        <v>145</v>
      </c>
      <c r="M46" s="80">
        <v>128</v>
      </c>
    </row>
    <row r="47" spans="1:13">
      <c r="A47" s="15" t="s">
        <v>84</v>
      </c>
      <c r="B47" s="67">
        <v>76</v>
      </c>
      <c r="C47" s="68">
        <v>40</v>
      </c>
      <c r="D47" s="68">
        <v>36</v>
      </c>
      <c r="E47" s="67">
        <v>0</v>
      </c>
      <c r="F47" s="68">
        <v>0</v>
      </c>
      <c r="G47" s="69">
        <v>0</v>
      </c>
      <c r="H47" s="68">
        <v>365</v>
      </c>
      <c r="I47" s="68">
        <v>199</v>
      </c>
      <c r="J47" s="68">
        <v>166</v>
      </c>
      <c r="K47" s="67">
        <v>289</v>
      </c>
      <c r="L47" s="79">
        <v>159</v>
      </c>
      <c r="M47" s="80">
        <v>130</v>
      </c>
    </row>
    <row r="48" spans="1:13" ht="21" customHeight="1">
      <c r="A48" s="36" t="s">
        <v>86</v>
      </c>
      <c r="B48" s="64">
        <v>312</v>
      </c>
      <c r="C48" s="65">
        <v>131</v>
      </c>
      <c r="D48" s="65">
        <v>181</v>
      </c>
      <c r="E48" s="64">
        <v>7</v>
      </c>
      <c r="F48" s="65">
        <v>2</v>
      </c>
      <c r="G48" s="66">
        <v>5</v>
      </c>
      <c r="H48" s="65">
        <v>1365</v>
      </c>
      <c r="I48" s="65">
        <v>697</v>
      </c>
      <c r="J48" s="65">
        <v>668</v>
      </c>
      <c r="K48" s="64">
        <v>1046</v>
      </c>
      <c r="L48" s="77">
        <v>564</v>
      </c>
      <c r="M48" s="78">
        <v>482</v>
      </c>
    </row>
    <row r="49" spans="1:13">
      <c r="A49" s="15" t="s">
        <v>88</v>
      </c>
      <c r="B49" s="67">
        <v>95</v>
      </c>
      <c r="C49" s="68">
        <v>35</v>
      </c>
      <c r="D49" s="68">
        <v>60</v>
      </c>
      <c r="E49" s="67">
        <v>1</v>
      </c>
      <c r="F49" s="68">
        <v>0</v>
      </c>
      <c r="G49" s="69">
        <v>1</v>
      </c>
      <c r="H49" s="68">
        <v>327</v>
      </c>
      <c r="I49" s="68">
        <v>156</v>
      </c>
      <c r="J49" s="68">
        <v>171</v>
      </c>
      <c r="K49" s="67">
        <v>231</v>
      </c>
      <c r="L49" s="79">
        <v>121</v>
      </c>
      <c r="M49" s="80">
        <v>110</v>
      </c>
    </row>
    <row r="50" spans="1:13">
      <c r="A50" s="15" t="s">
        <v>90</v>
      </c>
      <c r="B50" s="67">
        <v>65</v>
      </c>
      <c r="C50" s="68">
        <v>43</v>
      </c>
      <c r="D50" s="68">
        <v>22</v>
      </c>
      <c r="E50" s="67">
        <v>2</v>
      </c>
      <c r="F50" s="68">
        <v>0</v>
      </c>
      <c r="G50" s="69">
        <v>2</v>
      </c>
      <c r="H50" s="68">
        <v>287</v>
      </c>
      <c r="I50" s="68">
        <v>153</v>
      </c>
      <c r="J50" s="68">
        <v>134</v>
      </c>
      <c r="K50" s="67">
        <v>220</v>
      </c>
      <c r="L50" s="79">
        <v>110</v>
      </c>
      <c r="M50" s="80">
        <v>110</v>
      </c>
    </row>
    <row r="51" spans="1:13">
      <c r="A51" s="15" t="s">
        <v>92</v>
      </c>
      <c r="B51" s="67">
        <v>49</v>
      </c>
      <c r="C51" s="68">
        <v>9</v>
      </c>
      <c r="D51" s="68">
        <v>40</v>
      </c>
      <c r="E51" s="67">
        <v>0</v>
      </c>
      <c r="F51" s="68">
        <v>0</v>
      </c>
      <c r="G51" s="69">
        <v>0</v>
      </c>
      <c r="H51" s="68">
        <v>277</v>
      </c>
      <c r="I51" s="68">
        <v>135</v>
      </c>
      <c r="J51" s="68">
        <v>142</v>
      </c>
      <c r="K51" s="67">
        <v>228</v>
      </c>
      <c r="L51" s="79">
        <v>126</v>
      </c>
      <c r="M51" s="80">
        <v>102</v>
      </c>
    </row>
    <row r="52" spans="1:13">
      <c r="A52" s="15" t="s">
        <v>94</v>
      </c>
      <c r="B52" s="67">
        <v>78</v>
      </c>
      <c r="C52" s="68">
        <v>31</v>
      </c>
      <c r="D52" s="68">
        <v>47</v>
      </c>
      <c r="E52" s="67">
        <v>1</v>
      </c>
      <c r="F52" s="68">
        <v>1</v>
      </c>
      <c r="G52" s="69">
        <v>0</v>
      </c>
      <c r="H52" s="68">
        <v>256</v>
      </c>
      <c r="I52" s="68">
        <v>132</v>
      </c>
      <c r="J52" s="68">
        <v>124</v>
      </c>
      <c r="K52" s="67">
        <v>177</v>
      </c>
      <c r="L52" s="79">
        <v>100</v>
      </c>
      <c r="M52" s="80">
        <v>77</v>
      </c>
    </row>
    <row r="53" spans="1:13">
      <c r="A53" s="15" t="s">
        <v>96</v>
      </c>
      <c r="B53" s="67">
        <v>25</v>
      </c>
      <c r="C53" s="68">
        <v>13</v>
      </c>
      <c r="D53" s="68">
        <v>12</v>
      </c>
      <c r="E53" s="67">
        <v>3</v>
      </c>
      <c r="F53" s="68">
        <v>1</v>
      </c>
      <c r="G53" s="69">
        <v>2</v>
      </c>
      <c r="H53" s="68">
        <v>218</v>
      </c>
      <c r="I53" s="68">
        <v>121</v>
      </c>
      <c r="J53" s="68">
        <v>97</v>
      </c>
      <c r="K53" s="67">
        <v>190</v>
      </c>
      <c r="L53" s="79">
        <v>107</v>
      </c>
      <c r="M53" s="80">
        <v>83</v>
      </c>
    </row>
    <row r="54" spans="1:13" ht="21" customHeight="1">
      <c r="A54" s="36" t="s">
        <v>98</v>
      </c>
      <c r="B54" s="64">
        <v>22</v>
      </c>
      <c r="C54" s="65">
        <v>35</v>
      </c>
      <c r="D54" s="65">
        <v>-13</v>
      </c>
      <c r="E54" s="64">
        <v>12</v>
      </c>
      <c r="F54" s="65">
        <v>9</v>
      </c>
      <c r="G54" s="66">
        <v>3</v>
      </c>
      <c r="H54" s="65">
        <v>849</v>
      </c>
      <c r="I54" s="65">
        <v>475</v>
      </c>
      <c r="J54" s="65">
        <v>374</v>
      </c>
      <c r="K54" s="64">
        <v>815</v>
      </c>
      <c r="L54" s="77">
        <v>431</v>
      </c>
      <c r="M54" s="78">
        <v>384</v>
      </c>
    </row>
    <row r="55" spans="1:13">
      <c r="A55" s="15" t="s">
        <v>100</v>
      </c>
      <c r="B55" s="67">
        <v>13</v>
      </c>
      <c r="C55" s="68">
        <v>24</v>
      </c>
      <c r="D55" s="68">
        <v>-11</v>
      </c>
      <c r="E55" s="67">
        <v>2</v>
      </c>
      <c r="F55" s="68">
        <v>1</v>
      </c>
      <c r="G55" s="69">
        <v>1</v>
      </c>
      <c r="H55" s="68">
        <v>183</v>
      </c>
      <c r="I55" s="68">
        <v>110</v>
      </c>
      <c r="J55" s="68">
        <v>73</v>
      </c>
      <c r="K55" s="67">
        <v>168</v>
      </c>
      <c r="L55" s="79">
        <v>85</v>
      </c>
      <c r="M55" s="80">
        <v>83</v>
      </c>
    </row>
    <row r="56" spans="1:13">
      <c r="A56" s="15" t="s">
        <v>102</v>
      </c>
      <c r="B56" s="67">
        <v>4</v>
      </c>
      <c r="C56" s="68">
        <v>22</v>
      </c>
      <c r="D56" s="68">
        <v>-18</v>
      </c>
      <c r="E56" s="67">
        <v>3</v>
      </c>
      <c r="F56" s="68">
        <v>2</v>
      </c>
      <c r="G56" s="69">
        <v>1</v>
      </c>
      <c r="H56" s="68">
        <v>173</v>
      </c>
      <c r="I56" s="68">
        <v>108</v>
      </c>
      <c r="J56" s="68">
        <v>65</v>
      </c>
      <c r="K56" s="67">
        <v>166</v>
      </c>
      <c r="L56" s="79">
        <v>84</v>
      </c>
      <c r="M56" s="80">
        <v>82</v>
      </c>
    </row>
    <row r="57" spans="1:13">
      <c r="A57" s="15" t="s">
        <v>104</v>
      </c>
      <c r="B57" s="67">
        <v>6</v>
      </c>
      <c r="C57" s="68">
        <v>2</v>
      </c>
      <c r="D57" s="68">
        <v>4</v>
      </c>
      <c r="E57" s="67">
        <v>2</v>
      </c>
      <c r="F57" s="68">
        <v>2</v>
      </c>
      <c r="G57" s="69">
        <v>0</v>
      </c>
      <c r="H57" s="68">
        <v>191</v>
      </c>
      <c r="I57" s="68">
        <v>102</v>
      </c>
      <c r="J57" s="68">
        <v>89</v>
      </c>
      <c r="K57" s="67">
        <v>183</v>
      </c>
      <c r="L57" s="79">
        <v>98</v>
      </c>
      <c r="M57" s="80">
        <v>85</v>
      </c>
    </row>
    <row r="58" spans="1:13">
      <c r="A58" s="15" t="s">
        <v>106</v>
      </c>
      <c r="B58" s="67">
        <v>5</v>
      </c>
      <c r="C58" s="68">
        <v>0</v>
      </c>
      <c r="D58" s="68">
        <v>5</v>
      </c>
      <c r="E58" s="67">
        <v>2</v>
      </c>
      <c r="F58" s="68">
        <v>1</v>
      </c>
      <c r="G58" s="69">
        <v>1</v>
      </c>
      <c r="H58" s="68">
        <v>157</v>
      </c>
      <c r="I58" s="68">
        <v>80</v>
      </c>
      <c r="J58" s="68">
        <v>77</v>
      </c>
      <c r="K58" s="67">
        <v>150</v>
      </c>
      <c r="L58" s="79">
        <v>79</v>
      </c>
      <c r="M58" s="80">
        <v>71</v>
      </c>
    </row>
    <row r="59" spans="1:13">
      <c r="A59" s="15" t="s">
        <v>108</v>
      </c>
      <c r="B59" s="67">
        <v>-6</v>
      </c>
      <c r="C59" s="68">
        <v>-13</v>
      </c>
      <c r="D59" s="68">
        <v>7</v>
      </c>
      <c r="E59" s="67">
        <v>3</v>
      </c>
      <c r="F59" s="68">
        <v>3</v>
      </c>
      <c r="G59" s="69">
        <v>0</v>
      </c>
      <c r="H59" s="68">
        <v>145</v>
      </c>
      <c r="I59" s="68">
        <v>75</v>
      </c>
      <c r="J59" s="68">
        <v>70</v>
      </c>
      <c r="K59" s="67">
        <v>148</v>
      </c>
      <c r="L59" s="79">
        <v>85</v>
      </c>
      <c r="M59" s="80">
        <v>63</v>
      </c>
    </row>
    <row r="60" spans="1:13" ht="21" customHeight="1">
      <c r="A60" s="36" t="s">
        <v>110</v>
      </c>
      <c r="B60" s="64">
        <v>-102</v>
      </c>
      <c r="C60" s="65">
        <v>-35</v>
      </c>
      <c r="D60" s="65">
        <v>-67</v>
      </c>
      <c r="E60" s="64">
        <v>12</v>
      </c>
      <c r="F60" s="65">
        <v>6</v>
      </c>
      <c r="G60" s="66">
        <v>6</v>
      </c>
      <c r="H60" s="65">
        <v>580</v>
      </c>
      <c r="I60" s="65">
        <v>340</v>
      </c>
      <c r="J60" s="65">
        <v>240</v>
      </c>
      <c r="K60" s="64">
        <v>670</v>
      </c>
      <c r="L60" s="77">
        <v>369</v>
      </c>
      <c r="M60" s="78">
        <v>301</v>
      </c>
    </row>
    <row r="61" spans="1:13">
      <c r="A61" s="15" t="s">
        <v>112</v>
      </c>
      <c r="B61" s="67">
        <v>-9</v>
      </c>
      <c r="C61" s="68">
        <v>-4</v>
      </c>
      <c r="D61" s="68">
        <v>-5</v>
      </c>
      <c r="E61" s="67">
        <v>1</v>
      </c>
      <c r="F61" s="68">
        <v>0</v>
      </c>
      <c r="G61" s="69">
        <v>1</v>
      </c>
      <c r="H61" s="68">
        <v>109</v>
      </c>
      <c r="I61" s="68">
        <v>65</v>
      </c>
      <c r="J61" s="68">
        <v>44</v>
      </c>
      <c r="K61" s="67">
        <v>117</v>
      </c>
      <c r="L61" s="79">
        <v>69</v>
      </c>
      <c r="M61" s="80">
        <v>48</v>
      </c>
    </row>
    <row r="62" spans="1:13">
      <c r="A62" s="15" t="s">
        <v>114</v>
      </c>
      <c r="B62" s="67">
        <v>-15</v>
      </c>
      <c r="C62" s="68">
        <v>2</v>
      </c>
      <c r="D62" s="68">
        <v>-17</v>
      </c>
      <c r="E62" s="67">
        <v>3</v>
      </c>
      <c r="F62" s="68">
        <v>2</v>
      </c>
      <c r="G62" s="69">
        <v>1</v>
      </c>
      <c r="H62" s="68">
        <v>126</v>
      </c>
      <c r="I62" s="68">
        <v>76</v>
      </c>
      <c r="J62" s="68">
        <v>50</v>
      </c>
      <c r="K62" s="67">
        <v>138</v>
      </c>
      <c r="L62" s="79">
        <v>72</v>
      </c>
      <c r="M62" s="80">
        <v>66</v>
      </c>
    </row>
    <row r="63" spans="1:13">
      <c r="A63" s="15" t="s">
        <v>116</v>
      </c>
      <c r="B63" s="67">
        <v>-17</v>
      </c>
      <c r="C63" s="68">
        <v>-19</v>
      </c>
      <c r="D63" s="68">
        <v>2</v>
      </c>
      <c r="E63" s="67">
        <v>3</v>
      </c>
      <c r="F63" s="68">
        <v>2</v>
      </c>
      <c r="G63" s="69">
        <v>1</v>
      </c>
      <c r="H63" s="68">
        <v>115</v>
      </c>
      <c r="I63" s="68">
        <v>63</v>
      </c>
      <c r="J63" s="68">
        <v>52</v>
      </c>
      <c r="K63" s="67">
        <v>129</v>
      </c>
      <c r="L63" s="79">
        <v>80</v>
      </c>
      <c r="M63" s="80">
        <v>49</v>
      </c>
    </row>
    <row r="64" spans="1:13">
      <c r="A64" s="15" t="s">
        <v>118</v>
      </c>
      <c r="B64" s="67">
        <v>-23</v>
      </c>
      <c r="C64" s="68">
        <v>-3</v>
      </c>
      <c r="D64" s="68">
        <v>-20</v>
      </c>
      <c r="E64" s="67">
        <v>3</v>
      </c>
      <c r="F64" s="68">
        <v>2</v>
      </c>
      <c r="G64" s="69">
        <v>1</v>
      </c>
      <c r="H64" s="68">
        <v>123</v>
      </c>
      <c r="I64" s="68">
        <v>73</v>
      </c>
      <c r="J64" s="68">
        <v>50</v>
      </c>
      <c r="K64" s="67">
        <v>143</v>
      </c>
      <c r="L64" s="79">
        <v>74</v>
      </c>
      <c r="M64" s="80">
        <v>69</v>
      </c>
    </row>
    <row r="65" spans="1:13">
      <c r="A65" s="19" t="s">
        <v>120</v>
      </c>
      <c r="B65" s="70">
        <v>-38</v>
      </c>
      <c r="C65" s="71">
        <v>-11</v>
      </c>
      <c r="D65" s="71">
        <v>-27</v>
      </c>
      <c r="E65" s="70">
        <v>2</v>
      </c>
      <c r="F65" s="71">
        <v>0</v>
      </c>
      <c r="G65" s="72">
        <v>2</v>
      </c>
      <c r="H65" s="71">
        <v>107</v>
      </c>
      <c r="I65" s="71">
        <v>63</v>
      </c>
      <c r="J65" s="71">
        <v>44</v>
      </c>
      <c r="K65" s="70">
        <v>143</v>
      </c>
      <c r="L65" s="81">
        <v>74</v>
      </c>
      <c r="M65" s="82">
        <v>69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414</v>
      </c>
      <c r="C69" s="50">
        <v>746</v>
      </c>
      <c r="D69" s="84">
        <v>668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6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06</v>
      </c>
      <c r="C75" s="65">
        <v>-66</v>
      </c>
      <c r="D75" s="65">
        <v>-40</v>
      </c>
      <c r="E75" s="64">
        <v>24</v>
      </c>
      <c r="F75" s="65">
        <v>10</v>
      </c>
      <c r="G75" s="66">
        <v>14</v>
      </c>
      <c r="H75" s="65">
        <v>533</v>
      </c>
      <c r="I75" s="65">
        <v>278</v>
      </c>
      <c r="J75" s="65">
        <v>255</v>
      </c>
      <c r="K75" s="64">
        <v>615</v>
      </c>
      <c r="L75" s="77">
        <v>334</v>
      </c>
      <c r="M75" s="78">
        <v>281</v>
      </c>
    </row>
    <row r="76" spans="1:13">
      <c r="A76" s="27" t="s">
        <v>5</v>
      </c>
      <c r="B76" s="67">
        <v>-41</v>
      </c>
      <c r="C76" s="68">
        <v>-42</v>
      </c>
      <c r="D76" s="68">
        <v>1</v>
      </c>
      <c r="E76" s="67">
        <v>4</v>
      </c>
      <c r="F76" s="68">
        <v>3</v>
      </c>
      <c r="G76" s="69">
        <v>1</v>
      </c>
      <c r="H76" s="68">
        <v>95</v>
      </c>
      <c r="I76" s="68">
        <v>45</v>
      </c>
      <c r="J76" s="68">
        <v>50</v>
      </c>
      <c r="K76" s="67">
        <v>132</v>
      </c>
      <c r="L76" s="79">
        <v>84</v>
      </c>
      <c r="M76" s="80">
        <v>48</v>
      </c>
    </row>
    <row r="77" spans="1:13">
      <c r="A77" s="27" t="s">
        <v>7</v>
      </c>
      <c r="B77" s="67">
        <v>-44</v>
      </c>
      <c r="C77" s="68">
        <v>-14</v>
      </c>
      <c r="D77" s="68">
        <v>-30</v>
      </c>
      <c r="E77" s="67">
        <v>5</v>
      </c>
      <c r="F77" s="68">
        <v>0</v>
      </c>
      <c r="G77" s="69">
        <v>5</v>
      </c>
      <c r="H77" s="68">
        <v>103</v>
      </c>
      <c r="I77" s="68">
        <v>53</v>
      </c>
      <c r="J77" s="68">
        <v>50</v>
      </c>
      <c r="K77" s="67">
        <v>142</v>
      </c>
      <c r="L77" s="79">
        <v>67</v>
      </c>
      <c r="M77" s="80">
        <v>75</v>
      </c>
    </row>
    <row r="78" spans="1:13">
      <c r="A78" s="27" t="s">
        <v>9</v>
      </c>
      <c r="B78" s="67">
        <v>-7</v>
      </c>
      <c r="C78" s="68">
        <v>-12</v>
      </c>
      <c r="D78" s="68">
        <v>5</v>
      </c>
      <c r="E78" s="67">
        <v>8</v>
      </c>
      <c r="F78" s="68">
        <v>5</v>
      </c>
      <c r="G78" s="69">
        <v>3</v>
      </c>
      <c r="H78" s="68">
        <v>126</v>
      </c>
      <c r="I78" s="68">
        <v>66</v>
      </c>
      <c r="J78" s="68">
        <v>60</v>
      </c>
      <c r="K78" s="67">
        <v>125</v>
      </c>
      <c r="L78" s="79">
        <v>73</v>
      </c>
      <c r="M78" s="80">
        <v>52</v>
      </c>
    </row>
    <row r="79" spans="1:13">
      <c r="A79" s="27" t="s">
        <v>11</v>
      </c>
      <c r="B79" s="67">
        <v>1</v>
      </c>
      <c r="C79" s="68">
        <v>5</v>
      </c>
      <c r="D79" s="68">
        <v>-4</v>
      </c>
      <c r="E79" s="67">
        <v>2</v>
      </c>
      <c r="F79" s="68">
        <v>1</v>
      </c>
      <c r="G79" s="69">
        <v>1</v>
      </c>
      <c r="H79" s="68">
        <v>104</v>
      </c>
      <c r="I79" s="68">
        <v>59</v>
      </c>
      <c r="J79" s="68">
        <v>45</v>
      </c>
      <c r="K79" s="67">
        <v>101</v>
      </c>
      <c r="L79" s="79">
        <v>53</v>
      </c>
      <c r="M79" s="80">
        <v>48</v>
      </c>
    </row>
    <row r="80" spans="1:13">
      <c r="A80" s="27" t="s">
        <v>13</v>
      </c>
      <c r="B80" s="67">
        <v>-15</v>
      </c>
      <c r="C80" s="68">
        <v>-3</v>
      </c>
      <c r="D80" s="68">
        <v>-12</v>
      </c>
      <c r="E80" s="67">
        <v>5</v>
      </c>
      <c r="F80" s="68">
        <v>1</v>
      </c>
      <c r="G80" s="69">
        <v>4</v>
      </c>
      <c r="H80" s="68">
        <v>105</v>
      </c>
      <c r="I80" s="68">
        <v>55</v>
      </c>
      <c r="J80" s="68">
        <v>50</v>
      </c>
      <c r="K80" s="67">
        <v>115</v>
      </c>
      <c r="L80" s="79">
        <v>57</v>
      </c>
      <c r="M80" s="80">
        <v>58</v>
      </c>
    </row>
    <row r="81" spans="1:13" ht="21" customHeight="1">
      <c r="A81" s="38" t="s">
        <v>15</v>
      </c>
      <c r="B81" s="64">
        <v>-179</v>
      </c>
      <c r="C81" s="65">
        <v>-107</v>
      </c>
      <c r="D81" s="65">
        <v>-72</v>
      </c>
      <c r="E81" s="64">
        <v>50</v>
      </c>
      <c r="F81" s="65">
        <v>31</v>
      </c>
      <c r="G81" s="66">
        <v>19</v>
      </c>
      <c r="H81" s="65">
        <v>409</v>
      </c>
      <c r="I81" s="65">
        <v>237</v>
      </c>
      <c r="J81" s="65">
        <v>172</v>
      </c>
      <c r="K81" s="64">
        <v>538</v>
      </c>
      <c r="L81" s="77">
        <v>313</v>
      </c>
      <c r="M81" s="78">
        <v>225</v>
      </c>
    </row>
    <row r="82" spans="1:13">
      <c r="A82" s="27" t="s">
        <v>17</v>
      </c>
      <c r="B82" s="67">
        <v>-34</v>
      </c>
      <c r="C82" s="68">
        <v>-18</v>
      </c>
      <c r="D82" s="68">
        <v>-16</v>
      </c>
      <c r="E82" s="67">
        <v>16</v>
      </c>
      <c r="F82" s="68">
        <v>7</v>
      </c>
      <c r="G82" s="69">
        <v>9</v>
      </c>
      <c r="H82" s="68">
        <v>101</v>
      </c>
      <c r="I82" s="68">
        <v>56</v>
      </c>
      <c r="J82" s="68">
        <v>45</v>
      </c>
      <c r="K82" s="67">
        <v>119</v>
      </c>
      <c r="L82" s="79">
        <v>67</v>
      </c>
      <c r="M82" s="80">
        <v>52</v>
      </c>
    </row>
    <row r="83" spans="1:13">
      <c r="A83" s="27" t="s">
        <v>19</v>
      </c>
      <c r="B83" s="67">
        <v>-23</v>
      </c>
      <c r="C83" s="68">
        <v>-16</v>
      </c>
      <c r="D83" s="68">
        <v>-7</v>
      </c>
      <c r="E83" s="67">
        <v>8</v>
      </c>
      <c r="F83" s="68">
        <v>7</v>
      </c>
      <c r="G83" s="69">
        <v>1</v>
      </c>
      <c r="H83" s="68">
        <v>84</v>
      </c>
      <c r="I83" s="68">
        <v>45</v>
      </c>
      <c r="J83" s="68">
        <v>39</v>
      </c>
      <c r="K83" s="67">
        <v>99</v>
      </c>
      <c r="L83" s="79">
        <v>54</v>
      </c>
      <c r="M83" s="80">
        <v>45</v>
      </c>
    </row>
    <row r="84" spans="1:13">
      <c r="A84" s="27" t="s">
        <v>21</v>
      </c>
      <c r="B84" s="67">
        <v>-47</v>
      </c>
      <c r="C84" s="68">
        <v>-22</v>
      </c>
      <c r="D84" s="68">
        <v>-25</v>
      </c>
      <c r="E84" s="67">
        <v>10</v>
      </c>
      <c r="F84" s="68">
        <v>7</v>
      </c>
      <c r="G84" s="69">
        <v>3</v>
      </c>
      <c r="H84" s="68">
        <v>98</v>
      </c>
      <c r="I84" s="68">
        <v>62</v>
      </c>
      <c r="J84" s="68">
        <v>36</v>
      </c>
      <c r="K84" s="67">
        <v>135</v>
      </c>
      <c r="L84" s="79">
        <v>77</v>
      </c>
      <c r="M84" s="80">
        <v>58</v>
      </c>
    </row>
    <row r="85" spans="1:13">
      <c r="A85" s="27" t="s">
        <v>23</v>
      </c>
      <c r="B85" s="67">
        <v>-54</v>
      </c>
      <c r="C85" s="68">
        <v>-34</v>
      </c>
      <c r="D85" s="68">
        <v>-20</v>
      </c>
      <c r="E85" s="67">
        <v>9</v>
      </c>
      <c r="F85" s="68">
        <v>5</v>
      </c>
      <c r="G85" s="69">
        <v>4</v>
      </c>
      <c r="H85" s="68">
        <v>59</v>
      </c>
      <c r="I85" s="68">
        <v>36</v>
      </c>
      <c r="J85" s="68">
        <v>23</v>
      </c>
      <c r="K85" s="67">
        <v>104</v>
      </c>
      <c r="L85" s="79">
        <v>65</v>
      </c>
      <c r="M85" s="80">
        <v>39</v>
      </c>
    </row>
    <row r="86" spans="1:13">
      <c r="A86" s="27" t="s">
        <v>25</v>
      </c>
      <c r="B86" s="67">
        <v>-21</v>
      </c>
      <c r="C86" s="68">
        <v>-17</v>
      </c>
      <c r="D86" s="68">
        <v>-4</v>
      </c>
      <c r="E86" s="67">
        <v>7</v>
      </c>
      <c r="F86" s="68">
        <v>5</v>
      </c>
      <c r="G86" s="69">
        <v>2</v>
      </c>
      <c r="H86" s="68">
        <v>67</v>
      </c>
      <c r="I86" s="68">
        <v>38</v>
      </c>
      <c r="J86" s="68">
        <v>29</v>
      </c>
      <c r="K86" s="67">
        <v>81</v>
      </c>
      <c r="L86" s="79">
        <v>50</v>
      </c>
      <c r="M86" s="80">
        <v>31</v>
      </c>
    </row>
    <row r="87" spans="1:13" ht="21" customHeight="1">
      <c r="A87" s="38" t="s">
        <v>27</v>
      </c>
      <c r="B87" s="64">
        <v>-157</v>
      </c>
      <c r="C87" s="65">
        <v>-108</v>
      </c>
      <c r="D87" s="65">
        <v>-49</v>
      </c>
      <c r="E87" s="64">
        <v>57</v>
      </c>
      <c r="F87" s="65">
        <v>39</v>
      </c>
      <c r="G87" s="66">
        <v>18</v>
      </c>
      <c r="H87" s="65">
        <v>237</v>
      </c>
      <c r="I87" s="65">
        <v>127</v>
      </c>
      <c r="J87" s="65">
        <v>110</v>
      </c>
      <c r="K87" s="64">
        <v>337</v>
      </c>
      <c r="L87" s="77">
        <v>196</v>
      </c>
      <c r="M87" s="78">
        <v>141</v>
      </c>
    </row>
    <row r="88" spans="1:13">
      <c r="A88" s="27" t="s">
        <v>29</v>
      </c>
      <c r="B88" s="67">
        <v>-32</v>
      </c>
      <c r="C88" s="68">
        <v>-22</v>
      </c>
      <c r="D88" s="68">
        <v>-10</v>
      </c>
      <c r="E88" s="67">
        <v>9</v>
      </c>
      <c r="F88" s="68">
        <v>6</v>
      </c>
      <c r="G88" s="69">
        <v>3</v>
      </c>
      <c r="H88" s="68">
        <v>67</v>
      </c>
      <c r="I88" s="68">
        <v>33</v>
      </c>
      <c r="J88" s="68">
        <v>34</v>
      </c>
      <c r="K88" s="67">
        <v>90</v>
      </c>
      <c r="L88" s="79">
        <v>49</v>
      </c>
      <c r="M88" s="80">
        <v>41</v>
      </c>
    </row>
    <row r="89" spans="1:13">
      <c r="A89" s="27" t="s">
        <v>31</v>
      </c>
      <c r="B89" s="67">
        <v>-32</v>
      </c>
      <c r="C89" s="68">
        <v>-23</v>
      </c>
      <c r="D89" s="68">
        <v>-9</v>
      </c>
      <c r="E89" s="67">
        <v>9</v>
      </c>
      <c r="F89" s="68">
        <v>3</v>
      </c>
      <c r="G89" s="69">
        <v>6</v>
      </c>
      <c r="H89" s="68">
        <v>58</v>
      </c>
      <c r="I89" s="68">
        <v>30</v>
      </c>
      <c r="J89" s="68">
        <v>28</v>
      </c>
      <c r="K89" s="67">
        <v>81</v>
      </c>
      <c r="L89" s="79">
        <v>50</v>
      </c>
      <c r="M89" s="80">
        <v>31</v>
      </c>
    </row>
    <row r="90" spans="1:13">
      <c r="A90" s="27" t="s">
        <v>33</v>
      </c>
      <c r="B90" s="67">
        <v>-37</v>
      </c>
      <c r="C90" s="68">
        <v>-18</v>
      </c>
      <c r="D90" s="68">
        <v>-19</v>
      </c>
      <c r="E90" s="67">
        <v>12</v>
      </c>
      <c r="F90" s="68">
        <v>11</v>
      </c>
      <c r="G90" s="69">
        <v>1</v>
      </c>
      <c r="H90" s="68">
        <v>40</v>
      </c>
      <c r="I90" s="68">
        <v>26</v>
      </c>
      <c r="J90" s="68">
        <v>14</v>
      </c>
      <c r="K90" s="67">
        <v>65</v>
      </c>
      <c r="L90" s="79">
        <v>33</v>
      </c>
      <c r="M90" s="80">
        <v>32</v>
      </c>
    </row>
    <row r="91" spans="1:13">
      <c r="A91" s="27" t="s">
        <v>35</v>
      </c>
      <c r="B91" s="67">
        <v>-32</v>
      </c>
      <c r="C91" s="68">
        <v>-25</v>
      </c>
      <c r="D91" s="68">
        <v>-7</v>
      </c>
      <c r="E91" s="67">
        <v>14</v>
      </c>
      <c r="F91" s="68">
        <v>12</v>
      </c>
      <c r="G91" s="69">
        <v>2</v>
      </c>
      <c r="H91" s="68">
        <v>34</v>
      </c>
      <c r="I91" s="68">
        <v>18</v>
      </c>
      <c r="J91" s="68">
        <v>16</v>
      </c>
      <c r="K91" s="67">
        <v>52</v>
      </c>
      <c r="L91" s="79">
        <v>31</v>
      </c>
      <c r="M91" s="80">
        <v>21</v>
      </c>
    </row>
    <row r="92" spans="1:13">
      <c r="A92" s="27" t="s">
        <v>37</v>
      </c>
      <c r="B92" s="67">
        <v>-24</v>
      </c>
      <c r="C92" s="68">
        <v>-20</v>
      </c>
      <c r="D92" s="68">
        <v>-4</v>
      </c>
      <c r="E92" s="67">
        <v>13</v>
      </c>
      <c r="F92" s="68">
        <v>7</v>
      </c>
      <c r="G92" s="69">
        <v>6</v>
      </c>
      <c r="H92" s="68">
        <v>38</v>
      </c>
      <c r="I92" s="68">
        <v>20</v>
      </c>
      <c r="J92" s="68">
        <v>18</v>
      </c>
      <c r="K92" s="67">
        <v>49</v>
      </c>
      <c r="L92" s="79">
        <v>33</v>
      </c>
      <c r="M92" s="80">
        <v>16</v>
      </c>
    </row>
    <row r="93" spans="1:13" ht="21" customHeight="1">
      <c r="A93" s="38" t="s">
        <v>39</v>
      </c>
      <c r="B93" s="64">
        <v>-92</v>
      </c>
      <c r="C93" s="65">
        <v>-65</v>
      </c>
      <c r="D93" s="65">
        <v>-27</v>
      </c>
      <c r="E93" s="64">
        <v>61</v>
      </c>
      <c r="F93" s="65">
        <v>44</v>
      </c>
      <c r="G93" s="66">
        <v>17</v>
      </c>
      <c r="H93" s="65">
        <v>164</v>
      </c>
      <c r="I93" s="65">
        <v>87</v>
      </c>
      <c r="J93" s="65">
        <v>77</v>
      </c>
      <c r="K93" s="64">
        <v>195</v>
      </c>
      <c r="L93" s="77">
        <v>108</v>
      </c>
      <c r="M93" s="78">
        <v>87</v>
      </c>
    </row>
    <row r="94" spans="1:13">
      <c r="A94" s="27" t="s">
        <v>41</v>
      </c>
      <c r="B94" s="67">
        <v>-24</v>
      </c>
      <c r="C94" s="68">
        <v>-10</v>
      </c>
      <c r="D94" s="68">
        <v>-14</v>
      </c>
      <c r="E94" s="67">
        <v>10</v>
      </c>
      <c r="F94" s="68">
        <v>7</v>
      </c>
      <c r="G94" s="69">
        <v>3</v>
      </c>
      <c r="H94" s="68">
        <v>36</v>
      </c>
      <c r="I94" s="68">
        <v>25</v>
      </c>
      <c r="J94" s="68">
        <v>11</v>
      </c>
      <c r="K94" s="67">
        <v>50</v>
      </c>
      <c r="L94" s="79">
        <v>28</v>
      </c>
      <c r="M94" s="80">
        <v>22</v>
      </c>
    </row>
    <row r="95" spans="1:13">
      <c r="A95" s="27" t="s">
        <v>43</v>
      </c>
      <c r="B95" s="67">
        <v>-28</v>
      </c>
      <c r="C95" s="68">
        <v>-19</v>
      </c>
      <c r="D95" s="68">
        <v>-9</v>
      </c>
      <c r="E95" s="67">
        <v>9</v>
      </c>
      <c r="F95" s="68">
        <v>6</v>
      </c>
      <c r="G95" s="69">
        <v>3</v>
      </c>
      <c r="H95" s="68">
        <v>29</v>
      </c>
      <c r="I95" s="68">
        <v>13</v>
      </c>
      <c r="J95" s="68">
        <v>16</v>
      </c>
      <c r="K95" s="67">
        <v>48</v>
      </c>
      <c r="L95" s="79">
        <v>26</v>
      </c>
      <c r="M95" s="80">
        <v>22</v>
      </c>
    </row>
    <row r="96" spans="1:13">
      <c r="A96" s="27" t="s">
        <v>45</v>
      </c>
      <c r="B96" s="67">
        <v>-11</v>
      </c>
      <c r="C96" s="68">
        <v>-6</v>
      </c>
      <c r="D96" s="68">
        <v>-5</v>
      </c>
      <c r="E96" s="67">
        <v>11</v>
      </c>
      <c r="F96" s="68">
        <v>9</v>
      </c>
      <c r="G96" s="69">
        <v>2</v>
      </c>
      <c r="H96" s="68">
        <v>29</v>
      </c>
      <c r="I96" s="68">
        <v>16</v>
      </c>
      <c r="J96" s="68">
        <v>13</v>
      </c>
      <c r="K96" s="67">
        <v>29</v>
      </c>
      <c r="L96" s="79">
        <v>13</v>
      </c>
      <c r="M96" s="80">
        <v>16</v>
      </c>
    </row>
    <row r="97" spans="1:13">
      <c r="A97" s="27" t="s">
        <v>47</v>
      </c>
      <c r="B97" s="67">
        <v>-11</v>
      </c>
      <c r="C97" s="68">
        <v>-17</v>
      </c>
      <c r="D97" s="68">
        <v>6</v>
      </c>
      <c r="E97" s="67">
        <v>15</v>
      </c>
      <c r="F97" s="68">
        <v>9</v>
      </c>
      <c r="G97" s="69">
        <v>6</v>
      </c>
      <c r="H97" s="68">
        <v>35</v>
      </c>
      <c r="I97" s="68">
        <v>15</v>
      </c>
      <c r="J97" s="68">
        <v>20</v>
      </c>
      <c r="K97" s="67">
        <v>31</v>
      </c>
      <c r="L97" s="79">
        <v>23</v>
      </c>
      <c r="M97" s="80">
        <v>8</v>
      </c>
    </row>
    <row r="98" spans="1:13">
      <c r="A98" s="27" t="s">
        <v>49</v>
      </c>
      <c r="B98" s="67">
        <v>-18</v>
      </c>
      <c r="C98" s="68">
        <v>-13</v>
      </c>
      <c r="D98" s="68">
        <v>-5</v>
      </c>
      <c r="E98" s="67">
        <v>16</v>
      </c>
      <c r="F98" s="68">
        <v>13</v>
      </c>
      <c r="G98" s="69">
        <v>3</v>
      </c>
      <c r="H98" s="68">
        <v>35</v>
      </c>
      <c r="I98" s="68">
        <v>18</v>
      </c>
      <c r="J98" s="68">
        <v>17</v>
      </c>
      <c r="K98" s="67">
        <v>37</v>
      </c>
      <c r="L98" s="79">
        <v>18</v>
      </c>
      <c r="M98" s="80">
        <v>19</v>
      </c>
    </row>
    <row r="99" spans="1:13" ht="21" customHeight="1">
      <c r="A99" s="38" t="s">
        <v>51</v>
      </c>
      <c r="B99" s="64">
        <v>-121</v>
      </c>
      <c r="C99" s="65">
        <v>-89</v>
      </c>
      <c r="D99" s="65">
        <v>-32</v>
      </c>
      <c r="E99" s="64">
        <v>130</v>
      </c>
      <c r="F99" s="65">
        <v>89</v>
      </c>
      <c r="G99" s="66">
        <v>41</v>
      </c>
      <c r="H99" s="65">
        <v>156</v>
      </c>
      <c r="I99" s="65">
        <v>80</v>
      </c>
      <c r="J99" s="65">
        <v>76</v>
      </c>
      <c r="K99" s="64">
        <v>147</v>
      </c>
      <c r="L99" s="77">
        <v>80</v>
      </c>
      <c r="M99" s="78">
        <v>67</v>
      </c>
    </row>
    <row r="100" spans="1:13">
      <c r="A100" s="27" t="s">
        <v>53</v>
      </c>
      <c r="B100" s="67">
        <v>-28</v>
      </c>
      <c r="C100" s="68">
        <v>-15</v>
      </c>
      <c r="D100" s="68">
        <v>-13</v>
      </c>
      <c r="E100" s="67">
        <v>26</v>
      </c>
      <c r="F100" s="68">
        <v>17</v>
      </c>
      <c r="G100" s="69">
        <v>9</v>
      </c>
      <c r="H100" s="68">
        <v>28</v>
      </c>
      <c r="I100" s="68">
        <v>17</v>
      </c>
      <c r="J100" s="68">
        <v>11</v>
      </c>
      <c r="K100" s="67">
        <v>30</v>
      </c>
      <c r="L100" s="79">
        <v>15</v>
      </c>
      <c r="M100" s="80">
        <v>15</v>
      </c>
    </row>
    <row r="101" spans="1:13">
      <c r="A101" s="27" t="s">
        <v>55</v>
      </c>
      <c r="B101" s="67">
        <v>-5</v>
      </c>
      <c r="C101" s="68">
        <v>-10</v>
      </c>
      <c r="D101" s="68">
        <v>5</v>
      </c>
      <c r="E101" s="67">
        <v>11</v>
      </c>
      <c r="F101" s="68">
        <v>7</v>
      </c>
      <c r="G101" s="69">
        <v>4</v>
      </c>
      <c r="H101" s="68">
        <v>28</v>
      </c>
      <c r="I101" s="68">
        <v>10</v>
      </c>
      <c r="J101" s="68">
        <v>18</v>
      </c>
      <c r="K101" s="67">
        <v>22</v>
      </c>
      <c r="L101" s="79">
        <v>13</v>
      </c>
      <c r="M101" s="80">
        <v>9</v>
      </c>
    </row>
    <row r="102" spans="1:13">
      <c r="A102" s="27" t="s">
        <v>57</v>
      </c>
      <c r="B102" s="67">
        <v>-39</v>
      </c>
      <c r="C102" s="68">
        <v>-31</v>
      </c>
      <c r="D102" s="68">
        <v>-8</v>
      </c>
      <c r="E102" s="67">
        <v>31</v>
      </c>
      <c r="F102" s="68">
        <v>23</v>
      </c>
      <c r="G102" s="69">
        <v>8</v>
      </c>
      <c r="H102" s="68">
        <v>26</v>
      </c>
      <c r="I102" s="68">
        <v>9</v>
      </c>
      <c r="J102" s="68">
        <v>17</v>
      </c>
      <c r="K102" s="67">
        <v>34</v>
      </c>
      <c r="L102" s="79">
        <v>17</v>
      </c>
      <c r="M102" s="80">
        <v>17</v>
      </c>
    </row>
    <row r="103" spans="1:13">
      <c r="A103" s="27" t="s">
        <v>59</v>
      </c>
      <c r="B103" s="67">
        <v>-27</v>
      </c>
      <c r="C103" s="68">
        <v>-16</v>
      </c>
      <c r="D103" s="68">
        <v>-11</v>
      </c>
      <c r="E103" s="67">
        <v>29</v>
      </c>
      <c r="F103" s="68">
        <v>19</v>
      </c>
      <c r="G103" s="69">
        <v>10</v>
      </c>
      <c r="H103" s="68">
        <v>38</v>
      </c>
      <c r="I103" s="68">
        <v>25</v>
      </c>
      <c r="J103" s="68">
        <v>13</v>
      </c>
      <c r="K103" s="67">
        <v>36</v>
      </c>
      <c r="L103" s="79">
        <v>22</v>
      </c>
      <c r="M103" s="80">
        <v>14</v>
      </c>
    </row>
    <row r="104" spans="1:13">
      <c r="A104" s="27" t="s">
        <v>61</v>
      </c>
      <c r="B104" s="67">
        <v>-22</v>
      </c>
      <c r="C104" s="68">
        <v>-17</v>
      </c>
      <c r="D104" s="68">
        <v>-5</v>
      </c>
      <c r="E104" s="67">
        <v>33</v>
      </c>
      <c r="F104" s="68">
        <v>23</v>
      </c>
      <c r="G104" s="69">
        <v>10</v>
      </c>
      <c r="H104" s="68">
        <v>36</v>
      </c>
      <c r="I104" s="68">
        <v>19</v>
      </c>
      <c r="J104" s="68">
        <v>17</v>
      </c>
      <c r="K104" s="67">
        <v>25</v>
      </c>
      <c r="L104" s="79">
        <v>13</v>
      </c>
      <c r="M104" s="80">
        <v>12</v>
      </c>
    </row>
    <row r="105" spans="1:13" ht="21" customHeight="1">
      <c r="A105" s="38" t="s">
        <v>63</v>
      </c>
      <c r="B105" s="64">
        <v>-145</v>
      </c>
      <c r="C105" s="65">
        <v>-105</v>
      </c>
      <c r="D105" s="65">
        <v>-40</v>
      </c>
      <c r="E105" s="64">
        <v>165</v>
      </c>
      <c r="F105" s="65">
        <v>100</v>
      </c>
      <c r="G105" s="66">
        <v>65</v>
      </c>
      <c r="H105" s="65">
        <v>114</v>
      </c>
      <c r="I105" s="65">
        <v>38</v>
      </c>
      <c r="J105" s="65">
        <v>76</v>
      </c>
      <c r="K105" s="64">
        <v>94</v>
      </c>
      <c r="L105" s="77">
        <v>43</v>
      </c>
      <c r="M105" s="78">
        <v>51</v>
      </c>
    </row>
    <row r="106" spans="1:13">
      <c r="A106" s="27" t="s">
        <v>65</v>
      </c>
      <c r="B106" s="67">
        <v>-33</v>
      </c>
      <c r="C106" s="68">
        <v>-26</v>
      </c>
      <c r="D106" s="68">
        <v>-7</v>
      </c>
      <c r="E106" s="67">
        <v>42</v>
      </c>
      <c r="F106" s="68">
        <v>27</v>
      </c>
      <c r="G106" s="69">
        <v>15</v>
      </c>
      <c r="H106" s="68">
        <v>37</v>
      </c>
      <c r="I106" s="68">
        <v>16</v>
      </c>
      <c r="J106" s="68">
        <v>21</v>
      </c>
      <c r="K106" s="67">
        <v>28</v>
      </c>
      <c r="L106" s="79">
        <v>15</v>
      </c>
      <c r="M106" s="80">
        <v>13</v>
      </c>
    </row>
    <row r="107" spans="1:13">
      <c r="A107" s="27" t="s">
        <v>67</v>
      </c>
      <c r="B107" s="67">
        <v>-30</v>
      </c>
      <c r="C107" s="68">
        <v>-16</v>
      </c>
      <c r="D107" s="68">
        <v>-14</v>
      </c>
      <c r="E107" s="67">
        <v>23</v>
      </c>
      <c r="F107" s="68">
        <v>12</v>
      </c>
      <c r="G107" s="69">
        <v>11</v>
      </c>
      <c r="H107" s="68">
        <v>16</v>
      </c>
      <c r="I107" s="68">
        <v>6</v>
      </c>
      <c r="J107" s="68">
        <v>10</v>
      </c>
      <c r="K107" s="67">
        <v>23</v>
      </c>
      <c r="L107" s="79">
        <v>10</v>
      </c>
      <c r="M107" s="80">
        <v>13</v>
      </c>
    </row>
    <row r="108" spans="1:13">
      <c r="A108" s="27" t="s">
        <v>69</v>
      </c>
      <c r="B108" s="67">
        <v>-19</v>
      </c>
      <c r="C108" s="68">
        <v>-15</v>
      </c>
      <c r="D108" s="68">
        <v>-4</v>
      </c>
      <c r="E108" s="67">
        <v>22</v>
      </c>
      <c r="F108" s="68">
        <v>13</v>
      </c>
      <c r="G108" s="69">
        <v>9</v>
      </c>
      <c r="H108" s="68">
        <v>20</v>
      </c>
      <c r="I108" s="68">
        <v>5</v>
      </c>
      <c r="J108" s="68">
        <v>15</v>
      </c>
      <c r="K108" s="67">
        <v>17</v>
      </c>
      <c r="L108" s="79">
        <v>7</v>
      </c>
      <c r="M108" s="80">
        <v>10</v>
      </c>
    </row>
    <row r="109" spans="1:13">
      <c r="A109" s="27" t="s">
        <v>71</v>
      </c>
      <c r="B109" s="67">
        <v>-20</v>
      </c>
      <c r="C109" s="68">
        <v>-18</v>
      </c>
      <c r="D109" s="68">
        <v>-2</v>
      </c>
      <c r="E109" s="67">
        <v>34</v>
      </c>
      <c r="F109" s="68">
        <v>23</v>
      </c>
      <c r="G109" s="69">
        <v>11</v>
      </c>
      <c r="H109" s="68">
        <v>22</v>
      </c>
      <c r="I109" s="68">
        <v>9</v>
      </c>
      <c r="J109" s="68">
        <v>13</v>
      </c>
      <c r="K109" s="67">
        <v>8</v>
      </c>
      <c r="L109" s="79">
        <v>4</v>
      </c>
      <c r="M109" s="80">
        <v>4</v>
      </c>
    </row>
    <row r="110" spans="1:13">
      <c r="A110" s="27" t="s">
        <v>73</v>
      </c>
      <c r="B110" s="67">
        <v>-43</v>
      </c>
      <c r="C110" s="68">
        <v>-30</v>
      </c>
      <c r="D110" s="68">
        <v>-13</v>
      </c>
      <c r="E110" s="67">
        <v>44</v>
      </c>
      <c r="F110" s="68">
        <v>25</v>
      </c>
      <c r="G110" s="69">
        <v>19</v>
      </c>
      <c r="H110" s="68">
        <v>19</v>
      </c>
      <c r="I110" s="68">
        <v>2</v>
      </c>
      <c r="J110" s="68">
        <v>17</v>
      </c>
      <c r="K110" s="67">
        <v>18</v>
      </c>
      <c r="L110" s="79">
        <v>7</v>
      </c>
      <c r="M110" s="80">
        <v>11</v>
      </c>
    </row>
    <row r="111" spans="1:13" ht="21" customHeight="1">
      <c r="A111" s="38" t="s">
        <v>75</v>
      </c>
      <c r="B111" s="64">
        <v>-164</v>
      </c>
      <c r="C111" s="65">
        <v>-104</v>
      </c>
      <c r="D111" s="65">
        <v>-60</v>
      </c>
      <c r="E111" s="64">
        <v>243</v>
      </c>
      <c r="F111" s="65">
        <v>130</v>
      </c>
      <c r="G111" s="66">
        <v>113</v>
      </c>
      <c r="H111" s="65">
        <v>158</v>
      </c>
      <c r="I111" s="65">
        <v>52</v>
      </c>
      <c r="J111" s="65">
        <v>106</v>
      </c>
      <c r="K111" s="64">
        <v>79</v>
      </c>
      <c r="L111" s="77">
        <v>26</v>
      </c>
      <c r="M111" s="78">
        <v>53</v>
      </c>
    </row>
    <row r="112" spans="1:13">
      <c r="A112" s="27" t="s">
        <v>77</v>
      </c>
      <c r="B112" s="67">
        <v>-33</v>
      </c>
      <c r="C112" s="68">
        <v>-27</v>
      </c>
      <c r="D112" s="68">
        <v>-6</v>
      </c>
      <c r="E112" s="67">
        <v>44</v>
      </c>
      <c r="F112" s="68">
        <v>24</v>
      </c>
      <c r="G112" s="69">
        <v>20</v>
      </c>
      <c r="H112" s="68">
        <v>36</v>
      </c>
      <c r="I112" s="68">
        <v>11</v>
      </c>
      <c r="J112" s="68">
        <v>25</v>
      </c>
      <c r="K112" s="67">
        <v>25</v>
      </c>
      <c r="L112" s="79">
        <v>14</v>
      </c>
      <c r="M112" s="80">
        <v>11</v>
      </c>
    </row>
    <row r="113" spans="1:13">
      <c r="A113" s="27" t="s">
        <v>79</v>
      </c>
      <c r="B113" s="67">
        <v>-31</v>
      </c>
      <c r="C113" s="68">
        <v>-18</v>
      </c>
      <c r="D113" s="68">
        <v>-13</v>
      </c>
      <c r="E113" s="67">
        <v>44</v>
      </c>
      <c r="F113" s="68">
        <v>21</v>
      </c>
      <c r="G113" s="69">
        <v>23</v>
      </c>
      <c r="H113" s="68">
        <v>32</v>
      </c>
      <c r="I113" s="68">
        <v>8</v>
      </c>
      <c r="J113" s="68">
        <v>24</v>
      </c>
      <c r="K113" s="67">
        <v>19</v>
      </c>
      <c r="L113" s="79">
        <v>5</v>
      </c>
      <c r="M113" s="80">
        <v>14</v>
      </c>
    </row>
    <row r="114" spans="1:13">
      <c r="A114" s="27" t="s">
        <v>81</v>
      </c>
      <c r="B114" s="67">
        <v>-44</v>
      </c>
      <c r="C114" s="68">
        <v>-28</v>
      </c>
      <c r="D114" s="68">
        <v>-16</v>
      </c>
      <c r="E114" s="67">
        <v>56</v>
      </c>
      <c r="F114" s="68">
        <v>34</v>
      </c>
      <c r="G114" s="69">
        <v>22</v>
      </c>
      <c r="H114" s="68">
        <v>28</v>
      </c>
      <c r="I114" s="68">
        <v>9</v>
      </c>
      <c r="J114" s="68">
        <v>19</v>
      </c>
      <c r="K114" s="67">
        <v>16</v>
      </c>
      <c r="L114" s="79">
        <v>3</v>
      </c>
      <c r="M114" s="80">
        <v>13</v>
      </c>
    </row>
    <row r="115" spans="1:13">
      <c r="A115" s="27" t="s">
        <v>83</v>
      </c>
      <c r="B115" s="67">
        <v>-22</v>
      </c>
      <c r="C115" s="68">
        <v>-12</v>
      </c>
      <c r="D115" s="68">
        <v>-10</v>
      </c>
      <c r="E115" s="67">
        <v>41</v>
      </c>
      <c r="F115" s="68">
        <v>22</v>
      </c>
      <c r="G115" s="69">
        <v>19</v>
      </c>
      <c r="H115" s="68">
        <v>29</v>
      </c>
      <c r="I115" s="68">
        <v>13</v>
      </c>
      <c r="J115" s="68">
        <v>16</v>
      </c>
      <c r="K115" s="67">
        <v>10</v>
      </c>
      <c r="L115" s="79">
        <v>3</v>
      </c>
      <c r="M115" s="80">
        <v>7</v>
      </c>
    </row>
    <row r="116" spans="1:13">
      <c r="A116" s="27" t="s">
        <v>85</v>
      </c>
      <c r="B116" s="67">
        <v>-34</v>
      </c>
      <c r="C116" s="68">
        <v>-19</v>
      </c>
      <c r="D116" s="68">
        <v>-15</v>
      </c>
      <c r="E116" s="67">
        <v>58</v>
      </c>
      <c r="F116" s="68">
        <v>29</v>
      </c>
      <c r="G116" s="69">
        <v>29</v>
      </c>
      <c r="H116" s="68">
        <v>33</v>
      </c>
      <c r="I116" s="68">
        <v>11</v>
      </c>
      <c r="J116" s="68">
        <v>22</v>
      </c>
      <c r="K116" s="67">
        <v>9</v>
      </c>
      <c r="L116" s="79">
        <v>1</v>
      </c>
      <c r="M116" s="80">
        <v>8</v>
      </c>
    </row>
    <row r="117" spans="1:13" ht="21" customHeight="1">
      <c r="A117" s="38" t="s">
        <v>87</v>
      </c>
      <c r="B117" s="64">
        <v>-268</v>
      </c>
      <c r="C117" s="65">
        <v>-161</v>
      </c>
      <c r="D117" s="65">
        <v>-107</v>
      </c>
      <c r="E117" s="64">
        <v>314</v>
      </c>
      <c r="F117" s="65">
        <v>174</v>
      </c>
      <c r="G117" s="66">
        <v>140</v>
      </c>
      <c r="H117" s="65">
        <v>135</v>
      </c>
      <c r="I117" s="65">
        <v>41</v>
      </c>
      <c r="J117" s="65">
        <v>94</v>
      </c>
      <c r="K117" s="64">
        <v>89</v>
      </c>
      <c r="L117" s="77">
        <v>28</v>
      </c>
      <c r="M117" s="78">
        <v>61</v>
      </c>
    </row>
    <row r="118" spans="1:13">
      <c r="A118" s="27" t="s">
        <v>89</v>
      </c>
      <c r="B118" s="67">
        <v>-66</v>
      </c>
      <c r="C118" s="68">
        <v>-48</v>
      </c>
      <c r="D118" s="68">
        <v>-18</v>
      </c>
      <c r="E118" s="67">
        <v>70</v>
      </c>
      <c r="F118" s="68">
        <v>45</v>
      </c>
      <c r="G118" s="69">
        <v>25</v>
      </c>
      <c r="H118" s="68">
        <v>27</v>
      </c>
      <c r="I118" s="68">
        <v>7</v>
      </c>
      <c r="J118" s="68">
        <v>20</v>
      </c>
      <c r="K118" s="67">
        <v>23</v>
      </c>
      <c r="L118" s="79">
        <v>10</v>
      </c>
      <c r="M118" s="80">
        <v>13</v>
      </c>
    </row>
    <row r="119" spans="1:13">
      <c r="A119" s="27" t="s">
        <v>91</v>
      </c>
      <c r="B119" s="67">
        <v>-52</v>
      </c>
      <c r="C119" s="68">
        <v>-32</v>
      </c>
      <c r="D119" s="68">
        <v>-20</v>
      </c>
      <c r="E119" s="67">
        <v>69</v>
      </c>
      <c r="F119" s="68">
        <v>39</v>
      </c>
      <c r="G119" s="69">
        <v>30</v>
      </c>
      <c r="H119" s="68">
        <v>33</v>
      </c>
      <c r="I119" s="68">
        <v>11</v>
      </c>
      <c r="J119" s="68">
        <v>22</v>
      </c>
      <c r="K119" s="67">
        <v>16</v>
      </c>
      <c r="L119" s="79">
        <v>4</v>
      </c>
      <c r="M119" s="80">
        <v>12</v>
      </c>
    </row>
    <row r="120" spans="1:13">
      <c r="A120" s="27" t="s">
        <v>93</v>
      </c>
      <c r="B120" s="67">
        <v>-47</v>
      </c>
      <c r="C120" s="68">
        <v>-26</v>
      </c>
      <c r="D120" s="68">
        <v>-21</v>
      </c>
      <c r="E120" s="67">
        <v>53</v>
      </c>
      <c r="F120" s="68">
        <v>29</v>
      </c>
      <c r="G120" s="69">
        <v>24</v>
      </c>
      <c r="H120" s="68">
        <v>20</v>
      </c>
      <c r="I120" s="68">
        <v>6</v>
      </c>
      <c r="J120" s="68">
        <v>14</v>
      </c>
      <c r="K120" s="67">
        <v>14</v>
      </c>
      <c r="L120" s="79">
        <v>3</v>
      </c>
      <c r="M120" s="80">
        <v>11</v>
      </c>
    </row>
    <row r="121" spans="1:13">
      <c r="A121" s="27" t="s">
        <v>95</v>
      </c>
      <c r="B121" s="67">
        <v>-46</v>
      </c>
      <c r="C121" s="68">
        <v>-25</v>
      </c>
      <c r="D121" s="68">
        <v>-21</v>
      </c>
      <c r="E121" s="67">
        <v>53</v>
      </c>
      <c r="F121" s="68">
        <v>27</v>
      </c>
      <c r="G121" s="69">
        <v>26</v>
      </c>
      <c r="H121" s="68">
        <v>25</v>
      </c>
      <c r="I121" s="68">
        <v>7</v>
      </c>
      <c r="J121" s="68">
        <v>18</v>
      </c>
      <c r="K121" s="67">
        <v>18</v>
      </c>
      <c r="L121" s="79">
        <v>5</v>
      </c>
      <c r="M121" s="80">
        <v>13</v>
      </c>
    </row>
    <row r="122" spans="1:13">
      <c r="A122" s="27" t="s">
        <v>97</v>
      </c>
      <c r="B122" s="67">
        <v>-57</v>
      </c>
      <c r="C122" s="68">
        <v>-30</v>
      </c>
      <c r="D122" s="68">
        <v>-27</v>
      </c>
      <c r="E122" s="67">
        <v>69</v>
      </c>
      <c r="F122" s="68">
        <v>34</v>
      </c>
      <c r="G122" s="69">
        <v>35</v>
      </c>
      <c r="H122" s="68">
        <v>30</v>
      </c>
      <c r="I122" s="68">
        <v>10</v>
      </c>
      <c r="J122" s="68">
        <v>20</v>
      </c>
      <c r="K122" s="67">
        <v>18</v>
      </c>
      <c r="L122" s="79">
        <v>6</v>
      </c>
      <c r="M122" s="80">
        <v>12</v>
      </c>
    </row>
    <row r="123" spans="1:13" ht="21" customHeight="1">
      <c r="A123" s="38" t="s">
        <v>99</v>
      </c>
      <c r="B123" s="64">
        <v>-283</v>
      </c>
      <c r="C123" s="65">
        <v>-119</v>
      </c>
      <c r="D123" s="65">
        <v>-164</v>
      </c>
      <c r="E123" s="64">
        <v>297</v>
      </c>
      <c r="F123" s="65">
        <v>126</v>
      </c>
      <c r="G123" s="66">
        <v>171</v>
      </c>
      <c r="H123" s="65">
        <v>75</v>
      </c>
      <c r="I123" s="65">
        <v>24</v>
      </c>
      <c r="J123" s="65">
        <v>51</v>
      </c>
      <c r="K123" s="64">
        <v>61</v>
      </c>
      <c r="L123" s="77">
        <v>17</v>
      </c>
      <c r="M123" s="78">
        <v>44</v>
      </c>
    </row>
    <row r="124" spans="1:13">
      <c r="A124" s="27" t="s">
        <v>101</v>
      </c>
      <c r="B124" s="67">
        <v>-66</v>
      </c>
      <c r="C124" s="68">
        <v>-28</v>
      </c>
      <c r="D124" s="68">
        <v>-38</v>
      </c>
      <c r="E124" s="67">
        <v>69</v>
      </c>
      <c r="F124" s="68">
        <v>28</v>
      </c>
      <c r="G124" s="69">
        <v>41</v>
      </c>
      <c r="H124" s="68">
        <v>21</v>
      </c>
      <c r="I124" s="68">
        <v>5</v>
      </c>
      <c r="J124" s="68">
        <v>16</v>
      </c>
      <c r="K124" s="67">
        <v>18</v>
      </c>
      <c r="L124" s="79">
        <v>5</v>
      </c>
      <c r="M124" s="80">
        <v>13</v>
      </c>
    </row>
    <row r="125" spans="1:13">
      <c r="A125" s="27" t="s">
        <v>103</v>
      </c>
      <c r="B125" s="67">
        <v>-73</v>
      </c>
      <c r="C125" s="68">
        <v>-31</v>
      </c>
      <c r="D125" s="68">
        <v>-42</v>
      </c>
      <c r="E125" s="67">
        <v>73</v>
      </c>
      <c r="F125" s="68">
        <v>35</v>
      </c>
      <c r="G125" s="69">
        <v>38</v>
      </c>
      <c r="H125" s="68">
        <v>21</v>
      </c>
      <c r="I125" s="68">
        <v>7</v>
      </c>
      <c r="J125" s="68">
        <v>14</v>
      </c>
      <c r="K125" s="67">
        <v>21</v>
      </c>
      <c r="L125" s="79">
        <v>3</v>
      </c>
      <c r="M125" s="80">
        <v>18</v>
      </c>
    </row>
    <row r="126" spans="1:13">
      <c r="A126" s="27" t="s">
        <v>105</v>
      </c>
      <c r="B126" s="67">
        <v>-53</v>
      </c>
      <c r="C126" s="68">
        <v>-22</v>
      </c>
      <c r="D126" s="68">
        <v>-31</v>
      </c>
      <c r="E126" s="67">
        <v>57</v>
      </c>
      <c r="F126" s="68">
        <v>24</v>
      </c>
      <c r="G126" s="69">
        <v>33</v>
      </c>
      <c r="H126" s="68">
        <v>15</v>
      </c>
      <c r="I126" s="68">
        <v>6</v>
      </c>
      <c r="J126" s="68">
        <v>9</v>
      </c>
      <c r="K126" s="67">
        <v>11</v>
      </c>
      <c r="L126" s="79">
        <v>4</v>
      </c>
      <c r="M126" s="80">
        <v>7</v>
      </c>
    </row>
    <row r="127" spans="1:13">
      <c r="A127" s="27" t="s">
        <v>107</v>
      </c>
      <c r="B127" s="67">
        <v>-40</v>
      </c>
      <c r="C127" s="68">
        <v>-13</v>
      </c>
      <c r="D127" s="68">
        <v>-27</v>
      </c>
      <c r="E127" s="67">
        <v>41</v>
      </c>
      <c r="F127" s="68">
        <v>13</v>
      </c>
      <c r="G127" s="69">
        <v>28</v>
      </c>
      <c r="H127" s="68">
        <v>8</v>
      </c>
      <c r="I127" s="68">
        <v>3</v>
      </c>
      <c r="J127" s="68">
        <v>5</v>
      </c>
      <c r="K127" s="67">
        <v>7</v>
      </c>
      <c r="L127" s="79">
        <v>3</v>
      </c>
      <c r="M127" s="80">
        <v>4</v>
      </c>
    </row>
    <row r="128" spans="1:13">
      <c r="A128" s="27" t="s">
        <v>109</v>
      </c>
      <c r="B128" s="67">
        <v>-51</v>
      </c>
      <c r="C128" s="68">
        <v>-25</v>
      </c>
      <c r="D128" s="68">
        <v>-26</v>
      </c>
      <c r="E128" s="67">
        <v>57</v>
      </c>
      <c r="F128" s="68">
        <v>26</v>
      </c>
      <c r="G128" s="69">
        <v>31</v>
      </c>
      <c r="H128" s="68">
        <v>10</v>
      </c>
      <c r="I128" s="68">
        <v>3</v>
      </c>
      <c r="J128" s="68">
        <v>7</v>
      </c>
      <c r="K128" s="67">
        <v>4</v>
      </c>
      <c r="L128" s="79">
        <v>2</v>
      </c>
      <c r="M128" s="80">
        <v>2</v>
      </c>
    </row>
    <row r="129" spans="1:14" ht="21" customHeight="1">
      <c r="A129" s="38" t="s">
        <v>111</v>
      </c>
      <c r="B129" s="64">
        <v>-140</v>
      </c>
      <c r="C129" s="65">
        <v>-35</v>
      </c>
      <c r="D129" s="65">
        <v>-105</v>
      </c>
      <c r="E129" s="64">
        <v>144</v>
      </c>
      <c r="F129" s="65">
        <v>39</v>
      </c>
      <c r="G129" s="66">
        <v>105</v>
      </c>
      <c r="H129" s="65">
        <v>18</v>
      </c>
      <c r="I129" s="65">
        <v>7</v>
      </c>
      <c r="J129" s="65">
        <v>11</v>
      </c>
      <c r="K129" s="64">
        <v>14</v>
      </c>
      <c r="L129" s="77">
        <v>3</v>
      </c>
      <c r="M129" s="78">
        <v>11</v>
      </c>
    </row>
    <row r="130" spans="1:14">
      <c r="A130" s="27" t="s">
        <v>113</v>
      </c>
      <c r="B130" s="67">
        <v>-38</v>
      </c>
      <c r="C130" s="68">
        <v>-8</v>
      </c>
      <c r="D130" s="68">
        <v>-30</v>
      </c>
      <c r="E130" s="67">
        <v>40</v>
      </c>
      <c r="F130" s="68">
        <v>9</v>
      </c>
      <c r="G130" s="69">
        <v>31</v>
      </c>
      <c r="H130" s="68">
        <v>7</v>
      </c>
      <c r="I130" s="68">
        <v>2</v>
      </c>
      <c r="J130" s="68">
        <v>5</v>
      </c>
      <c r="K130" s="67">
        <v>5</v>
      </c>
      <c r="L130" s="79">
        <v>1</v>
      </c>
      <c r="M130" s="80">
        <v>4</v>
      </c>
    </row>
    <row r="131" spans="1:14">
      <c r="A131" s="27" t="s">
        <v>115</v>
      </c>
      <c r="B131" s="67">
        <v>-31</v>
      </c>
      <c r="C131" s="68">
        <v>-6</v>
      </c>
      <c r="D131" s="68">
        <v>-25</v>
      </c>
      <c r="E131" s="67">
        <v>35</v>
      </c>
      <c r="F131" s="68">
        <v>9</v>
      </c>
      <c r="G131" s="69">
        <v>26</v>
      </c>
      <c r="H131" s="68">
        <v>6</v>
      </c>
      <c r="I131" s="68">
        <v>3</v>
      </c>
      <c r="J131" s="68">
        <v>3</v>
      </c>
      <c r="K131" s="67">
        <v>2</v>
      </c>
      <c r="L131" s="79">
        <v>0</v>
      </c>
      <c r="M131" s="80">
        <v>2</v>
      </c>
    </row>
    <row r="132" spans="1:14">
      <c r="A132" s="27" t="s">
        <v>117</v>
      </c>
      <c r="B132" s="67">
        <v>-31</v>
      </c>
      <c r="C132" s="68">
        <v>-10</v>
      </c>
      <c r="D132" s="68">
        <v>-21</v>
      </c>
      <c r="E132" s="67">
        <v>30</v>
      </c>
      <c r="F132" s="68">
        <v>10</v>
      </c>
      <c r="G132" s="69">
        <v>20</v>
      </c>
      <c r="H132" s="68">
        <v>2</v>
      </c>
      <c r="I132" s="68">
        <v>1</v>
      </c>
      <c r="J132" s="68">
        <v>1</v>
      </c>
      <c r="K132" s="67">
        <v>3</v>
      </c>
      <c r="L132" s="79">
        <v>1</v>
      </c>
      <c r="M132" s="80">
        <v>2</v>
      </c>
    </row>
    <row r="133" spans="1:14">
      <c r="A133" s="27" t="s">
        <v>119</v>
      </c>
      <c r="B133" s="67">
        <v>-21</v>
      </c>
      <c r="C133" s="68">
        <v>-6</v>
      </c>
      <c r="D133" s="68">
        <v>-15</v>
      </c>
      <c r="E133" s="67">
        <v>21</v>
      </c>
      <c r="F133" s="68">
        <v>6</v>
      </c>
      <c r="G133" s="69">
        <v>15</v>
      </c>
      <c r="H133" s="68">
        <v>3</v>
      </c>
      <c r="I133" s="68">
        <v>1</v>
      </c>
      <c r="J133" s="68">
        <v>2</v>
      </c>
      <c r="K133" s="67">
        <v>3</v>
      </c>
      <c r="L133" s="79">
        <v>1</v>
      </c>
      <c r="M133" s="80">
        <v>2</v>
      </c>
    </row>
    <row r="134" spans="1:14">
      <c r="A134" s="27" t="s">
        <v>121</v>
      </c>
      <c r="B134" s="67">
        <v>-19</v>
      </c>
      <c r="C134" s="68">
        <v>-5</v>
      </c>
      <c r="D134" s="68">
        <v>-14</v>
      </c>
      <c r="E134" s="67">
        <v>18</v>
      </c>
      <c r="F134" s="68">
        <v>5</v>
      </c>
      <c r="G134" s="69">
        <v>13</v>
      </c>
      <c r="H134" s="68">
        <v>0</v>
      </c>
      <c r="I134" s="68">
        <v>0</v>
      </c>
      <c r="J134" s="68">
        <v>0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44</v>
      </c>
      <c r="C135" s="40">
        <v>-7</v>
      </c>
      <c r="D135" s="40">
        <v>-37</v>
      </c>
      <c r="E135" s="42">
        <v>44</v>
      </c>
      <c r="F135" s="40">
        <v>7</v>
      </c>
      <c r="G135" s="43">
        <v>37</v>
      </c>
      <c r="H135" s="40">
        <v>1</v>
      </c>
      <c r="I135" s="40">
        <v>1</v>
      </c>
      <c r="J135" s="40">
        <v>0</v>
      </c>
      <c r="K135" s="42">
        <v>1</v>
      </c>
      <c r="L135" s="44">
        <v>1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89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691</v>
      </c>
      <c r="C5" s="62">
        <v>119</v>
      </c>
      <c r="D5" s="62">
        <v>1572</v>
      </c>
      <c r="E5" s="61">
        <v>13648</v>
      </c>
      <c r="F5" s="62">
        <v>7361</v>
      </c>
      <c r="G5" s="63">
        <v>6287</v>
      </c>
      <c r="H5" s="62">
        <v>104623</v>
      </c>
      <c r="I5" s="62">
        <v>55438</v>
      </c>
      <c r="J5" s="62">
        <v>49185</v>
      </c>
      <c r="K5" s="61">
        <v>100840</v>
      </c>
      <c r="L5" s="75">
        <v>53923</v>
      </c>
      <c r="M5" s="76">
        <v>46917</v>
      </c>
    </row>
    <row r="6" spans="1:13" ht="23.25" customHeight="1">
      <c r="A6" s="36" t="s">
        <v>2</v>
      </c>
      <c r="B6" s="64">
        <v>9847</v>
      </c>
      <c r="C6" s="65">
        <v>5128</v>
      </c>
      <c r="D6" s="65">
        <v>4719</v>
      </c>
      <c r="E6" s="64">
        <v>24</v>
      </c>
      <c r="F6" s="65">
        <v>10</v>
      </c>
      <c r="G6" s="66">
        <v>14</v>
      </c>
      <c r="H6" s="65">
        <v>3893</v>
      </c>
      <c r="I6" s="65">
        <v>2042</v>
      </c>
      <c r="J6" s="65">
        <v>1851</v>
      </c>
      <c r="K6" s="64">
        <v>5578</v>
      </c>
      <c r="L6" s="77">
        <v>2869</v>
      </c>
      <c r="M6" s="78">
        <v>2709</v>
      </c>
    </row>
    <row r="7" spans="1:13">
      <c r="A7" s="15" t="s">
        <v>4</v>
      </c>
      <c r="B7" s="67">
        <v>11388</v>
      </c>
      <c r="C7" s="68">
        <v>5870</v>
      </c>
      <c r="D7" s="68">
        <v>5518</v>
      </c>
      <c r="E7" s="67">
        <v>17</v>
      </c>
      <c r="F7" s="68">
        <v>6</v>
      </c>
      <c r="G7" s="69">
        <v>11</v>
      </c>
      <c r="H7" s="68">
        <v>630</v>
      </c>
      <c r="I7" s="68">
        <v>328</v>
      </c>
      <c r="J7" s="68">
        <v>302</v>
      </c>
      <c r="K7" s="67">
        <v>781</v>
      </c>
      <c r="L7" s="79">
        <v>417</v>
      </c>
      <c r="M7" s="80">
        <v>364</v>
      </c>
    </row>
    <row r="8" spans="1:13">
      <c r="A8" s="15" t="s">
        <v>6</v>
      </c>
      <c r="B8" s="67">
        <v>-423</v>
      </c>
      <c r="C8" s="68">
        <v>-186</v>
      </c>
      <c r="D8" s="68">
        <v>-237</v>
      </c>
      <c r="E8" s="67">
        <v>4</v>
      </c>
      <c r="F8" s="68">
        <v>2</v>
      </c>
      <c r="G8" s="69">
        <v>2</v>
      </c>
      <c r="H8" s="68">
        <v>1146</v>
      </c>
      <c r="I8" s="68">
        <v>621</v>
      </c>
      <c r="J8" s="68">
        <v>525</v>
      </c>
      <c r="K8" s="67">
        <v>1565</v>
      </c>
      <c r="L8" s="79">
        <v>805</v>
      </c>
      <c r="M8" s="80">
        <v>760</v>
      </c>
    </row>
    <row r="9" spans="1:13">
      <c r="A9" s="15" t="s">
        <v>8</v>
      </c>
      <c r="B9" s="67">
        <v>-477</v>
      </c>
      <c r="C9" s="68">
        <v>-245</v>
      </c>
      <c r="D9" s="68">
        <v>-232</v>
      </c>
      <c r="E9" s="67">
        <v>2</v>
      </c>
      <c r="F9" s="68">
        <v>1</v>
      </c>
      <c r="G9" s="69">
        <v>1</v>
      </c>
      <c r="H9" s="68">
        <v>836</v>
      </c>
      <c r="I9" s="68">
        <v>419</v>
      </c>
      <c r="J9" s="68">
        <v>417</v>
      </c>
      <c r="K9" s="67">
        <v>1311</v>
      </c>
      <c r="L9" s="79">
        <v>663</v>
      </c>
      <c r="M9" s="80">
        <v>648</v>
      </c>
    </row>
    <row r="10" spans="1:13">
      <c r="A10" s="15" t="s">
        <v>10</v>
      </c>
      <c r="B10" s="67">
        <v>-370</v>
      </c>
      <c r="C10" s="68">
        <v>-148</v>
      </c>
      <c r="D10" s="68">
        <v>-222</v>
      </c>
      <c r="E10" s="67">
        <v>0</v>
      </c>
      <c r="F10" s="68">
        <v>0</v>
      </c>
      <c r="G10" s="69">
        <v>0</v>
      </c>
      <c r="H10" s="68">
        <v>712</v>
      </c>
      <c r="I10" s="68">
        <v>379</v>
      </c>
      <c r="J10" s="68">
        <v>333</v>
      </c>
      <c r="K10" s="67">
        <v>1082</v>
      </c>
      <c r="L10" s="79">
        <v>527</v>
      </c>
      <c r="M10" s="80">
        <v>555</v>
      </c>
    </row>
    <row r="11" spans="1:13">
      <c r="A11" s="15" t="s">
        <v>12</v>
      </c>
      <c r="B11" s="67">
        <v>-271</v>
      </c>
      <c r="C11" s="68">
        <v>-163</v>
      </c>
      <c r="D11" s="68">
        <v>-108</v>
      </c>
      <c r="E11" s="67">
        <v>1</v>
      </c>
      <c r="F11" s="68">
        <v>1</v>
      </c>
      <c r="G11" s="69">
        <v>0</v>
      </c>
      <c r="H11" s="68">
        <v>569</v>
      </c>
      <c r="I11" s="68">
        <v>295</v>
      </c>
      <c r="J11" s="68">
        <v>274</v>
      </c>
      <c r="K11" s="67">
        <v>839</v>
      </c>
      <c r="L11" s="79">
        <v>457</v>
      </c>
      <c r="M11" s="80">
        <v>382</v>
      </c>
    </row>
    <row r="12" spans="1:13" ht="21" customHeight="1">
      <c r="A12" s="36" t="s">
        <v>14</v>
      </c>
      <c r="B12" s="64">
        <v>-869</v>
      </c>
      <c r="C12" s="65">
        <v>-484</v>
      </c>
      <c r="D12" s="65">
        <v>-385</v>
      </c>
      <c r="E12" s="64">
        <v>5</v>
      </c>
      <c r="F12" s="65">
        <v>2</v>
      </c>
      <c r="G12" s="66">
        <v>3</v>
      </c>
      <c r="H12" s="65">
        <v>1971</v>
      </c>
      <c r="I12" s="65">
        <v>991</v>
      </c>
      <c r="J12" s="65">
        <v>980</v>
      </c>
      <c r="K12" s="64">
        <v>2835</v>
      </c>
      <c r="L12" s="77">
        <v>1473</v>
      </c>
      <c r="M12" s="78">
        <v>1362</v>
      </c>
    </row>
    <row r="13" spans="1:13">
      <c r="A13" s="15" t="s">
        <v>16</v>
      </c>
      <c r="B13" s="67">
        <v>-246</v>
      </c>
      <c r="C13" s="68">
        <v>-117</v>
      </c>
      <c r="D13" s="68">
        <v>-129</v>
      </c>
      <c r="E13" s="67">
        <v>0</v>
      </c>
      <c r="F13" s="68">
        <v>0</v>
      </c>
      <c r="G13" s="69">
        <v>0</v>
      </c>
      <c r="H13" s="68">
        <v>469</v>
      </c>
      <c r="I13" s="68">
        <v>250</v>
      </c>
      <c r="J13" s="68">
        <v>219</v>
      </c>
      <c r="K13" s="67">
        <v>715</v>
      </c>
      <c r="L13" s="79">
        <v>367</v>
      </c>
      <c r="M13" s="80">
        <v>348</v>
      </c>
    </row>
    <row r="14" spans="1:13">
      <c r="A14" s="15" t="s">
        <v>18</v>
      </c>
      <c r="B14" s="67">
        <v>-260</v>
      </c>
      <c r="C14" s="68">
        <v>-155</v>
      </c>
      <c r="D14" s="68">
        <v>-105</v>
      </c>
      <c r="E14" s="67">
        <v>1</v>
      </c>
      <c r="F14" s="68">
        <v>0</v>
      </c>
      <c r="G14" s="69">
        <v>1</v>
      </c>
      <c r="H14" s="68">
        <v>480</v>
      </c>
      <c r="I14" s="68">
        <v>230</v>
      </c>
      <c r="J14" s="68">
        <v>250</v>
      </c>
      <c r="K14" s="67">
        <v>739</v>
      </c>
      <c r="L14" s="79">
        <v>385</v>
      </c>
      <c r="M14" s="80">
        <v>354</v>
      </c>
    </row>
    <row r="15" spans="1:13">
      <c r="A15" s="15" t="s">
        <v>20</v>
      </c>
      <c r="B15" s="67">
        <v>-252</v>
      </c>
      <c r="C15" s="68">
        <v>-150</v>
      </c>
      <c r="D15" s="68">
        <v>-102</v>
      </c>
      <c r="E15" s="67">
        <v>0</v>
      </c>
      <c r="F15" s="68">
        <v>0</v>
      </c>
      <c r="G15" s="69">
        <v>0</v>
      </c>
      <c r="H15" s="68">
        <v>459</v>
      </c>
      <c r="I15" s="68">
        <v>232</v>
      </c>
      <c r="J15" s="68">
        <v>227</v>
      </c>
      <c r="K15" s="67">
        <v>711</v>
      </c>
      <c r="L15" s="79">
        <v>382</v>
      </c>
      <c r="M15" s="80">
        <v>329</v>
      </c>
    </row>
    <row r="16" spans="1:13">
      <c r="A16" s="15" t="s">
        <v>22</v>
      </c>
      <c r="B16" s="67">
        <v>-59</v>
      </c>
      <c r="C16" s="68">
        <v>-33</v>
      </c>
      <c r="D16" s="68">
        <v>-26</v>
      </c>
      <c r="E16" s="67">
        <v>3</v>
      </c>
      <c r="F16" s="68">
        <v>1</v>
      </c>
      <c r="G16" s="69">
        <v>2</v>
      </c>
      <c r="H16" s="68">
        <v>303</v>
      </c>
      <c r="I16" s="68">
        <v>153</v>
      </c>
      <c r="J16" s="68">
        <v>150</v>
      </c>
      <c r="K16" s="67">
        <v>359</v>
      </c>
      <c r="L16" s="79">
        <v>185</v>
      </c>
      <c r="M16" s="80">
        <v>174</v>
      </c>
    </row>
    <row r="17" spans="1:13">
      <c r="A17" s="15" t="s">
        <v>24</v>
      </c>
      <c r="B17" s="67">
        <v>-52</v>
      </c>
      <c r="C17" s="68">
        <v>-29</v>
      </c>
      <c r="D17" s="68">
        <v>-23</v>
      </c>
      <c r="E17" s="67">
        <v>1</v>
      </c>
      <c r="F17" s="68">
        <v>1</v>
      </c>
      <c r="G17" s="69">
        <v>0</v>
      </c>
      <c r="H17" s="68">
        <v>260</v>
      </c>
      <c r="I17" s="68">
        <v>126</v>
      </c>
      <c r="J17" s="68">
        <v>134</v>
      </c>
      <c r="K17" s="67">
        <v>311</v>
      </c>
      <c r="L17" s="79">
        <v>154</v>
      </c>
      <c r="M17" s="80">
        <v>157</v>
      </c>
    </row>
    <row r="18" spans="1:13" ht="21" customHeight="1">
      <c r="A18" s="36" t="s">
        <v>26</v>
      </c>
      <c r="B18" s="64">
        <v>-118</v>
      </c>
      <c r="C18" s="65">
        <v>-63</v>
      </c>
      <c r="D18" s="65">
        <v>-55</v>
      </c>
      <c r="E18" s="64">
        <v>3</v>
      </c>
      <c r="F18" s="65">
        <v>2</v>
      </c>
      <c r="G18" s="66">
        <v>1</v>
      </c>
      <c r="H18" s="65">
        <v>1145</v>
      </c>
      <c r="I18" s="65">
        <v>560</v>
      </c>
      <c r="J18" s="65">
        <v>585</v>
      </c>
      <c r="K18" s="64">
        <v>1260</v>
      </c>
      <c r="L18" s="77">
        <v>621</v>
      </c>
      <c r="M18" s="78">
        <v>639</v>
      </c>
    </row>
    <row r="19" spans="1:13">
      <c r="A19" s="15" t="s">
        <v>28</v>
      </c>
      <c r="B19" s="67">
        <v>-60</v>
      </c>
      <c r="C19" s="68">
        <v>-33</v>
      </c>
      <c r="D19" s="68">
        <v>-27</v>
      </c>
      <c r="E19" s="67">
        <v>1</v>
      </c>
      <c r="F19" s="68">
        <v>1</v>
      </c>
      <c r="G19" s="69">
        <v>0</v>
      </c>
      <c r="H19" s="68">
        <v>241</v>
      </c>
      <c r="I19" s="68">
        <v>110</v>
      </c>
      <c r="J19" s="68">
        <v>131</v>
      </c>
      <c r="K19" s="67">
        <v>300</v>
      </c>
      <c r="L19" s="79">
        <v>142</v>
      </c>
      <c r="M19" s="80">
        <v>158</v>
      </c>
    </row>
    <row r="20" spans="1:13">
      <c r="A20" s="15" t="s">
        <v>30</v>
      </c>
      <c r="B20" s="67">
        <v>-3</v>
      </c>
      <c r="C20" s="68">
        <v>11</v>
      </c>
      <c r="D20" s="68">
        <v>-14</v>
      </c>
      <c r="E20" s="67">
        <v>1</v>
      </c>
      <c r="F20" s="68">
        <v>1</v>
      </c>
      <c r="G20" s="69">
        <v>0</v>
      </c>
      <c r="H20" s="68">
        <v>240</v>
      </c>
      <c r="I20" s="68">
        <v>125</v>
      </c>
      <c r="J20" s="68">
        <v>115</v>
      </c>
      <c r="K20" s="67">
        <v>242</v>
      </c>
      <c r="L20" s="79">
        <v>113</v>
      </c>
      <c r="M20" s="80">
        <v>129</v>
      </c>
    </row>
    <row r="21" spans="1:13">
      <c r="A21" s="15" t="s">
        <v>32</v>
      </c>
      <c r="B21" s="67">
        <v>10</v>
      </c>
      <c r="C21" s="68">
        <v>-1</v>
      </c>
      <c r="D21" s="68">
        <v>11</v>
      </c>
      <c r="E21" s="67">
        <v>1</v>
      </c>
      <c r="F21" s="68">
        <v>0</v>
      </c>
      <c r="G21" s="69">
        <v>1</v>
      </c>
      <c r="H21" s="68">
        <v>232</v>
      </c>
      <c r="I21" s="68">
        <v>117</v>
      </c>
      <c r="J21" s="68">
        <v>115</v>
      </c>
      <c r="K21" s="67">
        <v>221</v>
      </c>
      <c r="L21" s="79">
        <v>118</v>
      </c>
      <c r="M21" s="80">
        <v>103</v>
      </c>
    </row>
    <row r="22" spans="1:13">
      <c r="A22" s="15" t="s">
        <v>34</v>
      </c>
      <c r="B22" s="67">
        <v>-38</v>
      </c>
      <c r="C22" s="68">
        <v>-31</v>
      </c>
      <c r="D22" s="68">
        <v>-7</v>
      </c>
      <c r="E22" s="67">
        <v>0</v>
      </c>
      <c r="F22" s="68">
        <v>0</v>
      </c>
      <c r="G22" s="69">
        <v>0</v>
      </c>
      <c r="H22" s="68">
        <v>261</v>
      </c>
      <c r="I22" s="68">
        <v>127</v>
      </c>
      <c r="J22" s="68">
        <v>134</v>
      </c>
      <c r="K22" s="67">
        <v>299</v>
      </c>
      <c r="L22" s="79">
        <v>158</v>
      </c>
      <c r="M22" s="80">
        <v>141</v>
      </c>
    </row>
    <row r="23" spans="1:13">
      <c r="A23" s="15" t="s">
        <v>36</v>
      </c>
      <c r="B23" s="67">
        <v>-27</v>
      </c>
      <c r="C23" s="68">
        <v>-9</v>
      </c>
      <c r="D23" s="68">
        <v>-18</v>
      </c>
      <c r="E23" s="67">
        <v>0</v>
      </c>
      <c r="F23" s="68">
        <v>0</v>
      </c>
      <c r="G23" s="69">
        <v>0</v>
      </c>
      <c r="H23" s="68">
        <v>171</v>
      </c>
      <c r="I23" s="68">
        <v>81</v>
      </c>
      <c r="J23" s="68">
        <v>90</v>
      </c>
      <c r="K23" s="67">
        <v>198</v>
      </c>
      <c r="L23" s="79">
        <v>90</v>
      </c>
      <c r="M23" s="80">
        <v>108</v>
      </c>
    </row>
    <row r="24" spans="1:13" ht="21" customHeight="1">
      <c r="A24" s="36" t="s">
        <v>38</v>
      </c>
      <c r="B24" s="64">
        <v>1251</v>
      </c>
      <c r="C24" s="65">
        <v>613</v>
      </c>
      <c r="D24" s="65">
        <v>638</v>
      </c>
      <c r="E24" s="64">
        <v>13</v>
      </c>
      <c r="F24" s="65">
        <v>7</v>
      </c>
      <c r="G24" s="66">
        <v>6</v>
      </c>
      <c r="H24" s="65">
        <v>3060</v>
      </c>
      <c r="I24" s="65">
        <v>1609</v>
      </c>
      <c r="J24" s="65">
        <v>1451</v>
      </c>
      <c r="K24" s="64">
        <v>1796</v>
      </c>
      <c r="L24" s="77">
        <v>989</v>
      </c>
      <c r="M24" s="78">
        <v>807</v>
      </c>
    </row>
    <row r="25" spans="1:13">
      <c r="A25" s="15" t="s">
        <v>40</v>
      </c>
      <c r="B25" s="67">
        <v>-10</v>
      </c>
      <c r="C25" s="68">
        <v>-9</v>
      </c>
      <c r="D25" s="68">
        <v>-1</v>
      </c>
      <c r="E25" s="67">
        <v>2</v>
      </c>
      <c r="F25" s="68">
        <v>1</v>
      </c>
      <c r="G25" s="69">
        <v>1</v>
      </c>
      <c r="H25" s="68">
        <v>206</v>
      </c>
      <c r="I25" s="68">
        <v>97</v>
      </c>
      <c r="J25" s="68">
        <v>109</v>
      </c>
      <c r="K25" s="67">
        <v>214</v>
      </c>
      <c r="L25" s="79">
        <v>105</v>
      </c>
      <c r="M25" s="80">
        <v>109</v>
      </c>
    </row>
    <row r="26" spans="1:13">
      <c r="A26" s="15" t="s">
        <v>42</v>
      </c>
      <c r="B26" s="67">
        <v>-43</v>
      </c>
      <c r="C26" s="68">
        <v>-29</v>
      </c>
      <c r="D26" s="68">
        <v>-14</v>
      </c>
      <c r="E26" s="67">
        <v>3</v>
      </c>
      <c r="F26" s="68">
        <v>0</v>
      </c>
      <c r="G26" s="69">
        <v>3</v>
      </c>
      <c r="H26" s="68">
        <v>273</v>
      </c>
      <c r="I26" s="68">
        <v>132</v>
      </c>
      <c r="J26" s="68">
        <v>141</v>
      </c>
      <c r="K26" s="67">
        <v>313</v>
      </c>
      <c r="L26" s="79">
        <v>161</v>
      </c>
      <c r="M26" s="80">
        <v>152</v>
      </c>
    </row>
    <row r="27" spans="1:13">
      <c r="A27" s="15" t="s">
        <v>44</v>
      </c>
      <c r="B27" s="67">
        <v>-9</v>
      </c>
      <c r="C27" s="68">
        <v>-7</v>
      </c>
      <c r="D27" s="68">
        <v>-2</v>
      </c>
      <c r="E27" s="67">
        <v>5</v>
      </c>
      <c r="F27" s="68">
        <v>4</v>
      </c>
      <c r="G27" s="69">
        <v>1</v>
      </c>
      <c r="H27" s="68">
        <v>193</v>
      </c>
      <c r="I27" s="68">
        <v>102</v>
      </c>
      <c r="J27" s="68">
        <v>91</v>
      </c>
      <c r="K27" s="67">
        <v>197</v>
      </c>
      <c r="L27" s="79">
        <v>105</v>
      </c>
      <c r="M27" s="80">
        <v>92</v>
      </c>
    </row>
    <row r="28" spans="1:13">
      <c r="A28" s="15" t="s">
        <v>46</v>
      </c>
      <c r="B28" s="67">
        <v>290</v>
      </c>
      <c r="C28" s="68">
        <v>127</v>
      </c>
      <c r="D28" s="68">
        <v>163</v>
      </c>
      <c r="E28" s="67">
        <v>0</v>
      </c>
      <c r="F28" s="68">
        <v>0</v>
      </c>
      <c r="G28" s="69">
        <v>0</v>
      </c>
      <c r="H28" s="68">
        <v>655</v>
      </c>
      <c r="I28" s="68">
        <v>335</v>
      </c>
      <c r="J28" s="68">
        <v>320</v>
      </c>
      <c r="K28" s="67">
        <v>365</v>
      </c>
      <c r="L28" s="79">
        <v>208</v>
      </c>
      <c r="M28" s="80">
        <v>157</v>
      </c>
    </row>
    <row r="29" spans="1:13">
      <c r="A29" s="15" t="s">
        <v>48</v>
      </c>
      <c r="B29" s="67">
        <v>1023</v>
      </c>
      <c r="C29" s="68">
        <v>531</v>
      </c>
      <c r="D29" s="68">
        <v>492</v>
      </c>
      <c r="E29" s="67">
        <v>3</v>
      </c>
      <c r="F29" s="68">
        <v>2</v>
      </c>
      <c r="G29" s="69">
        <v>1</v>
      </c>
      <c r="H29" s="68">
        <v>1733</v>
      </c>
      <c r="I29" s="68">
        <v>943</v>
      </c>
      <c r="J29" s="68">
        <v>790</v>
      </c>
      <c r="K29" s="67">
        <v>707</v>
      </c>
      <c r="L29" s="79">
        <v>410</v>
      </c>
      <c r="M29" s="80">
        <v>297</v>
      </c>
    </row>
    <row r="30" spans="1:13" ht="21" customHeight="1">
      <c r="A30" s="36" t="s">
        <v>50</v>
      </c>
      <c r="B30" s="64">
        <v>7721</v>
      </c>
      <c r="C30" s="65">
        <v>3815</v>
      </c>
      <c r="D30" s="65">
        <v>3906</v>
      </c>
      <c r="E30" s="64">
        <v>36</v>
      </c>
      <c r="F30" s="65">
        <v>23</v>
      </c>
      <c r="G30" s="66">
        <v>13</v>
      </c>
      <c r="H30" s="65">
        <v>20514</v>
      </c>
      <c r="I30" s="65">
        <v>10364</v>
      </c>
      <c r="J30" s="65">
        <v>10150</v>
      </c>
      <c r="K30" s="64">
        <v>12757</v>
      </c>
      <c r="L30" s="77">
        <v>6526</v>
      </c>
      <c r="M30" s="78">
        <v>6231</v>
      </c>
    </row>
    <row r="31" spans="1:13">
      <c r="A31" s="15" t="s">
        <v>52</v>
      </c>
      <c r="B31" s="67">
        <v>696</v>
      </c>
      <c r="C31" s="68">
        <v>326</v>
      </c>
      <c r="D31" s="68">
        <v>370</v>
      </c>
      <c r="E31" s="67">
        <v>10</v>
      </c>
      <c r="F31" s="68">
        <v>9</v>
      </c>
      <c r="G31" s="69">
        <v>1</v>
      </c>
      <c r="H31" s="68">
        <v>1637</v>
      </c>
      <c r="I31" s="68">
        <v>849</v>
      </c>
      <c r="J31" s="68">
        <v>788</v>
      </c>
      <c r="K31" s="67">
        <v>931</v>
      </c>
      <c r="L31" s="79">
        <v>514</v>
      </c>
      <c r="M31" s="80">
        <v>417</v>
      </c>
    </row>
    <row r="32" spans="1:13">
      <c r="A32" s="15" t="s">
        <v>54</v>
      </c>
      <c r="B32" s="67">
        <v>1186</v>
      </c>
      <c r="C32" s="68">
        <v>498</v>
      </c>
      <c r="D32" s="68">
        <v>688</v>
      </c>
      <c r="E32" s="67">
        <v>5</v>
      </c>
      <c r="F32" s="68">
        <v>3</v>
      </c>
      <c r="G32" s="69">
        <v>2</v>
      </c>
      <c r="H32" s="68">
        <v>2587</v>
      </c>
      <c r="I32" s="68">
        <v>1176</v>
      </c>
      <c r="J32" s="68">
        <v>1411</v>
      </c>
      <c r="K32" s="67">
        <v>1396</v>
      </c>
      <c r="L32" s="79">
        <v>675</v>
      </c>
      <c r="M32" s="80">
        <v>721</v>
      </c>
    </row>
    <row r="33" spans="1:13">
      <c r="A33" s="15" t="s">
        <v>56</v>
      </c>
      <c r="B33" s="67">
        <v>1521</v>
      </c>
      <c r="C33" s="68">
        <v>736</v>
      </c>
      <c r="D33" s="68">
        <v>785</v>
      </c>
      <c r="E33" s="67">
        <v>9</v>
      </c>
      <c r="F33" s="68">
        <v>5</v>
      </c>
      <c r="G33" s="69">
        <v>4</v>
      </c>
      <c r="H33" s="68">
        <v>3755</v>
      </c>
      <c r="I33" s="68">
        <v>1878</v>
      </c>
      <c r="J33" s="68">
        <v>1877</v>
      </c>
      <c r="K33" s="67">
        <v>2225</v>
      </c>
      <c r="L33" s="79">
        <v>1137</v>
      </c>
      <c r="M33" s="80">
        <v>1088</v>
      </c>
    </row>
    <row r="34" spans="1:13">
      <c r="A34" s="15" t="s">
        <v>58</v>
      </c>
      <c r="B34" s="67">
        <v>2792</v>
      </c>
      <c r="C34" s="68">
        <v>1392</v>
      </c>
      <c r="D34" s="68">
        <v>1400</v>
      </c>
      <c r="E34" s="67">
        <v>7</v>
      </c>
      <c r="F34" s="68">
        <v>3</v>
      </c>
      <c r="G34" s="69">
        <v>4</v>
      </c>
      <c r="H34" s="68">
        <v>6730</v>
      </c>
      <c r="I34" s="68">
        <v>3395</v>
      </c>
      <c r="J34" s="68">
        <v>3335</v>
      </c>
      <c r="K34" s="67">
        <v>3931</v>
      </c>
      <c r="L34" s="79">
        <v>2000</v>
      </c>
      <c r="M34" s="80">
        <v>1931</v>
      </c>
    </row>
    <row r="35" spans="1:13">
      <c r="A35" s="15" t="s">
        <v>60</v>
      </c>
      <c r="B35" s="67">
        <v>1526</v>
      </c>
      <c r="C35" s="68">
        <v>863</v>
      </c>
      <c r="D35" s="68">
        <v>663</v>
      </c>
      <c r="E35" s="67">
        <v>5</v>
      </c>
      <c r="F35" s="68">
        <v>3</v>
      </c>
      <c r="G35" s="69">
        <v>2</v>
      </c>
      <c r="H35" s="68">
        <v>5805</v>
      </c>
      <c r="I35" s="68">
        <v>3066</v>
      </c>
      <c r="J35" s="68">
        <v>2739</v>
      </c>
      <c r="K35" s="67">
        <v>4274</v>
      </c>
      <c r="L35" s="79">
        <v>2200</v>
      </c>
      <c r="M35" s="80">
        <v>2074</v>
      </c>
    </row>
    <row r="36" spans="1:13" ht="21" customHeight="1">
      <c r="A36" s="36" t="s">
        <v>62</v>
      </c>
      <c r="B36" s="64">
        <v>3232</v>
      </c>
      <c r="C36" s="65">
        <v>1864</v>
      </c>
      <c r="D36" s="65">
        <v>1368</v>
      </c>
      <c r="E36" s="64">
        <v>30</v>
      </c>
      <c r="F36" s="65">
        <v>14</v>
      </c>
      <c r="G36" s="66">
        <v>16</v>
      </c>
      <c r="H36" s="65">
        <v>27902</v>
      </c>
      <c r="I36" s="65">
        <v>14731</v>
      </c>
      <c r="J36" s="65">
        <v>13171</v>
      </c>
      <c r="K36" s="64">
        <v>24640</v>
      </c>
      <c r="L36" s="77">
        <v>12853</v>
      </c>
      <c r="M36" s="78">
        <v>11787</v>
      </c>
    </row>
    <row r="37" spans="1:13">
      <c r="A37" s="15" t="s">
        <v>64</v>
      </c>
      <c r="B37" s="67">
        <v>1387</v>
      </c>
      <c r="C37" s="68">
        <v>865</v>
      </c>
      <c r="D37" s="68">
        <v>522</v>
      </c>
      <c r="E37" s="67">
        <v>8</v>
      </c>
      <c r="F37" s="68">
        <v>4</v>
      </c>
      <c r="G37" s="69">
        <v>4</v>
      </c>
      <c r="H37" s="68">
        <v>6460</v>
      </c>
      <c r="I37" s="68">
        <v>3518</v>
      </c>
      <c r="J37" s="68">
        <v>2942</v>
      </c>
      <c r="K37" s="67">
        <v>5065</v>
      </c>
      <c r="L37" s="79">
        <v>2649</v>
      </c>
      <c r="M37" s="80">
        <v>2416</v>
      </c>
    </row>
    <row r="38" spans="1:13">
      <c r="A38" s="15" t="s">
        <v>66</v>
      </c>
      <c r="B38" s="67">
        <v>830</v>
      </c>
      <c r="C38" s="68">
        <v>480</v>
      </c>
      <c r="D38" s="68">
        <v>350</v>
      </c>
      <c r="E38" s="67">
        <v>10</v>
      </c>
      <c r="F38" s="68">
        <v>6</v>
      </c>
      <c r="G38" s="69">
        <v>4</v>
      </c>
      <c r="H38" s="68">
        <v>6119</v>
      </c>
      <c r="I38" s="68">
        <v>3234</v>
      </c>
      <c r="J38" s="68">
        <v>2885</v>
      </c>
      <c r="K38" s="67">
        <v>5279</v>
      </c>
      <c r="L38" s="79">
        <v>2748</v>
      </c>
      <c r="M38" s="80">
        <v>2531</v>
      </c>
    </row>
    <row r="39" spans="1:13">
      <c r="A39" s="15" t="s">
        <v>68</v>
      </c>
      <c r="B39" s="67">
        <v>584</v>
      </c>
      <c r="C39" s="68">
        <v>327</v>
      </c>
      <c r="D39" s="68">
        <v>257</v>
      </c>
      <c r="E39" s="67">
        <v>2</v>
      </c>
      <c r="F39" s="68">
        <v>0</v>
      </c>
      <c r="G39" s="69">
        <v>2</v>
      </c>
      <c r="H39" s="68">
        <v>5560</v>
      </c>
      <c r="I39" s="68">
        <v>2931</v>
      </c>
      <c r="J39" s="68">
        <v>2629</v>
      </c>
      <c r="K39" s="67">
        <v>4974</v>
      </c>
      <c r="L39" s="79">
        <v>2604</v>
      </c>
      <c r="M39" s="80">
        <v>2370</v>
      </c>
    </row>
    <row r="40" spans="1:13">
      <c r="A40" s="15" t="s">
        <v>70</v>
      </c>
      <c r="B40" s="67">
        <v>314</v>
      </c>
      <c r="C40" s="68">
        <v>118</v>
      </c>
      <c r="D40" s="68">
        <v>196</v>
      </c>
      <c r="E40" s="67">
        <v>5</v>
      </c>
      <c r="F40" s="68">
        <v>2</v>
      </c>
      <c r="G40" s="69">
        <v>3</v>
      </c>
      <c r="H40" s="68">
        <v>5204</v>
      </c>
      <c r="I40" s="68">
        <v>2625</v>
      </c>
      <c r="J40" s="68">
        <v>2579</v>
      </c>
      <c r="K40" s="67">
        <v>4885</v>
      </c>
      <c r="L40" s="79">
        <v>2505</v>
      </c>
      <c r="M40" s="80">
        <v>2380</v>
      </c>
    </row>
    <row r="41" spans="1:13">
      <c r="A41" s="15" t="s">
        <v>72</v>
      </c>
      <c r="B41" s="67">
        <v>117</v>
      </c>
      <c r="C41" s="68">
        <v>74</v>
      </c>
      <c r="D41" s="68">
        <v>43</v>
      </c>
      <c r="E41" s="67">
        <v>5</v>
      </c>
      <c r="F41" s="68">
        <v>2</v>
      </c>
      <c r="G41" s="69">
        <v>3</v>
      </c>
      <c r="H41" s="68">
        <v>4559</v>
      </c>
      <c r="I41" s="68">
        <v>2423</v>
      </c>
      <c r="J41" s="68">
        <v>2136</v>
      </c>
      <c r="K41" s="67">
        <v>4437</v>
      </c>
      <c r="L41" s="79">
        <v>2347</v>
      </c>
      <c r="M41" s="80">
        <v>2090</v>
      </c>
    </row>
    <row r="42" spans="1:13" ht="21" customHeight="1">
      <c r="A42" s="36" t="s">
        <v>74</v>
      </c>
      <c r="B42" s="64">
        <v>-816</v>
      </c>
      <c r="C42" s="65">
        <v>-401</v>
      </c>
      <c r="D42" s="65">
        <v>-415</v>
      </c>
      <c r="E42" s="64">
        <v>34</v>
      </c>
      <c r="F42" s="65">
        <v>23</v>
      </c>
      <c r="G42" s="66">
        <v>11</v>
      </c>
      <c r="H42" s="65">
        <v>16272</v>
      </c>
      <c r="I42" s="65">
        <v>8735</v>
      </c>
      <c r="J42" s="65">
        <v>7537</v>
      </c>
      <c r="K42" s="64">
        <v>17054</v>
      </c>
      <c r="L42" s="77">
        <v>9113</v>
      </c>
      <c r="M42" s="78">
        <v>7941</v>
      </c>
    </row>
    <row r="43" spans="1:13">
      <c r="A43" s="15" t="s">
        <v>76</v>
      </c>
      <c r="B43" s="67">
        <v>98</v>
      </c>
      <c r="C43" s="68">
        <v>40</v>
      </c>
      <c r="D43" s="68">
        <v>58</v>
      </c>
      <c r="E43" s="67">
        <v>9</v>
      </c>
      <c r="F43" s="68">
        <v>4</v>
      </c>
      <c r="G43" s="69">
        <v>5</v>
      </c>
      <c r="H43" s="68">
        <v>4280</v>
      </c>
      <c r="I43" s="68">
        <v>2219</v>
      </c>
      <c r="J43" s="68">
        <v>2061</v>
      </c>
      <c r="K43" s="67">
        <v>4173</v>
      </c>
      <c r="L43" s="79">
        <v>2175</v>
      </c>
      <c r="M43" s="80">
        <v>1998</v>
      </c>
    </row>
    <row r="44" spans="1:13">
      <c r="A44" s="15" t="s">
        <v>78</v>
      </c>
      <c r="B44" s="67">
        <v>-102</v>
      </c>
      <c r="C44" s="68">
        <v>-53</v>
      </c>
      <c r="D44" s="68">
        <v>-49</v>
      </c>
      <c r="E44" s="67">
        <v>1</v>
      </c>
      <c r="F44" s="68">
        <v>1</v>
      </c>
      <c r="G44" s="69">
        <v>0</v>
      </c>
      <c r="H44" s="68">
        <v>3609</v>
      </c>
      <c r="I44" s="68">
        <v>1938</v>
      </c>
      <c r="J44" s="68">
        <v>1671</v>
      </c>
      <c r="K44" s="67">
        <v>3710</v>
      </c>
      <c r="L44" s="79">
        <v>1990</v>
      </c>
      <c r="M44" s="80">
        <v>1720</v>
      </c>
    </row>
    <row r="45" spans="1:13">
      <c r="A45" s="15" t="s">
        <v>80</v>
      </c>
      <c r="B45" s="67">
        <v>-359</v>
      </c>
      <c r="C45" s="68">
        <v>-149</v>
      </c>
      <c r="D45" s="68">
        <v>-210</v>
      </c>
      <c r="E45" s="67">
        <v>10</v>
      </c>
      <c r="F45" s="68">
        <v>7</v>
      </c>
      <c r="G45" s="69">
        <v>3</v>
      </c>
      <c r="H45" s="68">
        <v>3085</v>
      </c>
      <c r="I45" s="68">
        <v>1662</v>
      </c>
      <c r="J45" s="68">
        <v>1423</v>
      </c>
      <c r="K45" s="67">
        <v>3434</v>
      </c>
      <c r="L45" s="79">
        <v>1804</v>
      </c>
      <c r="M45" s="80">
        <v>1630</v>
      </c>
    </row>
    <row r="46" spans="1:13">
      <c r="A46" s="15" t="s">
        <v>82</v>
      </c>
      <c r="B46" s="67">
        <v>-237</v>
      </c>
      <c r="C46" s="68">
        <v>-141</v>
      </c>
      <c r="D46" s="68">
        <v>-96</v>
      </c>
      <c r="E46" s="67">
        <v>7</v>
      </c>
      <c r="F46" s="68">
        <v>6</v>
      </c>
      <c r="G46" s="69">
        <v>1</v>
      </c>
      <c r="H46" s="68">
        <v>2718</v>
      </c>
      <c r="I46" s="68">
        <v>1507</v>
      </c>
      <c r="J46" s="68">
        <v>1211</v>
      </c>
      <c r="K46" s="67">
        <v>2948</v>
      </c>
      <c r="L46" s="79">
        <v>1642</v>
      </c>
      <c r="M46" s="80">
        <v>1306</v>
      </c>
    </row>
    <row r="47" spans="1:13">
      <c r="A47" s="15" t="s">
        <v>84</v>
      </c>
      <c r="B47" s="67">
        <v>-216</v>
      </c>
      <c r="C47" s="68">
        <v>-98</v>
      </c>
      <c r="D47" s="68">
        <v>-118</v>
      </c>
      <c r="E47" s="67">
        <v>7</v>
      </c>
      <c r="F47" s="68">
        <v>5</v>
      </c>
      <c r="G47" s="69">
        <v>2</v>
      </c>
      <c r="H47" s="68">
        <v>2580</v>
      </c>
      <c r="I47" s="68">
        <v>1409</v>
      </c>
      <c r="J47" s="68">
        <v>1171</v>
      </c>
      <c r="K47" s="67">
        <v>2789</v>
      </c>
      <c r="L47" s="79">
        <v>1502</v>
      </c>
      <c r="M47" s="80">
        <v>1287</v>
      </c>
    </row>
    <row r="48" spans="1:13" ht="21" customHeight="1">
      <c r="A48" s="36" t="s">
        <v>86</v>
      </c>
      <c r="B48" s="64">
        <v>-1468</v>
      </c>
      <c r="C48" s="65">
        <v>-658</v>
      </c>
      <c r="D48" s="65">
        <v>-810</v>
      </c>
      <c r="E48" s="64">
        <v>45</v>
      </c>
      <c r="F48" s="65">
        <v>28</v>
      </c>
      <c r="G48" s="66">
        <v>17</v>
      </c>
      <c r="H48" s="65">
        <v>8973</v>
      </c>
      <c r="I48" s="65">
        <v>5175</v>
      </c>
      <c r="J48" s="65">
        <v>3798</v>
      </c>
      <c r="K48" s="64">
        <v>10396</v>
      </c>
      <c r="L48" s="77">
        <v>5805</v>
      </c>
      <c r="M48" s="78">
        <v>4591</v>
      </c>
    </row>
    <row r="49" spans="1:13">
      <c r="A49" s="15" t="s">
        <v>88</v>
      </c>
      <c r="B49" s="67">
        <v>-326</v>
      </c>
      <c r="C49" s="68">
        <v>-184</v>
      </c>
      <c r="D49" s="68">
        <v>-142</v>
      </c>
      <c r="E49" s="67">
        <v>11</v>
      </c>
      <c r="F49" s="68">
        <v>9</v>
      </c>
      <c r="G49" s="69">
        <v>2</v>
      </c>
      <c r="H49" s="68">
        <v>2150</v>
      </c>
      <c r="I49" s="68">
        <v>1198</v>
      </c>
      <c r="J49" s="68">
        <v>952</v>
      </c>
      <c r="K49" s="67">
        <v>2465</v>
      </c>
      <c r="L49" s="79">
        <v>1373</v>
      </c>
      <c r="M49" s="80">
        <v>1092</v>
      </c>
    </row>
    <row r="50" spans="1:13">
      <c r="A50" s="15" t="s">
        <v>90</v>
      </c>
      <c r="B50" s="67">
        <v>-216</v>
      </c>
      <c r="C50" s="68">
        <v>-86</v>
      </c>
      <c r="D50" s="68">
        <v>-130</v>
      </c>
      <c r="E50" s="67">
        <v>7</v>
      </c>
      <c r="F50" s="68">
        <v>3</v>
      </c>
      <c r="G50" s="69">
        <v>4</v>
      </c>
      <c r="H50" s="68">
        <v>1976</v>
      </c>
      <c r="I50" s="68">
        <v>1114</v>
      </c>
      <c r="J50" s="68">
        <v>862</v>
      </c>
      <c r="K50" s="67">
        <v>2185</v>
      </c>
      <c r="L50" s="79">
        <v>1197</v>
      </c>
      <c r="M50" s="80">
        <v>988</v>
      </c>
    </row>
    <row r="51" spans="1:13">
      <c r="A51" s="15" t="s">
        <v>92</v>
      </c>
      <c r="B51" s="67">
        <v>-238</v>
      </c>
      <c r="C51" s="68">
        <v>-117</v>
      </c>
      <c r="D51" s="68">
        <v>-121</v>
      </c>
      <c r="E51" s="67">
        <v>8</v>
      </c>
      <c r="F51" s="68">
        <v>5</v>
      </c>
      <c r="G51" s="69">
        <v>3</v>
      </c>
      <c r="H51" s="68">
        <v>1800</v>
      </c>
      <c r="I51" s="68">
        <v>1044</v>
      </c>
      <c r="J51" s="68">
        <v>756</v>
      </c>
      <c r="K51" s="67">
        <v>2030</v>
      </c>
      <c r="L51" s="79">
        <v>1156</v>
      </c>
      <c r="M51" s="80">
        <v>874</v>
      </c>
    </row>
    <row r="52" spans="1:13">
      <c r="A52" s="15" t="s">
        <v>94</v>
      </c>
      <c r="B52" s="67">
        <v>-395</v>
      </c>
      <c r="C52" s="68">
        <v>-128</v>
      </c>
      <c r="D52" s="68">
        <v>-267</v>
      </c>
      <c r="E52" s="67">
        <v>10</v>
      </c>
      <c r="F52" s="68">
        <v>7</v>
      </c>
      <c r="G52" s="69">
        <v>3</v>
      </c>
      <c r="H52" s="68">
        <v>1623</v>
      </c>
      <c r="I52" s="68">
        <v>953</v>
      </c>
      <c r="J52" s="68">
        <v>670</v>
      </c>
      <c r="K52" s="67">
        <v>2008</v>
      </c>
      <c r="L52" s="79">
        <v>1074</v>
      </c>
      <c r="M52" s="80">
        <v>934</v>
      </c>
    </row>
    <row r="53" spans="1:13">
      <c r="A53" s="15" t="s">
        <v>96</v>
      </c>
      <c r="B53" s="67">
        <v>-293</v>
      </c>
      <c r="C53" s="68">
        <v>-143</v>
      </c>
      <c r="D53" s="68">
        <v>-150</v>
      </c>
      <c r="E53" s="67">
        <v>9</v>
      </c>
      <c r="F53" s="68">
        <v>4</v>
      </c>
      <c r="G53" s="69">
        <v>5</v>
      </c>
      <c r="H53" s="68">
        <v>1424</v>
      </c>
      <c r="I53" s="68">
        <v>866</v>
      </c>
      <c r="J53" s="68">
        <v>558</v>
      </c>
      <c r="K53" s="67">
        <v>1708</v>
      </c>
      <c r="L53" s="79">
        <v>1005</v>
      </c>
      <c r="M53" s="80">
        <v>703</v>
      </c>
    </row>
    <row r="54" spans="1:13" ht="21" customHeight="1">
      <c r="A54" s="36" t="s">
        <v>98</v>
      </c>
      <c r="B54" s="64">
        <v>-1157</v>
      </c>
      <c r="C54" s="65">
        <v>-700</v>
      </c>
      <c r="D54" s="65">
        <v>-457</v>
      </c>
      <c r="E54" s="64">
        <v>78</v>
      </c>
      <c r="F54" s="65">
        <v>43</v>
      </c>
      <c r="G54" s="66">
        <v>35</v>
      </c>
      <c r="H54" s="65">
        <v>5232</v>
      </c>
      <c r="I54" s="65">
        <v>3011</v>
      </c>
      <c r="J54" s="65">
        <v>2221</v>
      </c>
      <c r="K54" s="64">
        <v>6311</v>
      </c>
      <c r="L54" s="77">
        <v>3668</v>
      </c>
      <c r="M54" s="78">
        <v>2643</v>
      </c>
    </row>
    <row r="55" spans="1:13">
      <c r="A55" s="15" t="s">
        <v>100</v>
      </c>
      <c r="B55" s="67">
        <v>-231</v>
      </c>
      <c r="C55" s="68">
        <v>-145</v>
      </c>
      <c r="D55" s="68">
        <v>-86</v>
      </c>
      <c r="E55" s="67">
        <v>11</v>
      </c>
      <c r="F55" s="68">
        <v>7</v>
      </c>
      <c r="G55" s="69">
        <v>4</v>
      </c>
      <c r="H55" s="68">
        <v>1314</v>
      </c>
      <c r="I55" s="68">
        <v>733</v>
      </c>
      <c r="J55" s="68">
        <v>581</v>
      </c>
      <c r="K55" s="67">
        <v>1534</v>
      </c>
      <c r="L55" s="79">
        <v>871</v>
      </c>
      <c r="M55" s="80">
        <v>663</v>
      </c>
    </row>
    <row r="56" spans="1:13">
      <c r="A56" s="15" t="s">
        <v>102</v>
      </c>
      <c r="B56" s="67">
        <v>-248</v>
      </c>
      <c r="C56" s="68">
        <v>-152</v>
      </c>
      <c r="D56" s="68">
        <v>-96</v>
      </c>
      <c r="E56" s="67">
        <v>12</v>
      </c>
      <c r="F56" s="68">
        <v>5</v>
      </c>
      <c r="G56" s="69">
        <v>7</v>
      </c>
      <c r="H56" s="68">
        <v>1129</v>
      </c>
      <c r="I56" s="68">
        <v>642</v>
      </c>
      <c r="J56" s="68">
        <v>487</v>
      </c>
      <c r="K56" s="67">
        <v>1365</v>
      </c>
      <c r="L56" s="79">
        <v>789</v>
      </c>
      <c r="M56" s="80">
        <v>576</v>
      </c>
    </row>
    <row r="57" spans="1:13">
      <c r="A57" s="15" t="s">
        <v>104</v>
      </c>
      <c r="B57" s="67">
        <v>-200</v>
      </c>
      <c r="C57" s="68">
        <v>-134</v>
      </c>
      <c r="D57" s="68">
        <v>-66</v>
      </c>
      <c r="E57" s="67">
        <v>21</v>
      </c>
      <c r="F57" s="68">
        <v>12</v>
      </c>
      <c r="G57" s="69">
        <v>9</v>
      </c>
      <c r="H57" s="68">
        <v>1023</v>
      </c>
      <c r="I57" s="68">
        <v>594</v>
      </c>
      <c r="J57" s="68">
        <v>429</v>
      </c>
      <c r="K57" s="67">
        <v>1202</v>
      </c>
      <c r="L57" s="79">
        <v>716</v>
      </c>
      <c r="M57" s="80">
        <v>486</v>
      </c>
    </row>
    <row r="58" spans="1:13">
      <c r="A58" s="15" t="s">
        <v>106</v>
      </c>
      <c r="B58" s="67">
        <v>-182</v>
      </c>
      <c r="C58" s="68">
        <v>-94</v>
      </c>
      <c r="D58" s="68">
        <v>-88</v>
      </c>
      <c r="E58" s="67">
        <v>16</v>
      </c>
      <c r="F58" s="68">
        <v>8</v>
      </c>
      <c r="G58" s="69">
        <v>8</v>
      </c>
      <c r="H58" s="68">
        <v>922</v>
      </c>
      <c r="I58" s="68">
        <v>557</v>
      </c>
      <c r="J58" s="68">
        <v>365</v>
      </c>
      <c r="K58" s="67">
        <v>1088</v>
      </c>
      <c r="L58" s="79">
        <v>643</v>
      </c>
      <c r="M58" s="80">
        <v>445</v>
      </c>
    </row>
    <row r="59" spans="1:13">
      <c r="A59" s="15" t="s">
        <v>108</v>
      </c>
      <c r="B59" s="67">
        <v>-296</v>
      </c>
      <c r="C59" s="68">
        <v>-175</v>
      </c>
      <c r="D59" s="68">
        <v>-121</v>
      </c>
      <c r="E59" s="67">
        <v>18</v>
      </c>
      <c r="F59" s="68">
        <v>11</v>
      </c>
      <c r="G59" s="69">
        <v>7</v>
      </c>
      <c r="H59" s="68">
        <v>844</v>
      </c>
      <c r="I59" s="68">
        <v>485</v>
      </c>
      <c r="J59" s="68">
        <v>359</v>
      </c>
      <c r="K59" s="67">
        <v>1122</v>
      </c>
      <c r="L59" s="79">
        <v>649</v>
      </c>
      <c r="M59" s="80">
        <v>473</v>
      </c>
    </row>
    <row r="60" spans="1:13" ht="21" customHeight="1">
      <c r="A60" s="36" t="s">
        <v>110</v>
      </c>
      <c r="B60" s="64">
        <v>-908</v>
      </c>
      <c r="C60" s="65">
        <v>-606</v>
      </c>
      <c r="D60" s="65">
        <v>-302</v>
      </c>
      <c r="E60" s="64">
        <v>152</v>
      </c>
      <c r="F60" s="65">
        <v>101</v>
      </c>
      <c r="G60" s="66">
        <v>51</v>
      </c>
      <c r="H60" s="65">
        <v>3749</v>
      </c>
      <c r="I60" s="65">
        <v>2172</v>
      </c>
      <c r="J60" s="65">
        <v>1577</v>
      </c>
      <c r="K60" s="64">
        <v>4505</v>
      </c>
      <c r="L60" s="77">
        <v>2677</v>
      </c>
      <c r="M60" s="78">
        <v>1828</v>
      </c>
    </row>
    <row r="61" spans="1:13">
      <c r="A61" s="15" t="s">
        <v>112</v>
      </c>
      <c r="B61" s="67">
        <v>-163</v>
      </c>
      <c r="C61" s="68">
        <v>-110</v>
      </c>
      <c r="D61" s="68">
        <v>-53</v>
      </c>
      <c r="E61" s="67">
        <v>19</v>
      </c>
      <c r="F61" s="68">
        <v>11</v>
      </c>
      <c r="G61" s="69">
        <v>8</v>
      </c>
      <c r="H61" s="68">
        <v>831</v>
      </c>
      <c r="I61" s="68">
        <v>482</v>
      </c>
      <c r="J61" s="68">
        <v>349</v>
      </c>
      <c r="K61" s="67">
        <v>975</v>
      </c>
      <c r="L61" s="79">
        <v>581</v>
      </c>
      <c r="M61" s="80">
        <v>394</v>
      </c>
    </row>
    <row r="62" spans="1:13">
      <c r="A62" s="15" t="s">
        <v>114</v>
      </c>
      <c r="B62" s="67">
        <v>-209</v>
      </c>
      <c r="C62" s="68">
        <v>-151</v>
      </c>
      <c r="D62" s="68">
        <v>-58</v>
      </c>
      <c r="E62" s="67">
        <v>17</v>
      </c>
      <c r="F62" s="68">
        <v>10</v>
      </c>
      <c r="G62" s="69">
        <v>7</v>
      </c>
      <c r="H62" s="68">
        <v>754</v>
      </c>
      <c r="I62" s="68">
        <v>432</v>
      </c>
      <c r="J62" s="68">
        <v>322</v>
      </c>
      <c r="K62" s="67">
        <v>946</v>
      </c>
      <c r="L62" s="79">
        <v>573</v>
      </c>
      <c r="M62" s="80">
        <v>373</v>
      </c>
    </row>
    <row r="63" spans="1:13">
      <c r="A63" s="15" t="s">
        <v>116</v>
      </c>
      <c r="B63" s="67">
        <v>-220</v>
      </c>
      <c r="C63" s="68">
        <v>-162</v>
      </c>
      <c r="D63" s="68">
        <v>-58</v>
      </c>
      <c r="E63" s="67">
        <v>31</v>
      </c>
      <c r="F63" s="68">
        <v>22</v>
      </c>
      <c r="G63" s="69">
        <v>9</v>
      </c>
      <c r="H63" s="68">
        <v>704</v>
      </c>
      <c r="I63" s="68">
        <v>411</v>
      </c>
      <c r="J63" s="68">
        <v>293</v>
      </c>
      <c r="K63" s="67">
        <v>893</v>
      </c>
      <c r="L63" s="79">
        <v>551</v>
      </c>
      <c r="M63" s="80">
        <v>342</v>
      </c>
    </row>
    <row r="64" spans="1:13">
      <c r="A64" s="15" t="s">
        <v>118</v>
      </c>
      <c r="B64" s="67">
        <v>-151</v>
      </c>
      <c r="C64" s="68">
        <v>-69</v>
      </c>
      <c r="D64" s="68">
        <v>-82</v>
      </c>
      <c r="E64" s="67">
        <v>41</v>
      </c>
      <c r="F64" s="68">
        <v>26</v>
      </c>
      <c r="G64" s="69">
        <v>15</v>
      </c>
      <c r="H64" s="68">
        <v>767</v>
      </c>
      <c r="I64" s="68">
        <v>449</v>
      </c>
      <c r="J64" s="68">
        <v>318</v>
      </c>
      <c r="K64" s="67">
        <v>877</v>
      </c>
      <c r="L64" s="79">
        <v>492</v>
      </c>
      <c r="M64" s="80">
        <v>385</v>
      </c>
    </row>
    <row r="65" spans="1:13">
      <c r="A65" s="19" t="s">
        <v>120</v>
      </c>
      <c r="B65" s="70">
        <v>-165</v>
      </c>
      <c r="C65" s="71">
        <v>-114</v>
      </c>
      <c r="D65" s="71">
        <v>-51</v>
      </c>
      <c r="E65" s="70">
        <v>44</v>
      </c>
      <c r="F65" s="71">
        <v>32</v>
      </c>
      <c r="G65" s="72">
        <v>12</v>
      </c>
      <c r="H65" s="71">
        <v>693</v>
      </c>
      <c r="I65" s="71">
        <v>398</v>
      </c>
      <c r="J65" s="71">
        <v>295</v>
      </c>
      <c r="K65" s="70">
        <v>814</v>
      </c>
      <c r="L65" s="81">
        <v>480</v>
      </c>
      <c r="M65" s="82">
        <v>334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1556</v>
      </c>
      <c r="C69" s="50">
        <v>5965</v>
      </c>
      <c r="D69" s="84">
        <v>5591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89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2</v>
      </c>
      <c r="D73" s="9" t="s">
        <v>134</v>
      </c>
      <c r="E73" s="9" t="s">
        <v>136</v>
      </c>
      <c r="F73" s="9" t="s">
        <v>132</v>
      </c>
      <c r="G73" s="9" t="s">
        <v>134</v>
      </c>
      <c r="H73" s="9" t="s">
        <v>131</v>
      </c>
      <c r="I73" s="9" t="s">
        <v>132</v>
      </c>
      <c r="J73" s="9" t="s">
        <v>134</v>
      </c>
      <c r="K73" s="9" t="s">
        <v>131</v>
      </c>
      <c r="L73" s="9" t="s">
        <v>132</v>
      </c>
      <c r="M73" s="11" t="s">
        <v>134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-740</v>
      </c>
      <c r="C75" s="65">
        <v>-459</v>
      </c>
      <c r="D75" s="65">
        <v>-281</v>
      </c>
      <c r="E75" s="64">
        <v>271</v>
      </c>
      <c r="F75" s="65">
        <v>175</v>
      </c>
      <c r="G75" s="66">
        <v>96</v>
      </c>
      <c r="H75" s="65">
        <v>3190</v>
      </c>
      <c r="I75" s="65">
        <v>1768</v>
      </c>
      <c r="J75" s="65">
        <v>1422</v>
      </c>
      <c r="K75" s="64">
        <v>3659</v>
      </c>
      <c r="L75" s="77">
        <v>2052</v>
      </c>
      <c r="M75" s="78">
        <v>1607</v>
      </c>
    </row>
    <row r="76" spans="1:13">
      <c r="A76" s="27" t="s">
        <v>5</v>
      </c>
      <c r="B76" s="67">
        <v>-125</v>
      </c>
      <c r="C76" s="68">
        <v>-115</v>
      </c>
      <c r="D76" s="68">
        <v>-10</v>
      </c>
      <c r="E76" s="67">
        <v>47</v>
      </c>
      <c r="F76" s="68">
        <v>33</v>
      </c>
      <c r="G76" s="69">
        <v>14</v>
      </c>
      <c r="H76" s="68">
        <v>715</v>
      </c>
      <c r="I76" s="68">
        <v>368</v>
      </c>
      <c r="J76" s="68">
        <v>347</v>
      </c>
      <c r="K76" s="67">
        <v>793</v>
      </c>
      <c r="L76" s="79">
        <v>450</v>
      </c>
      <c r="M76" s="80">
        <v>343</v>
      </c>
    </row>
    <row r="77" spans="1:13">
      <c r="A77" s="27" t="s">
        <v>7</v>
      </c>
      <c r="B77" s="67">
        <v>-71</v>
      </c>
      <c r="C77" s="68">
        <v>-25</v>
      </c>
      <c r="D77" s="68">
        <v>-46</v>
      </c>
      <c r="E77" s="67">
        <v>47</v>
      </c>
      <c r="F77" s="68">
        <v>23</v>
      </c>
      <c r="G77" s="69">
        <v>24</v>
      </c>
      <c r="H77" s="68">
        <v>729</v>
      </c>
      <c r="I77" s="68">
        <v>402</v>
      </c>
      <c r="J77" s="68">
        <v>327</v>
      </c>
      <c r="K77" s="67">
        <v>753</v>
      </c>
      <c r="L77" s="79">
        <v>404</v>
      </c>
      <c r="M77" s="80">
        <v>349</v>
      </c>
    </row>
    <row r="78" spans="1:13">
      <c r="A78" s="27" t="s">
        <v>9</v>
      </c>
      <c r="B78" s="67">
        <v>-180</v>
      </c>
      <c r="C78" s="68">
        <v>-117</v>
      </c>
      <c r="D78" s="68">
        <v>-63</v>
      </c>
      <c r="E78" s="67">
        <v>50</v>
      </c>
      <c r="F78" s="68">
        <v>31</v>
      </c>
      <c r="G78" s="69">
        <v>19</v>
      </c>
      <c r="H78" s="68">
        <v>611</v>
      </c>
      <c r="I78" s="68">
        <v>338</v>
      </c>
      <c r="J78" s="68">
        <v>273</v>
      </c>
      <c r="K78" s="67">
        <v>741</v>
      </c>
      <c r="L78" s="79">
        <v>424</v>
      </c>
      <c r="M78" s="80">
        <v>317</v>
      </c>
    </row>
    <row r="79" spans="1:13">
      <c r="A79" s="27" t="s">
        <v>11</v>
      </c>
      <c r="B79" s="67">
        <v>-164</v>
      </c>
      <c r="C79" s="68">
        <v>-103</v>
      </c>
      <c r="D79" s="68">
        <v>-61</v>
      </c>
      <c r="E79" s="67">
        <v>55</v>
      </c>
      <c r="F79" s="68">
        <v>37</v>
      </c>
      <c r="G79" s="69">
        <v>18</v>
      </c>
      <c r="H79" s="68">
        <v>580</v>
      </c>
      <c r="I79" s="68">
        <v>322</v>
      </c>
      <c r="J79" s="68">
        <v>258</v>
      </c>
      <c r="K79" s="67">
        <v>689</v>
      </c>
      <c r="L79" s="79">
        <v>388</v>
      </c>
      <c r="M79" s="80">
        <v>301</v>
      </c>
    </row>
    <row r="80" spans="1:13">
      <c r="A80" s="27" t="s">
        <v>13</v>
      </c>
      <c r="B80" s="67">
        <v>-200</v>
      </c>
      <c r="C80" s="68">
        <v>-99</v>
      </c>
      <c r="D80" s="68">
        <v>-101</v>
      </c>
      <c r="E80" s="67">
        <v>72</v>
      </c>
      <c r="F80" s="68">
        <v>51</v>
      </c>
      <c r="G80" s="69">
        <v>21</v>
      </c>
      <c r="H80" s="68">
        <v>555</v>
      </c>
      <c r="I80" s="68">
        <v>338</v>
      </c>
      <c r="J80" s="68">
        <v>217</v>
      </c>
      <c r="K80" s="67">
        <v>683</v>
      </c>
      <c r="L80" s="79">
        <v>386</v>
      </c>
      <c r="M80" s="80">
        <v>297</v>
      </c>
    </row>
    <row r="81" spans="1:13" ht="21" customHeight="1">
      <c r="A81" s="38" t="s">
        <v>15</v>
      </c>
      <c r="B81" s="64">
        <v>-982</v>
      </c>
      <c r="C81" s="65">
        <v>-629</v>
      </c>
      <c r="D81" s="65">
        <v>-353</v>
      </c>
      <c r="E81" s="64">
        <v>356</v>
      </c>
      <c r="F81" s="65">
        <v>256</v>
      </c>
      <c r="G81" s="66">
        <v>100</v>
      </c>
      <c r="H81" s="65">
        <v>2303</v>
      </c>
      <c r="I81" s="65">
        <v>1304</v>
      </c>
      <c r="J81" s="65">
        <v>999</v>
      </c>
      <c r="K81" s="64">
        <v>2929</v>
      </c>
      <c r="L81" s="77">
        <v>1677</v>
      </c>
      <c r="M81" s="78">
        <v>1252</v>
      </c>
    </row>
    <row r="82" spans="1:13">
      <c r="A82" s="27" t="s">
        <v>17</v>
      </c>
      <c r="B82" s="67">
        <v>-189</v>
      </c>
      <c r="C82" s="68">
        <v>-129</v>
      </c>
      <c r="D82" s="68">
        <v>-60</v>
      </c>
      <c r="E82" s="67">
        <v>78</v>
      </c>
      <c r="F82" s="68">
        <v>61</v>
      </c>
      <c r="G82" s="69">
        <v>17</v>
      </c>
      <c r="H82" s="68">
        <v>563</v>
      </c>
      <c r="I82" s="68">
        <v>311</v>
      </c>
      <c r="J82" s="68">
        <v>252</v>
      </c>
      <c r="K82" s="67">
        <v>674</v>
      </c>
      <c r="L82" s="79">
        <v>379</v>
      </c>
      <c r="M82" s="80">
        <v>295</v>
      </c>
    </row>
    <row r="83" spans="1:13">
      <c r="A83" s="27" t="s">
        <v>19</v>
      </c>
      <c r="B83" s="67">
        <v>-179</v>
      </c>
      <c r="C83" s="68">
        <v>-101</v>
      </c>
      <c r="D83" s="68">
        <v>-78</v>
      </c>
      <c r="E83" s="67">
        <v>57</v>
      </c>
      <c r="F83" s="68">
        <v>41</v>
      </c>
      <c r="G83" s="69">
        <v>16</v>
      </c>
      <c r="H83" s="68">
        <v>434</v>
      </c>
      <c r="I83" s="68">
        <v>258</v>
      </c>
      <c r="J83" s="68">
        <v>176</v>
      </c>
      <c r="K83" s="67">
        <v>556</v>
      </c>
      <c r="L83" s="79">
        <v>318</v>
      </c>
      <c r="M83" s="80">
        <v>238</v>
      </c>
    </row>
    <row r="84" spans="1:13">
      <c r="A84" s="27" t="s">
        <v>21</v>
      </c>
      <c r="B84" s="67">
        <v>-206</v>
      </c>
      <c r="C84" s="68">
        <v>-137</v>
      </c>
      <c r="D84" s="68">
        <v>-69</v>
      </c>
      <c r="E84" s="67">
        <v>75</v>
      </c>
      <c r="F84" s="68">
        <v>61</v>
      </c>
      <c r="G84" s="69">
        <v>14</v>
      </c>
      <c r="H84" s="68">
        <v>486</v>
      </c>
      <c r="I84" s="68">
        <v>279</v>
      </c>
      <c r="J84" s="68">
        <v>207</v>
      </c>
      <c r="K84" s="67">
        <v>617</v>
      </c>
      <c r="L84" s="79">
        <v>355</v>
      </c>
      <c r="M84" s="80">
        <v>262</v>
      </c>
    </row>
    <row r="85" spans="1:13">
      <c r="A85" s="27" t="s">
        <v>23</v>
      </c>
      <c r="B85" s="67">
        <v>-235</v>
      </c>
      <c r="C85" s="68">
        <v>-144</v>
      </c>
      <c r="D85" s="68">
        <v>-91</v>
      </c>
      <c r="E85" s="67">
        <v>67</v>
      </c>
      <c r="F85" s="68">
        <v>41</v>
      </c>
      <c r="G85" s="69">
        <v>26</v>
      </c>
      <c r="H85" s="68">
        <v>414</v>
      </c>
      <c r="I85" s="68">
        <v>229</v>
      </c>
      <c r="J85" s="68">
        <v>185</v>
      </c>
      <c r="K85" s="67">
        <v>582</v>
      </c>
      <c r="L85" s="79">
        <v>332</v>
      </c>
      <c r="M85" s="80">
        <v>250</v>
      </c>
    </row>
    <row r="86" spans="1:13">
      <c r="A86" s="27" t="s">
        <v>25</v>
      </c>
      <c r="B86" s="67">
        <v>-173</v>
      </c>
      <c r="C86" s="68">
        <v>-118</v>
      </c>
      <c r="D86" s="68">
        <v>-55</v>
      </c>
      <c r="E86" s="67">
        <v>79</v>
      </c>
      <c r="F86" s="68">
        <v>52</v>
      </c>
      <c r="G86" s="69">
        <v>27</v>
      </c>
      <c r="H86" s="68">
        <v>406</v>
      </c>
      <c r="I86" s="68">
        <v>227</v>
      </c>
      <c r="J86" s="68">
        <v>179</v>
      </c>
      <c r="K86" s="67">
        <v>500</v>
      </c>
      <c r="L86" s="79">
        <v>293</v>
      </c>
      <c r="M86" s="80">
        <v>207</v>
      </c>
    </row>
    <row r="87" spans="1:13" ht="21" customHeight="1">
      <c r="A87" s="38" t="s">
        <v>27</v>
      </c>
      <c r="B87" s="64">
        <v>-922</v>
      </c>
      <c r="C87" s="65">
        <v>-627</v>
      </c>
      <c r="D87" s="65">
        <v>-295</v>
      </c>
      <c r="E87" s="64">
        <v>484</v>
      </c>
      <c r="F87" s="65">
        <v>343</v>
      </c>
      <c r="G87" s="66">
        <v>141</v>
      </c>
      <c r="H87" s="65">
        <v>1579</v>
      </c>
      <c r="I87" s="65">
        <v>885</v>
      </c>
      <c r="J87" s="65">
        <v>694</v>
      </c>
      <c r="K87" s="64">
        <v>2017</v>
      </c>
      <c r="L87" s="77">
        <v>1169</v>
      </c>
      <c r="M87" s="78">
        <v>848</v>
      </c>
    </row>
    <row r="88" spans="1:13">
      <c r="A88" s="27" t="s">
        <v>29</v>
      </c>
      <c r="B88" s="67">
        <v>-237</v>
      </c>
      <c r="C88" s="68">
        <v>-166</v>
      </c>
      <c r="D88" s="68">
        <v>-71</v>
      </c>
      <c r="E88" s="67">
        <v>102</v>
      </c>
      <c r="F88" s="68">
        <v>70</v>
      </c>
      <c r="G88" s="69">
        <v>32</v>
      </c>
      <c r="H88" s="68">
        <v>397</v>
      </c>
      <c r="I88" s="68">
        <v>232</v>
      </c>
      <c r="J88" s="68">
        <v>165</v>
      </c>
      <c r="K88" s="67">
        <v>532</v>
      </c>
      <c r="L88" s="79">
        <v>328</v>
      </c>
      <c r="M88" s="80">
        <v>204</v>
      </c>
    </row>
    <row r="89" spans="1:13">
      <c r="A89" s="27" t="s">
        <v>31</v>
      </c>
      <c r="B89" s="67">
        <v>-192</v>
      </c>
      <c r="C89" s="68">
        <v>-122</v>
      </c>
      <c r="D89" s="68">
        <v>-70</v>
      </c>
      <c r="E89" s="67">
        <v>92</v>
      </c>
      <c r="F89" s="68">
        <v>64</v>
      </c>
      <c r="G89" s="69">
        <v>28</v>
      </c>
      <c r="H89" s="68">
        <v>347</v>
      </c>
      <c r="I89" s="68">
        <v>205</v>
      </c>
      <c r="J89" s="68">
        <v>142</v>
      </c>
      <c r="K89" s="67">
        <v>447</v>
      </c>
      <c r="L89" s="79">
        <v>263</v>
      </c>
      <c r="M89" s="80">
        <v>184</v>
      </c>
    </row>
    <row r="90" spans="1:13">
      <c r="A90" s="27" t="s">
        <v>33</v>
      </c>
      <c r="B90" s="67">
        <v>-175</v>
      </c>
      <c r="C90" s="68">
        <v>-124</v>
      </c>
      <c r="D90" s="68">
        <v>-51</v>
      </c>
      <c r="E90" s="67">
        <v>97</v>
      </c>
      <c r="F90" s="68">
        <v>72</v>
      </c>
      <c r="G90" s="69">
        <v>25</v>
      </c>
      <c r="H90" s="68">
        <v>301</v>
      </c>
      <c r="I90" s="68">
        <v>173</v>
      </c>
      <c r="J90" s="68">
        <v>128</v>
      </c>
      <c r="K90" s="67">
        <v>379</v>
      </c>
      <c r="L90" s="79">
        <v>225</v>
      </c>
      <c r="M90" s="80">
        <v>154</v>
      </c>
    </row>
    <row r="91" spans="1:13">
      <c r="A91" s="27" t="s">
        <v>35</v>
      </c>
      <c r="B91" s="67">
        <v>-147</v>
      </c>
      <c r="C91" s="68">
        <v>-108</v>
      </c>
      <c r="D91" s="68">
        <v>-39</v>
      </c>
      <c r="E91" s="67">
        <v>96</v>
      </c>
      <c r="F91" s="68">
        <v>66</v>
      </c>
      <c r="G91" s="69">
        <v>30</v>
      </c>
      <c r="H91" s="68">
        <v>272</v>
      </c>
      <c r="I91" s="68">
        <v>141</v>
      </c>
      <c r="J91" s="68">
        <v>131</v>
      </c>
      <c r="K91" s="67">
        <v>323</v>
      </c>
      <c r="L91" s="79">
        <v>183</v>
      </c>
      <c r="M91" s="80">
        <v>140</v>
      </c>
    </row>
    <row r="92" spans="1:13">
      <c r="A92" s="27" t="s">
        <v>37</v>
      </c>
      <c r="B92" s="67">
        <v>-171</v>
      </c>
      <c r="C92" s="68">
        <v>-107</v>
      </c>
      <c r="D92" s="68">
        <v>-64</v>
      </c>
      <c r="E92" s="67">
        <v>97</v>
      </c>
      <c r="F92" s="68">
        <v>71</v>
      </c>
      <c r="G92" s="69">
        <v>26</v>
      </c>
      <c r="H92" s="68">
        <v>262</v>
      </c>
      <c r="I92" s="68">
        <v>134</v>
      </c>
      <c r="J92" s="68">
        <v>128</v>
      </c>
      <c r="K92" s="67">
        <v>336</v>
      </c>
      <c r="L92" s="79">
        <v>170</v>
      </c>
      <c r="M92" s="80">
        <v>166</v>
      </c>
    </row>
    <row r="93" spans="1:13" ht="21" customHeight="1">
      <c r="A93" s="38" t="s">
        <v>39</v>
      </c>
      <c r="B93" s="64">
        <v>-963</v>
      </c>
      <c r="C93" s="65">
        <v>-662</v>
      </c>
      <c r="D93" s="65">
        <v>-301</v>
      </c>
      <c r="E93" s="64">
        <v>617</v>
      </c>
      <c r="F93" s="65">
        <v>433</v>
      </c>
      <c r="G93" s="66">
        <v>184</v>
      </c>
      <c r="H93" s="65">
        <v>1007</v>
      </c>
      <c r="I93" s="65">
        <v>578</v>
      </c>
      <c r="J93" s="65">
        <v>429</v>
      </c>
      <c r="K93" s="64">
        <v>1353</v>
      </c>
      <c r="L93" s="77">
        <v>807</v>
      </c>
      <c r="M93" s="78">
        <v>546</v>
      </c>
    </row>
    <row r="94" spans="1:13">
      <c r="A94" s="27" t="s">
        <v>41</v>
      </c>
      <c r="B94" s="67">
        <v>-220</v>
      </c>
      <c r="C94" s="68">
        <v>-148</v>
      </c>
      <c r="D94" s="68">
        <v>-72</v>
      </c>
      <c r="E94" s="67">
        <v>95</v>
      </c>
      <c r="F94" s="68">
        <v>67</v>
      </c>
      <c r="G94" s="69">
        <v>28</v>
      </c>
      <c r="H94" s="68">
        <v>251</v>
      </c>
      <c r="I94" s="68">
        <v>150</v>
      </c>
      <c r="J94" s="68">
        <v>101</v>
      </c>
      <c r="K94" s="67">
        <v>376</v>
      </c>
      <c r="L94" s="79">
        <v>231</v>
      </c>
      <c r="M94" s="80">
        <v>145</v>
      </c>
    </row>
    <row r="95" spans="1:13">
      <c r="A95" s="27" t="s">
        <v>43</v>
      </c>
      <c r="B95" s="67">
        <v>-222</v>
      </c>
      <c r="C95" s="68">
        <v>-153</v>
      </c>
      <c r="D95" s="68">
        <v>-69</v>
      </c>
      <c r="E95" s="67">
        <v>125</v>
      </c>
      <c r="F95" s="68">
        <v>92</v>
      </c>
      <c r="G95" s="69">
        <v>33</v>
      </c>
      <c r="H95" s="68">
        <v>187</v>
      </c>
      <c r="I95" s="68">
        <v>110</v>
      </c>
      <c r="J95" s="68">
        <v>77</v>
      </c>
      <c r="K95" s="67">
        <v>284</v>
      </c>
      <c r="L95" s="79">
        <v>171</v>
      </c>
      <c r="M95" s="80">
        <v>113</v>
      </c>
    </row>
    <row r="96" spans="1:13">
      <c r="A96" s="27" t="s">
        <v>45</v>
      </c>
      <c r="B96" s="67">
        <v>-155</v>
      </c>
      <c r="C96" s="68">
        <v>-116</v>
      </c>
      <c r="D96" s="68">
        <v>-39</v>
      </c>
      <c r="E96" s="67">
        <v>123</v>
      </c>
      <c r="F96" s="68">
        <v>87</v>
      </c>
      <c r="G96" s="69">
        <v>36</v>
      </c>
      <c r="H96" s="68">
        <v>203</v>
      </c>
      <c r="I96" s="68">
        <v>105</v>
      </c>
      <c r="J96" s="68">
        <v>98</v>
      </c>
      <c r="K96" s="67">
        <v>235</v>
      </c>
      <c r="L96" s="79">
        <v>134</v>
      </c>
      <c r="M96" s="80">
        <v>101</v>
      </c>
    </row>
    <row r="97" spans="1:13">
      <c r="A97" s="27" t="s">
        <v>47</v>
      </c>
      <c r="B97" s="67">
        <v>-183</v>
      </c>
      <c r="C97" s="68">
        <v>-117</v>
      </c>
      <c r="D97" s="68">
        <v>-66</v>
      </c>
      <c r="E97" s="67">
        <v>125</v>
      </c>
      <c r="F97" s="68">
        <v>92</v>
      </c>
      <c r="G97" s="69">
        <v>33</v>
      </c>
      <c r="H97" s="68">
        <v>184</v>
      </c>
      <c r="I97" s="68">
        <v>119</v>
      </c>
      <c r="J97" s="68">
        <v>65</v>
      </c>
      <c r="K97" s="67">
        <v>242</v>
      </c>
      <c r="L97" s="79">
        <v>144</v>
      </c>
      <c r="M97" s="80">
        <v>98</v>
      </c>
    </row>
    <row r="98" spans="1:13">
      <c r="A98" s="27" t="s">
        <v>49</v>
      </c>
      <c r="B98" s="67">
        <v>-183</v>
      </c>
      <c r="C98" s="68">
        <v>-128</v>
      </c>
      <c r="D98" s="68">
        <v>-55</v>
      </c>
      <c r="E98" s="67">
        <v>149</v>
      </c>
      <c r="F98" s="68">
        <v>95</v>
      </c>
      <c r="G98" s="69">
        <v>54</v>
      </c>
      <c r="H98" s="68">
        <v>182</v>
      </c>
      <c r="I98" s="68">
        <v>94</v>
      </c>
      <c r="J98" s="68">
        <v>88</v>
      </c>
      <c r="K98" s="67">
        <v>216</v>
      </c>
      <c r="L98" s="79">
        <v>127</v>
      </c>
      <c r="M98" s="80">
        <v>89</v>
      </c>
    </row>
    <row r="99" spans="1:13" ht="21" customHeight="1">
      <c r="A99" s="38" t="s">
        <v>51</v>
      </c>
      <c r="B99" s="64">
        <v>-1407</v>
      </c>
      <c r="C99" s="65">
        <v>-1028</v>
      </c>
      <c r="D99" s="65">
        <v>-379</v>
      </c>
      <c r="E99" s="64">
        <v>1257</v>
      </c>
      <c r="F99" s="65">
        <v>915</v>
      </c>
      <c r="G99" s="66">
        <v>342</v>
      </c>
      <c r="H99" s="65">
        <v>1036</v>
      </c>
      <c r="I99" s="65">
        <v>534</v>
      </c>
      <c r="J99" s="65">
        <v>502</v>
      </c>
      <c r="K99" s="64">
        <v>1186</v>
      </c>
      <c r="L99" s="77">
        <v>647</v>
      </c>
      <c r="M99" s="78">
        <v>539</v>
      </c>
    </row>
    <row r="100" spans="1:13">
      <c r="A100" s="27" t="s">
        <v>53</v>
      </c>
      <c r="B100" s="67">
        <v>-244</v>
      </c>
      <c r="C100" s="68">
        <v>-185</v>
      </c>
      <c r="D100" s="68">
        <v>-59</v>
      </c>
      <c r="E100" s="67">
        <v>201</v>
      </c>
      <c r="F100" s="68">
        <v>152</v>
      </c>
      <c r="G100" s="69">
        <v>49</v>
      </c>
      <c r="H100" s="68">
        <v>203</v>
      </c>
      <c r="I100" s="68">
        <v>104</v>
      </c>
      <c r="J100" s="68">
        <v>99</v>
      </c>
      <c r="K100" s="67">
        <v>246</v>
      </c>
      <c r="L100" s="79">
        <v>137</v>
      </c>
      <c r="M100" s="80">
        <v>109</v>
      </c>
    </row>
    <row r="101" spans="1:13">
      <c r="A101" s="27" t="s">
        <v>55</v>
      </c>
      <c r="B101" s="67">
        <v>-231</v>
      </c>
      <c r="C101" s="68">
        <v>-170</v>
      </c>
      <c r="D101" s="68">
        <v>-61</v>
      </c>
      <c r="E101" s="67">
        <v>219</v>
      </c>
      <c r="F101" s="68">
        <v>160</v>
      </c>
      <c r="G101" s="69">
        <v>59</v>
      </c>
      <c r="H101" s="68">
        <v>203</v>
      </c>
      <c r="I101" s="68">
        <v>104</v>
      </c>
      <c r="J101" s="68">
        <v>99</v>
      </c>
      <c r="K101" s="67">
        <v>215</v>
      </c>
      <c r="L101" s="79">
        <v>114</v>
      </c>
      <c r="M101" s="80">
        <v>101</v>
      </c>
    </row>
    <row r="102" spans="1:13">
      <c r="A102" s="27" t="s">
        <v>57</v>
      </c>
      <c r="B102" s="67">
        <v>-285</v>
      </c>
      <c r="C102" s="68">
        <v>-212</v>
      </c>
      <c r="D102" s="68">
        <v>-73</v>
      </c>
      <c r="E102" s="67">
        <v>244</v>
      </c>
      <c r="F102" s="68">
        <v>186</v>
      </c>
      <c r="G102" s="69">
        <v>58</v>
      </c>
      <c r="H102" s="68">
        <v>199</v>
      </c>
      <c r="I102" s="68">
        <v>103</v>
      </c>
      <c r="J102" s="68">
        <v>96</v>
      </c>
      <c r="K102" s="67">
        <v>240</v>
      </c>
      <c r="L102" s="79">
        <v>129</v>
      </c>
      <c r="M102" s="80">
        <v>111</v>
      </c>
    </row>
    <row r="103" spans="1:13">
      <c r="A103" s="27" t="s">
        <v>59</v>
      </c>
      <c r="B103" s="67">
        <v>-325</v>
      </c>
      <c r="C103" s="68">
        <v>-232</v>
      </c>
      <c r="D103" s="68">
        <v>-93</v>
      </c>
      <c r="E103" s="67">
        <v>288</v>
      </c>
      <c r="F103" s="68">
        <v>197</v>
      </c>
      <c r="G103" s="69">
        <v>91</v>
      </c>
      <c r="H103" s="68">
        <v>222</v>
      </c>
      <c r="I103" s="68">
        <v>111</v>
      </c>
      <c r="J103" s="68">
        <v>111</v>
      </c>
      <c r="K103" s="67">
        <v>259</v>
      </c>
      <c r="L103" s="79">
        <v>146</v>
      </c>
      <c r="M103" s="80">
        <v>113</v>
      </c>
    </row>
    <row r="104" spans="1:13">
      <c r="A104" s="27" t="s">
        <v>61</v>
      </c>
      <c r="B104" s="67">
        <v>-322</v>
      </c>
      <c r="C104" s="68">
        <v>-229</v>
      </c>
      <c r="D104" s="68">
        <v>-93</v>
      </c>
      <c r="E104" s="67">
        <v>305</v>
      </c>
      <c r="F104" s="68">
        <v>220</v>
      </c>
      <c r="G104" s="69">
        <v>85</v>
      </c>
      <c r="H104" s="68">
        <v>209</v>
      </c>
      <c r="I104" s="68">
        <v>112</v>
      </c>
      <c r="J104" s="68">
        <v>97</v>
      </c>
      <c r="K104" s="67">
        <v>226</v>
      </c>
      <c r="L104" s="79">
        <v>121</v>
      </c>
      <c r="M104" s="80">
        <v>105</v>
      </c>
    </row>
    <row r="105" spans="1:13" ht="21" customHeight="1">
      <c r="A105" s="38" t="s">
        <v>63</v>
      </c>
      <c r="B105" s="64">
        <v>-1610</v>
      </c>
      <c r="C105" s="65">
        <v>-1054</v>
      </c>
      <c r="D105" s="65">
        <v>-556</v>
      </c>
      <c r="E105" s="64">
        <v>1557</v>
      </c>
      <c r="F105" s="65">
        <v>1001</v>
      </c>
      <c r="G105" s="66">
        <v>556</v>
      </c>
      <c r="H105" s="65">
        <v>793</v>
      </c>
      <c r="I105" s="65">
        <v>363</v>
      </c>
      <c r="J105" s="65">
        <v>430</v>
      </c>
      <c r="K105" s="64">
        <v>846</v>
      </c>
      <c r="L105" s="77">
        <v>416</v>
      </c>
      <c r="M105" s="78">
        <v>430</v>
      </c>
    </row>
    <row r="106" spans="1:13">
      <c r="A106" s="27" t="s">
        <v>65</v>
      </c>
      <c r="B106" s="67">
        <v>-352</v>
      </c>
      <c r="C106" s="68">
        <v>-236</v>
      </c>
      <c r="D106" s="68">
        <v>-116</v>
      </c>
      <c r="E106" s="67">
        <v>332</v>
      </c>
      <c r="F106" s="68">
        <v>221</v>
      </c>
      <c r="G106" s="69">
        <v>111</v>
      </c>
      <c r="H106" s="68">
        <v>219</v>
      </c>
      <c r="I106" s="68">
        <v>113</v>
      </c>
      <c r="J106" s="68">
        <v>106</v>
      </c>
      <c r="K106" s="67">
        <v>239</v>
      </c>
      <c r="L106" s="79">
        <v>128</v>
      </c>
      <c r="M106" s="80">
        <v>111</v>
      </c>
    </row>
    <row r="107" spans="1:13">
      <c r="A107" s="27" t="s">
        <v>67</v>
      </c>
      <c r="B107" s="67">
        <v>-274</v>
      </c>
      <c r="C107" s="68">
        <v>-191</v>
      </c>
      <c r="D107" s="68">
        <v>-83</v>
      </c>
      <c r="E107" s="67">
        <v>258</v>
      </c>
      <c r="F107" s="68">
        <v>176</v>
      </c>
      <c r="G107" s="69">
        <v>82</v>
      </c>
      <c r="H107" s="68">
        <v>126</v>
      </c>
      <c r="I107" s="68">
        <v>61</v>
      </c>
      <c r="J107" s="68">
        <v>65</v>
      </c>
      <c r="K107" s="67">
        <v>142</v>
      </c>
      <c r="L107" s="79">
        <v>76</v>
      </c>
      <c r="M107" s="80">
        <v>66</v>
      </c>
    </row>
    <row r="108" spans="1:13">
      <c r="A108" s="27" t="s">
        <v>69</v>
      </c>
      <c r="B108" s="67">
        <v>-276</v>
      </c>
      <c r="C108" s="68">
        <v>-165</v>
      </c>
      <c r="D108" s="68">
        <v>-111</v>
      </c>
      <c r="E108" s="67">
        <v>257</v>
      </c>
      <c r="F108" s="68">
        <v>152</v>
      </c>
      <c r="G108" s="69">
        <v>105</v>
      </c>
      <c r="H108" s="68">
        <v>119</v>
      </c>
      <c r="I108" s="68">
        <v>58</v>
      </c>
      <c r="J108" s="68">
        <v>61</v>
      </c>
      <c r="K108" s="67">
        <v>138</v>
      </c>
      <c r="L108" s="79">
        <v>71</v>
      </c>
      <c r="M108" s="80">
        <v>67</v>
      </c>
    </row>
    <row r="109" spans="1:13">
      <c r="A109" s="27" t="s">
        <v>71</v>
      </c>
      <c r="B109" s="67">
        <v>-354</v>
      </c>
      <c r="C109" s="68">
        <v>-228</v>
      </c>
      <c r="D109" s="68">
        <v>-126</v>
      </c>
      <c r="E109" s="67">
        <v>346</v>
      </c>
      <c r="F109" s="68">
        <v>223</v>
      </c>
      <c r="G109" s="69">
        <v>123</v>
      </c>
      <c r="H109" s="68">
        <v>145</v>
      </c>
      <c r="I109" s="68">
        <v>55</v>
      </c>
      <c r="J109" s="68">
        <v>90</v>
      </c>
      <c r="K109" s="67">
        <v>153</v>
      </c>
      <c r="L109" s="79">
        <v>60</v>
      </c>
      <c r="M109" s="80">
        <v>93</v>
      </c>
    </row>
    <row r="110" spans="1:13">
      <c r="A110" s="27" t="s">
        <v>73</v>
      </c>
      <c r="B110" s="67">
        <v>-354</v>
      </c>
      <c r="C110" s="68">
        <v>-234</v>
      </c>
      <c r="D110" s="68">
        <v>-120</v>
      </c>
      <c r="E110" s="67">
        <v>364</v>
      </c>
      <c r="F110" s="68">
        <v>229</v>
      </c>
      <c r="G110" s="69">
        <v>135</v>
      </c>
      <c r="H110" s="68">
        <v>184</v>
      </c>
      <c r="I110" s="68">
        <v>76</v>
      </c>
      <c r="J110" s="68">
        <v>108</v>
      </c>
      <c r="K110" s="67">
        <v>174</v>
      </c>
      <c r="L110" s="79">
        <v>81</v>
      </c>
      <c r="M110" s="80">
        <v>93</v>
      </c>
    </row>
    <row r="111" spans="1:13" ht="21" customHeight="1">
      <c r="A111" s="38" t="s">
        <v>75</v>
      </c>
      <c r="B111" s="64">
        <v>-2081</v>
      </c>
      <c r="C111" s="65">
        <v>-1302</v>
      </c>
      <c r="D111" s="65">
        <v>-779</v>
      </c>
      <c r="E111" s="64">
        <v>2126</v>
      </c>
      <c r="F111" s="65">
        <v>1291</v>
      </c>
      <c r="G111" s="66">
        <v>835</v>
      </c>
      <c r="H111" s="65">
        <v>738</v>
      </c>
      <c r="I111" s="65">
        <v>257</v>
      </c>
      <c r="J111" s="65">
        <v>481</v>
      </c>
      <c r="K111" s="64">
        <v>693</v>
      </c>
      <c r="L111" s="77">
        <v>268</v>
      </c>
      <c r="M111" s="78">
        <v>425</v>
      </c>
    </row>
    <row r="112" spans="1:13">
      <c r="A112" s="27" t="s">
        <v>77</v>
      </c>
      <c r="B112" s="67">
        <v>-394</v>
      </c>
      <c r="C112" s="68">
        <v>-256</v>
      </c>
      <c r="D112" s="68">
        <v>-138</v>
      </c>
      <c r="E112" s="67">
        <v>409</v>
      </c>
      <c r="F112" s="68">
        <v>257</v>
      </c>
      <c r="G112" s="69">
        <v>152</v>
      </c>
      <c r="H112" s="68">
        <v>177</v>
      </c>
      <c r="I112" s="68">
        <v>70</v>
      </c>
      <c r="J112" s="68">
        <v>107</v>
      </c>
      <c r="K112" s="67">
        <v>162</v>
      </c>
      <c r="L112" s="79">
        <v>69</v>
      </c>
      <c r="M112" s="80">
        <v>93</v>
      </c>
    </row>
    <row r="113" spans="1:13">
      <c r="A113" s="27" t="s">
        <v>79</v>
      </c>
      <c r="B113" s="67">
        <v>-465</v>
      </c>
      <c r="C113" s="68">
        <v>-285</v>
      </c>
      <c r="D113" s="68">
        <v>-180</v>
      </c>
      <c r="E113" s="67">
        <v>445</v>
      </c>
      <c r="F113" s="68">
        <v>282</v>
      </c>
      <c r="G113" s="69">
        <v>163</v>
      </c>
      <c r="H113" s="68">
        <v>129</v>
      </c>
      <c r="I113" s="68">
        <v>59</v>
      </c>
      <c r="J113" s="68">
        <v>70</v>
      </c>
      <c r="K113" s="67">
        <v>149</v>
      </c>
      <c r="L113" s="79">
        <v>62</v>
      </c>
      <c r="M113" s="80">
        <v>87</v>
      </c>
    </row>
    <row r="114" spans="1:13">
      <c r="A114" s="27" t="s">
        <v>81</v>
      </c>
      <c r="B114" s="67">
        <v>-431</v>
      </c>
      <c r="C114" s="68">
        <v>-279</v>
      </c>
      <c r="D114" s="68">
        <v>-152</v>
      </c>
      <c r="E114" s="67">
        <v>441</v>
      </c>
      <c r="F114" s="68">
        <v>272</v>
      </c>
      <c r="G114" s="69">
        <v>169</v>
      </c>
      <c r="H114" s="68">
        <v>136</v>
      </c>
      <c r="I114" s="68">
        <v>46</v>
      </c>
      <c r="J114" s="68">
        <v>90</v>
      </c>
      <c r="K114" s="67">
        <v>126</v>
      </c>
      <c r="L114" s="79">
        <v>53</v>
      </c>
      <c r="M114" s="80">
        <v>73</v>
      </c>
    </row>
    <row r="115" spans="1:13">
      <c r="A115" s="27" t="s">
        <v>83</v>
      </c>
      <c r="B115" s="67">
        <v>-376</v>
      </c>
      <c r="C115" s="68">
        <v>-233</v>
      </c>
      <c r="D115" s="68">
        <v>-143</v>
      </c>
      <c r="E115" s="67">
        <v>395</v>
      </c>
      <c r="F115" s="68">
        <v>232</v>
      </c>
      <c r="G115" s="69">
        <v>163</v>
      </c>
      <c r="H115" s="68">
        <v>152</v>
      </c>
      <c r="I115" s="68">
        <v>42</v>
      </c>
      <c r="J115" s="68">
        <v>110</v>
      </c>
      <c r="K115" s="67">
        <v>133</v>
      </c>
      <c r="L115" s="79">
        <v>43</v>
      </c>
      <c r="M115" s="80">
        <v>90</v>
      </c>
    </row>
    <row r="116" spans="1:13">
      <c r="A116" s="27" t="s">
        <v>85</v>
      </c>
      <c r="B116" s="67">
        <v>-415</v>
      </c>
      <c r="C116" s="68">
        <v>-249</v>
      </c>
      <c r="D116" s="68">
        <v>-166</v>
      </c>
      <c r="E116" s="67">
        <v>436</v>
      </c>
      <c r="F116" s="68">
        <v>248</v>
      </c>
      <c r="G116" s="69">
        <v>188</v>
      </c>
      <c r="H116" s="68">
        <v>144</v>
      </c>
      <c r="I116" s="68">
        <v>40</v>
      </c>
      <c r="J116" s="68">
        <v>104</v>
      </c>
      <c r="K116" s="67">
        <v>123</v>
      </c>
      <c r="L116" s="79">
        <v>41</v>
      </c>
      <c r="M116" s="80">
        <v>82</v>
      </c>
    </row>
    <row r="117" spans="1:13" ht="21" customHeight="1">
      <c r="A117" s="38" t="s">
        <v>87</v>
      </c>
      <c r="B117" s="64">
        <v>-2499</v>
      </c>
      <c r="C117" s="65">
        <v>-1325</v>
      </c>
      <c r="D117" s="65">
        <v>-1174</v>
      </c>
      <c r="E117" s="64">
        <v>2648</v>
      </c>
      <c r="F117" s="65">
        <v>1366</v>
      </c>
      <c r="G117" s="66">
        <v>1282</v>
      </c>
      <c r="H117" s="65">
        <v>729</v>
      </c>
      <c r="I117" s="65">
        <v>222</v>
      </c>
      <c r="J117" s="65">
        <v>507</v>
      </c>
      <c r="K117" s="64">
        <v>580</v>
      </c>
      <c r="L117" s="77">
        <v>181</v>
      </c>
      <c r="M117" s="78">
        <v>399</v>
      </c>
    </row>
    <row r="118" spans="1:13">
      <c r="A118" s="27" t="s">
        <v>89</v>
      </c>
      <c r="B118" s="67">
        <v>-500</v>
      </c>
      <c r="C118" s="68">
        <v>-264</v>
      </c>
      <c r="D118" s="68">
        <v>-236</v>
      </c>
      <c r="E118" s="67">
        <v>514</v>
      </c>
      <c r="F118" s="68">
        <v>266</v>
      </c>
      <c r="G118" s="69">
        <v>248</v>
      </c>
      <c r="H118" s="68">
        <v>150</v>
      </c>
      <c r="I118" s="68">
        <v>50</v>
      </c>
      <c r="J118" s="68">
        <v>100</v>
      </c>
      <c r="K118" s="67">
        <v>136</v>
      </c>
      <c r="L118" s="79">
        <v>48</v>
      </c>
      <c r="M118" s="80">
        <v>88</v>
      </c>
    </row>
    <row r="119" spans="1:13">
      <c r="A119" s="27" t="s">
        <v>91</v>
      </c>
      <c r="B119" s="67">
        <v>-491</v>
      </c>
      <c r="C119" s="68">
        <v>-281</v>
      </c>
      <c r="D119" s="68">
        <v>-210</v>
      </c>
      <c r="E119" s="67">
        <v>532</v>
      </c>
      <c r="F119" s="68">
        <v>298</v>
      </c>
      <c r="G119" s="69">
        <v>234</v>
      </c>
      <c r="H119" s="68">
        <v>164</v>
      </c>
      <c r="I119" s="68">
        <v>61</v>
      </c>
      <c r="J119" s="68">
        <v>103</v>
      </c>
      <c r="K119" s="67">
        <v>123</v>
      </c>
      <c r="L119" s="79">
        <v>44</v>
      </c>
      <c r="M119" s="80">
        <v>79</v>
      </c>
    </row>
    <row r="120" spans="1:13">
      <c r="A120" s="27" t="s">
        <v>93</v>
      </c>
      <c r="B120" s="67">
        <v>-507</v>
      </c>
      <c r="C120" s="68">
        <v>-282</v>
      </c>
      <c r="D120" s="68">
        <v>-225</v>
      </c>
      <c r="E120" s="67">
        <v>534</v>
      </c>
      <c r="F120" s="68">
        <v>282</v>
      </c>
      <c r="G120" s="69">
        <v>252</v>
      </c>
      <c r="H120" s="68">
        <v>150</v>
      </c>
      <c r="I120" s="68">
        <v>37</v>
      </c>
      <c r="J120" s="68">
        <v>113</v>
      </c>
      <c r="K120" s="67">
        <v>123</v>
      </c>
      <c r="L120" s="79">
        <v>37</v>
      </c>
      <c r="M120" s="80">
        <v>86</v>
      </c>
    </row>
    <row r="121" spans="1:13">
      <c r="A121" s="27" t="s">
        <v>95</v>
      </c>
      <c r="B121" s="67">
        <v>-485</v>
      </c>
      <c r="C121" s="68">
        <v>-236</v>
      </c>
      <c r="D121" s="68">
        <v>-249</v>
      </c>
      <c r="E121" s="67">
        <v>515</v>
      </c>
      <c r="F121" s="68">
        <v>245</v>
      </c>
      <c r="G121" s="69">
        <v>270</v>
      </c>
      <c r="H121" s="68">
        <v>131</v>
      </c>
      <c r="I121" s="68">
        <v>34</v>
      </c>
      <c r="J121" s="68">
        <v>97</v>
      </c>
      <c r="K121" s="67">
        <v>101</v>
      </c>
      <c r="L121" s="79">
        <v>25</v>
      </c>
      <c r="M121" s="80">
        <v>76</v>
      </c>
    </row>
    <row r="122" spans="1:13">
      <c r="A122" s="27" t="s">
        <v>97</v>
      </c>
      <c r="B122" s="67">
        <v>-516</v>
      </c>
      <c r="C122" s="68">
        <v>-262</v>
      </c>
      <c r="D122" s="68">
        <v>-254</v>
      </c>
      <c r="E122" s="67">
        <v>553</v>
      </c>
      <c r="F122" s="68">
        <v>275</v>
      </c>
      <c r="G122" s="69">
        <v>278</v>
      </c>
      <c r="H122" s="68">
        <v>134</v>
      </c>
      <c r="I122" s="68">
        <v>40</v>
      </c>
      <c r="J122" s="68">
        <v>94</v>
      </c>
      <c r="K122" s="67">
        <v>97</v>
      </c>
      <c r="L122" s="79">
        <v>27</v>
      </c>
      <c r="M122" s="80">
        <v>70</v>
      </c>
    </row>
    <row r="123" spans="1:13" ht="21" customHeight="1">
      <c r="A123" s="38" t="s">
        <v>99</v>
      </c>
      <c r="B123" s="64">
        <v>-2242</v>
      </c>
      <c r="C123" s="65">
        <v>-901</v>
      </c>
      <c r="D123" s="65">
        <v>-1341</v>
      </c>
      <c r="E123" s="64">
        <v>2323</v>
      </c>
      <c r="F123" s="65">
        <v>932</v>
      </c>
      <c r="G123" s="66">
        <v>1391</v>
      </c>
      <c r="H123" s="65">
        <v>393</v>
      </c>
      <c r="I123" s="65">
        <v>107</v>
      </c>
      <c r="J123" s="65">
        <v>286</v>
      </c>
      <c r="K123" s="64">
        <v>312</v>
      </c>
      <c r="L123" s="77">
        <v>76</v>
      </c>
      <c r="M123" s="78">
        <v>236</v>
      </c>
    </row>
    <row r="124" spans="1:13">
      <c r="A124" s="27" t="s">
        <v>101</v>
      </c>
      <c r="B124" s="67">
        <v>-516</v>
      </c>
      <c r="C124" s="68">
        <v>-235</v>
      </c>
      <c r="D124" s="68">
        <v>-281</v>
      </c>
      <c r="E124" s="67">
        <v>531</v>
      </c>
      <c r="F124" s="68">
        <v>239</v>
      </c>
      <c r="G124" s="69">
        <v>292</v>
      </c>
      <c r="H124" s="68">
        <v>105</v>
      </c>
      <c r="I124" s="68">
        <v>28</v>
      </c>
      <c r="J124" s="68">
        <v>77</v>
      </c>
      <c r="K124" s="67">
        <v>90</v>
      </c>
      <c r="L124" s="79">
        <v>24</v>
      </c>
      <c r="M124" s="80">
        <v>66</v>
      </c>
    </row>
    <row r="125" spans="1:13">
      <c r="A125" s="27" t="s">
        <v>103</v>
      </c>
      <c r="B125" s="67">
        <v>-489</v>
      </c>
      <c r="C125" s="68">
        <v>-210</v>
      </c>
      <c r="D125" s="68">
        <v>-279</v>
      </c>
      <c r="E125" s="67">
        <v>494</v>
      </c>
      <c r="F125" s="68">
        <v>212</v>
      </c>
      <c r="G125" s="69">
        <v>282</v>
      </c>
      <c r="H125" s="68">
        <v>94</v>
      </c>
      <c r="I125" s="68">
        <v>23</v>
      </c>
      <c r="J125" s="68">
        <v>71</v>
      </c>
      <c r="K125" s="67">
        <v>89</v>
      </c>
      <c r="L125" s="79">
        <v>21</v>
      </c>
      <c r="M125" s="80">
        <v>68</v>
      </c>
    </row>
    <row r="126" spans="1:13">
      <c r="A126" s="27" t="s">
        <v>105</v>
      </c>
      <c r="B126" s="67">
        <v>-440</v>
      </c>
      <c r="C126" s="68">
        <v>-159</v>
      </c>
      <c r="D126" s="68">
        <v>-281</v>
      </c>
      <c r="E126" s="67">
        <v>461</v>
      </c>
      <c r="F126" s="68">
        <v>174</v>
      </c>
      <c r="G126" s="69">
        <v>287</v>
      </c>
      <c r="H126" s="68">
        <v>79</v>
      </c>
      <c r="I126" s="68">
        <v>27</v>
      </c>
      <c r="J126" s="68">
        <v>52</v>
      </c>
      <c r="K126" s="67">
        <v>58</v>
      </c>
      <c r="L126" s="79">
        <v>12</v>
      </c>
      <c r="M126" s="80">
        <v>46</v>
      </c>
    </row>
    <row r="127" spans="1:13">
      <c r="A127" s="27" t="s">
        <v>107</v>
      </c>
      <c r="B127" s="67">
        <v>-406</v>
      </c>
      <c r="C127" s="68">
        <v>-177</v>
      </c>
      <c r="D127" s="68">
        <v>-229</v>
      </c>
      <c r="E127" s="67">
        <v>423</v>
      </c>
      <c r="F127" s="68">
        <v>182</v>
      </c>
      <c r="G127" s="69">
        <v>241</v>
      </c>
      <c r="H127" s="68">
        <v>62</v>
      </c>
      <c r="I127" s="68">
        <v>17</v>
      </c>
      <c r="J127" s="68">
        <v>45</v>
      </c>
      <c r="K127" s="67">
        <v>45</v>
      </c>
      <c r="L127" s="79">
        <v>12</v>
      </c>
      <c r="M127" s="80">
        <v>33</v>
      </c>
    </row>
    <row r="128" spans="1:13">
      <c r="A128" s="27" t="s">
        <v>109</v>
      </c>
      <c r="B128" s="67">
        <v>-391</v>
      </c>
      <c r="C128" s="68">
        <v>-120</v>
      </c>
      <c r="D128" s="68">
        <v>-271</v>
      </c>
      <c r="E128" s="67">
        <v>414</v>
      </c>
      <c r="F128" s="68">
        <v>125</v>
      </c>
      <c r="G128" s="69">
        <v>289</v>
      </c>
      <c r="H128" s="68">
        <v>53</v>
      </c>
      <c r="I128" s="68">
        <v>12</v>
      </c>
      <c r="J128" s="68">
        <v>41</v>
      </c>
      <c r="K128" s="67">
        <v>30</v>
      </c>
      <c r="L128" s="79">
        <v>7</v>
      </c>
      <c r="M128" s="80">
        <v>23</v>
      </c>
    </row>
    <row r="129" spans="1:13" ht="21" customHeight="1">
      <c r="A129" s="38" t="s">
        <v>111</v>
      </c>
      <c r="B129" s="64">
        <v>-1227</v>
      </c>
      <c r="C129" s="65">
        <v>-353</v>
      </c>
      <c r="D129" s="65">
        <v>-874</v>
      </c>
      <c r="E129" s="64">
        <v>1237</v>
      </c>
      <c r="F129" s="65">
        <v>346</v>
      </c>
      <c r="G129" s="66">
        <v>891</v>
      </c>
      <c r="H129" s="65">
        <v>128</v>
      </c>
      <c r="I129" s="65">
        <v>26</v>
      </c>
      <c r="J129" s="65">
        <v>102</v>
      </c>
      <c r="K129" s="64">
        <v>118</v>
      </c>
      <c r="L129" s="77">
        <v>33</v>
      </c>
      <c r="M129" s="78">
        <v>85</v>
      </c>
    </row>
    <row r="130" spans="1:13">
      <c r="A130" s="27" t="s">
        <v>113</v>
      </c>
      <c r="B130" s="67">
        <v>-355</v>
      </c>
      <c r="C130" s="68">
        <v>-131</v>
      </c>
      <c r="D130" s="68">
        <v>-224</v>
      </c>
      <c r="E130" s="67">
        <v>363</v>
      </c>
      <c r="F130" s="68">
        <v>126</v>
      </c>
      <c r="G130" s="69">
        <v>237</v>
      </c>
      <c r="H130" s="68">
        <v>42</v>
      </c>
      <c r="I130" s="68">
        <v>8</v>
      </c>
      <c r="J130" s="68">
        <v>34</v>
      </c>
      <c r="K130" s="67">
        <v>34</v>
      </c>
      <c r="L130" s="79">
        <v>13</v>
      </c>
      <c r="M130" s="80">
        <v>21</v>
      </c>
    </row>
    <row r="131" spans="1:13">
      <c r="A131" s="27" t="s">
        <v>115</v>
      </c>
      <c r="B131" s="67">
        <v>-300</v>
      </c>
      <c r="C131" s="68">
        <v>-84</v>
      </c>
      <c r="D131" s="68">
        <v>-216</v>
      </c>
      <c r="E131" s="67">
        <v>294</v>
      </c>
      <c r="F131" s="68">
        <v>81</v>
      </c>
      <c r="G131" s="69">
        <v>213</v>
      </c>
      <c r="H131" s="68">
        <v>29</v>
      </c>
      <c r="I131" s="68">
        <v>8</v>
      </c>
      <c r="J131" s="68">
        <v>21</v>
      </c>
      <c r="K131" s="67">
        <v>35</v>
      </c>
      <c r="L131" s="79">
        <v>11</v>
      </c>
      <c r="M131" s="80">
        <v>24</v>
      </c>
    </row>
    <row r="132" spans="1:13">
      <c r="A132" s="27" t="s">
        <v>117</v>
      </c>
      <c r="B132" s="67">
        <v>-251</v>
      </c>
      <c r="C132" s="68">
        <v>-66</v>
      </c>
      <c r="D132" s="68">
        <v>-185</v>
      </c>
      <c r="E132" s="67">
        <v>254</v>
      </c>
      <c r="F132" s="68">
        <v>67</v>
      </c>
      <c r="G132" s="69">
        <v>187</v>
      </c>
      <c r="H132" s="68">
        <v>22</v>
      </c>
      <c r="I132" s="68">
        <v>5</v>
      </c>
      <c r="J132" s="68">
        <v>17</v>
      </c>
      <c r="K132" s="67">
        <v>19</v>
      </c>
      <c r="L132" s="79">
        <v>4</v>
      </c>
      <c r="M132" s="80">
        <v>15</v>
      </c>
    </row>
    <row r="133" spans="1:13">
      <c r="A133" s="27" t="s">
        <v>119</v>
      </c>
      <c r="B133" s="67">
        <v>-175</v>
      </c>
      <c r="C133" s="68">
        <v>-44</v>
      </c>
      <c r="D133" s="68">
        <v>-131</v>
      </c>
      <c r="E133" s="67">
        <v>180</v>
      </c>
      <c r="F133" s="68">
        <v>44</v>
      </c>
      <c r="G133" s="69">
        <v>136</v>
      </c>
      <c r="H133" s="68">
        <v>19</v>
      </c>
      <c r="I133" s="68">
        <v>1</v>
      </c>
      <c r="J133" s="68">
        <v>18</v>
      </c>
      <c r="K133" s="67">
        <v>14</v>
      </c>
      <c r="L133" s="79">
        <v>1</v>
      </c>
      <c r="M133" s="80">
        <v>13</v>
      </c>
    </row>
    <row r="134" spans="1:13">
      <c r="A134" s="27" t="s">
        <v>121</v>
      </c>
      <c r="B134" s="67">
        <v>-146</v>
      </c>
      <c r="C134" s="68">
        <v>-28</v>
      </c>
      <c r="D134" s="68">
        <v>-118</v>
      </c>
      <c r="E134" s="67">
        <v>146</v>
      </c>
      <c r="F134" s="68">
        <v>28</v>
      </c>
      <c r="G134" s="69">
        <v>118</v>
      </c>
      <c r="H134" s="68">
        <v>16</v>
      </c>
      <c r="I134" s="68">
        <v>4</v>
      </c>
      <c r="J134" s="68">
        <v>12</v>
      </c>
      <c r="K134" s="67">
        <v>16</v>
      </c>
      <c r="L134" s="79">
        <v>4</v>
      </c>
      <c r="M134" s="80">
        <v>12</v>
      </c>
    </row>
    <row r="135" spans="1:13" ht="21" customHeight="1">
      <c r="A135" s="39" t="s">
        <v>122</v>
      </c>
      <c r="B135" s="42">
        <v>-351</v>
      </c>
      <c r="C135" s="40">
        <v>-49</v>
      </c>
      <c r="D135" s="40">
        <v>-302</v>
      </c>
      <c r="E135" s="42">
        <v>352</v>
      </c>
      <c r="F135" s="40">
        <v>50</v>
      </c>
      <c r="G135" s="43">
        <v>302</v>
      </c>
      <c r="H135" s="40">
        <v>16</v>
      </c>
      <c r="I135" s="40">
        <v>4</v>
      </c>
      <c r="J135" s="40">
        <v>12</v>
      </c>
      <c r="K135" s="42">
        <v>15</v>
      </c>
      <c r="L135" s="44">
        <v>3</v>
      </c>
      <c r="M135" s="85">
        <v>12</v>
      </c>
    </row>
    <row r="136" spans="1:13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96"/>
    </row>
    <row r="137" spans="1:13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7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535</v>
      </c>
      <c r="C5" s="62">
        <v>-270</v>
      </c>
      <c r="D5" s="62">
        <v>-265</v>
      </c>
      <c r="E5" s="61">
        <v>2730</v>
      </c>
      <c r="F5" s="62">
        <v>1564</v>
      </c>
      <c r="G5" s="63">
        <v>1166</v>
      </c>
      <c r="H5" s="62">
        <v>15657</v>
      </c>
      <c r="I5" s="62">
        <v>9384</v>
      </c>
      <c r="J5" s="62">
        <v>6273</v>
      </c>
      <c r="K5" s="61">
        <v>14854</v>
      </c>
      <c r="L5" s="75">
        <v>8799</v>
      </c>
      <c r="M5" s="76">
        <v>6055</v>
      </c>
    </row>
    <row r="6" spans="1:13" ht="23.25" customHeight="1">
      <c r="A6" s="36" t="s">
        <v>2</v>
      </c>
      <c r="B6" s="64">
        <v>1256</v>
      </c>
      <c r="C6" s="65">
        <v>635</v>
      </c>
      <c r="D6" s="65">
        <v>621</v>
      </c>
      <c r="E6" s="64">
        <v>5</v>
      </c>
      <c r="F6" s="65">
        <v>4</v>
      </c>
      <c r="G6" s="66">
        <v>1</v>
      </c>
      <c r="H6" s="65">
        <v>434</v>
      </c>
      <c r="I6" s="65">
        <v>227</v>
      </c>
      <c r="J6" s="65">
        <v>207</v>
      </c>
      <c r="K6" s="64">
        <v>565</v>
      </c>
      <c r="L6" s="77">
        <v>297</v>
      </c>
      <c r="M6" s="78">
        <v>268</v>
      </c>
    </row>
    <row r="7" spans="1:13">
      <c r="A7" s="15" t="s">
        <v>4</v>
      </c>
      <c r="B7" s="67">
        <v>1387</v>
      </c>
      <c r="C7" s="68">
        <v>698</v>
      </c>
      <c r="D7" s="68">
        <v>689</v>
      </c>
      <c r="E7" s="67">
        <v>2</v>
      </c>
      <c r="F7" s="68">
        <v>2</v>
      </c>
      <c r="G7" s="69">
        <v>0</v>
      </c>
      <c r="H7" s="68">
        <v>75</v>
      </c>
      <c r="I7" s="68">
        <v>34</v>
      </c>
      <c r="J7" s="68">
        <v>41</v>
      </c>
      <c r="K7" s="67">
        <v>78</v>
      </c>
      <c r="L7" s="79">
        <v>43</v>
      </c>
      <c r="M7" s="80">
        <v>35</v>
      </c>
    </row>
    <row r="8" spans="1:13">
      <c r="A8" s="15" t="s">
        <v>6</v>
      </c>
      <c r="B8" s="67">
        <v>-47</v>
      </c>
      <c r="C8" s="68">
        <v>-18</v>
      </c>
      <c r="D8" s="68">
        <v>-29</v>
      </c>
      <c r="E8" s="67">
        <v>2</v>
      </c>
      <c r="F8" s="68">
        <v>1</v>
      </c>
      <c r="G8" s="69">
        <v>1</v>
      </c>
      <c r="H8" s="68">
        <v>121</v>
      </c>
      <c r="I8" s="68">
        <v>74</v>
      </c>
      <c r="J8" s="68">
        <v>47</v>
      </c>
      <c r="K8" s="67">
        <v>166</v>
      </c>
      <c r="L8" s="79">
        <v>91</v>
      </c>
      <c r="M8" s="80">
        <v>75</v>
      </c>
    </row>
    <row r="9" spans="1:13">
      <c r="A9" s="15" t="s">
        <v>8</v>
      </c>
      <c r="B9" s="67">
        <v>-37</v>
      </c>
      <c r="C9" s="68">
        <v>-24</v>
      </c>
      <c r="D9" s="68">
        <v>-13</v>
      </c>
      <c r="E9" s="67">
        <v>1</v>
      </c>
      <c r="F9" s="68">
        <v>1</v>
      </c>
      <c r="G9" s="69">
        <v>0</v>
      </c>
      <c r="H9" s="68">
        <v>84</v>
      </c>
      <c r="I9" s="68">
        <v>39</v>
      </c>
      <c r="J9" s="68">
        <v>45</v>
      </c>
      <c r="K9" s="67">
        <v>120</v>
      </c>
      <c r="L9" s="79">
        <v>62</v>
      </c>
      <c r="M9" s="80">
        <v>58</v>
      </c>
    </row>
    <row r="10" spans="1:13">
      <c r="A10" s="15" t="s">
        <v>10</v>
      </c>
      <c r="B10" s="67">
        <v>-28</v>
      </c>
      <c r="C10" s="68">
        <v>-12</v>
      </c>
      <c r="D10" s="68">
        <v>-16</v>
      </c>
      <c r="E10" s="67">
        <v>0</v>
      </c>
      <c r="F10" s="68">
        <v>0</v>
      </c>
      <c r="G10" s="69">
        <v>0</v>
      </c>
      <c r="H10" s="68">
        <v>88</v>
      </c>
      <c r="I10" s="68">
        <v>47</v>
      </c>
      <c r="J10" s="68">
        <v>41</v>
      </c>
      <c r="K10" s="67">
        <v>116</v>
      </c>
      <c r="L10" s="79">
        <v>59</v>
      </c>
      <c r="M10" s="80">
        <v>57</v>
      </c>
    </row>
    <row r="11" spans="1:13">
      <c r="A11" s="15" t="s">
        <v>12</v>
      </c>
      <c r="B11" s="67">
        <v>-19</v>
      </c>
      <c r="C11" s="68">
        <v>-9</v>
      </c>
      <c r="D11" s="68">
        <v>-10</v>
      </c>
      <c r="E11" s="67">
        <v>0</v>
      </c>
      <c r="F11" s="68">
        <v>0</v>
      </c>
      <c r="G11" s="69">
        <v>0</v>
      </c>
      <c r="H11" s="68">
        <v>66</v>
      </c>
      <c r="I11" s="68">
        <v>33</v>
      </c>
      <c r="J11" s="68">
        <v>33</v>
      </c>
      <c r="K11" s="67">
        <v>85</v>
      </c>
      <c r="L11" s="79">
        <v>42</v>
      </c>
      <c r="M11" s="80">
        <v>43</v>
      </c>
    </row>
    <row r="12" spans="1:13" ht="21" customHeight="1">
      <c r="A12" s="36" t="s">
        <v>14</v>
      </c>
      <c r="B12" s="64">
        <v>-136</v>
      </c>
      <c r="C12" s="65">
        <v>-81</v>
      </c>
      <c r="D12" s="65">
        <v>-55</v>
      </c>
      <c r="E12" s="64">
        <v>0</v>
      </c>
      <c r="F12" s="65">
        <v>0</v>
      </c>
      <c r="G12" s="66">
        <v>0</v>
      </c>
      <c r="H12" s="65">
        <v>221</v>
      </c>
      <c r="I12" s="65">
        <v>98</v>
      </c>
      <c r="J12" s="65">
        <v>123</v>
      </c>
      <c r="K12" s="64">
        <v>357</v>
      </c>
      <c r="L12" s="77">
        <v>179</v>
      </c>
      <c r="M12" s="78">
        <v>178</v>
      </c>
    </row>
    <row r="13" spans="1:13">
      <c r="A13" s="15" t="s">
        <v>16</v>
      </c>
      <c r="B13" s="67">
        <v>-23</v>
      </c>
      <c r="C13" s="68">
        <v>-12</v>
      </c>
      <c r="D13" s="68">
        <v>-11</v>
      </c>
      <c r="E13" s="67">
        <v>0</v>
      </c>
      <c r="F13" s="68">
        <v>0</v>
      </c>
      <c r="G13" s="69">
        <v>0</v>
      </c>
      <c r="H13" s="68">
        <v>60</v>
      </c>
      <c r="I13" s="68">
        <v>26</v>
      </c>
      <c r="J13" s="68">
        <v>34</v>
      </c>
      <c r="K13" s="67">
        <v>83</v>
      </c>
      <c r="L13" s="79">
        <v>38</v>
      </c>
      <c r="M13" s="80">
        <v>45</v>
      </c>
    </row>
    <row r="14" spans="1:13">
      <c r="A14" s="15" t="s">
        <v>18</v>
      </c>
      <c r="B14" s="67">
        <v>-47</v>
      </c>
      <c r="C14" s="68">
        <v>-27</v>
      </c>
      <c r="D14" s="68">
        <v>-20</v>
      </c>
      <c r="E14" s="67">
        <v>0</v>
      </c>
      <c r="F14" s="68">
        <v>0</v>
      </c>
      <c r="G14" s="69">
        <v>0</v>
      </c>
      <c r="H14" s="68">
        <v>47</v>
      </c>
      <c r="I14" s="68">
        <v>22</v>
      </c>
      <c r="J14" s="68">
        <v>25</v>
      </c>
      <c r="K14" s="67">
        <v>94</v>
      </c>
      <c r="L14" s="79">
        <v>49</v>
      </c>
      <c r="M14" s="80">
        <v>45</v>
      </c>
    </row>
    <row r="15" spans="1:13">
      <c r="A15" s="15" t="s">
        <v>20</v>
      </c>
      <c r="B15" s="67">
        <v>-46</v>
      </c>
      <c r="C15" s="68">
        <v>-23</v>
      </c>
      <c r="D15" s="68">
        <v>-23</v>
      </c>
      <c r="E15" s="67">
        <v>0</v>
      </c>
      <c r="F15" s="68">
        <v>0</v>
      </c>
      <c r="G15" s="69">
        <v>0</v>
      </c>
      <c r="H15" s="68">
        <v>42</v>
      </c>
      <c r="I15" s="68">
        <v>21</v>
      </c>
      <c r="J15" s="68">
        <v>21</v>
      </c>
      <c r="K15" s="67">
        <v>88</v>
      </c>
      <c r="L15" s="79">
        <v>44</v>
      </c>
      <c r="M15" s="80">
        <v>44</v>
      </c>
    </row>
    <row r="16" spans="1:13">
      <c r="A16" s="15" t="s">
        <v>22</v>
      </c>
      <c r="B16" s="67">
        <v>-5</v>
      </c>
      <c r="C16" s="68">
        <v>-9</v>
      </c>
      <c r="D16" s="68">
        <v>4</v>
      </c>
      <c r="E16" s="67">
        <v>0</v>
      </c>
      <c r="F16" s="68">
        <v>0</v>
      </c>
      <c r="G16" s="69">
        <v>0</v>
      </c>
      <c r="H16" s="68">
        <v>39</v>
      </c>
      <c r="I16" s="68">
        <v>12</v>
      </c>
      <c r="J16" s="68">
        <v>27</v>
      </c>
      <c r="K16" s="67">
        <v>44</v>
      </c>
      <c r="L16" s="79">
        <v>21</v>
      </c>
      <c r="M16" s="80">
        <v>23</v>
      </c>
    </row>
    <row r="17" spans="1:13">
      <c r="A17" s="15" t="s">
        <v>24</v>
      </c>
      <c r="B17" s="67">
        <v>-15</v>
      </c>
      <c r="C17" s="68">
        <v>-10</v>
      </c>
      <c r="D17" s="68">
        <v>-5</v>
      </c>
      <c r="E17" s="67">
        <v>0</v>
      </c>
      <c r="F17" s="68">
        <v>0</v>
      </c>
      <c r="G17" s="69">
        <v>0</v>
      </c>
      <c r="H17" s="68">
        <v>33</v>
      </c>
      <c r="I17" s="68">
        <v>17</v>
      </c>
      <c r="J17" s="68">
        <v>16</v>
      </c>
      <c r="K17" s="67">
        <v>48</v>
      </c>
      <c r="L17" s="79">
        <v>27</v>
      </c>
      <c r="M17" s="80">
        <v>21</v>
      </c>
    </row>
    <row r="18" spans="1:13" ht="21" customHeight="1">
      <c r="A18" s="36" t="s">
        <v>26</v>
      </c>
      <c r="B18" s="64">
        <v>-46</v>
      </c>
      <c r="C18" s="65">
        <v>-24</v>
      </c>
      <c r="D18" s="65">
        <v>-22</v>
      </c>
      <c r="E18" s="64">
        <v>1</v>
      </c>
      <c r="F18" s="65">
        <v>1</v>
      </c>
      <c r="G18" s="66">
        <v>0</v>
      </c>
      <c r="H18" s="65">
        <v>124</v>
      </c>
      <c r="I18" s="65">
        <v>61</v>
      </c>
      <c r="J18" s="65">
        <v>63</v>
      </c>
      <c r="K18" s="64">
        <v>169</v>
      </c>
      <c r="L18" s="77">
        <v>84</v>
      </c>
      <c r="M18" s="78">
        <v>85</v>
      </c>
    </row>
    <row r="19" spans="1:13">
      <c r="A19" s="15" t="s">
        <v>28</v>
      </c>
      <c r="B19" s="67">
        <v>-6</v>
      </c>
      <c r="C19" s="68">
        <v>1</v>
      </c>
      <c r="D19" s="68">
        <v>-7</v>
      </c>
      <c r="E19" s="67">
        <v>0</v>
      </c>
      <c r="F19" s="68">
        <v>0</v>
      </c>
      <c r="G19" s="69">
        <v>0</v>
      </c>
      <c r="H19" s="68">
        <v>30</v>
      </c>
      <c r="I19" s="68">
        <v>18</v>
      </c>
      <c r="J19" s="68">
        <v>12</v>
      </c>
      <c r="K19" s="67">
        <v>36</v>
      </c>
      <c r="L19" s="79">
        <v>17</v>
      </c>
      <c r="M19" s="80">
        <v>19</v>
      </c>
    </row>
    <row r="20" spans="1:13">
      <c r="A20" s="15" t="s">
        <v>30</v>
      </c>
      <c r="B20" s="67">
        <v>-5</v>
      </c>
      <c r="C20" s="68">
        <v>-2</v>
      </c>
      <c r="D20" s="68">
        <v>-3</v>
      </c>
      <c r="E20" s="67">
        <v>1</v>
      </c>
      <c r="F20" s="68">
        <v>1</v>
      </c>
      <c r="G20" s="69">
        <v>0</v>
      </c>
      <c r="H20" s="68">
        <v>29</v>
      </c>
      <c r="I20" s="68">
        <v>13</v>
      </c>
      <c r="J20" s="68">
        <v>16</v>
      </c>
      <c r="K20" s="67">
        <v>33</v>
      </c>
      <c r="L20" s="79">
        <v>14</v>
      </c>
      <c r="M20" s="80">
        <v>19</v>
      </c>
    </row>
    <row r="21" spans="1:13">
      <c r="A21" s="15" t="s">
        <v>32</v>
      </c>
      <c r="B21" s="67">
        <v>-19</v>
      </c>
      <c r="C21" s="68">
        <v>-14</v>
      </c>
      <c r="D21" s="68">
        <v>-5</v>
      </c>
      <c r="E21" s="67">
        <v>0</v>
      </c>
      <c r="F21" s="68">
        <v>0</v>
      </c>
      <c r="G21" s="69">
        <v>0</v>
      </c>
      <c r="H21" s="68">
        <v>18</v>
      </c>
      <c r="I21" s="68">
        <v>10</v>
      </c>
      <c r="J21" s="68">
        <v>8</v>
      </c>
      <c r="K21" s="67">
        <v>37</v>
      </c>
      <c r="L21" s="79">
        <v>24</v>
      </c>
      <c r="M21" s="80">
        <v>13</v>
      </c>
    </row>
    <row r="22" spans="1:13">
      <c r="A22" s="15" t="s">
        <v>34</v>
      </c>
      <c r="B22" s="67">
        <v>-13</v>
      </c>
      <c r="C22" s="68">
        <v>-4</v>
      </c>
      <c r="D22" s="68">
        <v>-9</v>
      </c>
      <c r="E22" s="67">
        <v>0</v>
      </c>
      <c r="F22" s="68">
        <v>0</v>
      </c>
      <c r="G22" s="69">
        <v>0</v>
      </c>
      <c r="H22" s="68">
        <v>25</v>
      </c>
      <c r="I22" s="68">
        <v>12</v>
      </c>
      <c r="J22" s="68">
        <v>13</v>
      </c>
      <c r="K22" s="67">
        <v>38</v>
      </c>
      <c r="L22" s="79">
        <v>16</v>
      </c>
      <c r="M22" s="80">
        <v>22</v>
      </c>
    </row>
    <row r="23" spans="1:13">
      <c r="A23" s="15" t="s">
        <v>36</v>
      </c>
      <c r="B23" s="67">
        <v>-3</v>
      </c>
      <c r="C23" s="68">
        <v>-5</v>
      </c>
      <c r="D23" s="68">
        <v>2</v>
      </c>
      <c r="E23" s="67">
        <v>0</v>
      </c>
      <c r="F23" s="68">
        <v>0</v>
      </c>
      <c r="G23" s="69">
        <v>0</v>
      </c>
      <c r="H23" s="68">
        <v>22</v>
      </c>
      <c r="I23" s="68">
        <v>8</v>
      </c>
      <c r="J23" s="68">
        <v>14</v>
      </c>
      <c r="K23" s="67">
        <v>25</v>
      </c>
      <c r="L23" s="79">
        <v>13</v>
      </c>
      <c r="M23" s="80">
        <v>12</v>
      </c>
    </row>
    <row r="24" spans="1:13" ht="21" customHeight="1">
      <c r="A24" s="36" t="s">
        <v>38</v>
      </c>
      <c r="B24" s="64">
        <v>176</v>
      </c>
      <c r="C24" s="65">
        <v>120</v>
      </c>
      <c r="D24" s="65">
        <v>56</v>
      </c>
      <c r="E24" s="64">
        <v>2</v>
      </c>
      <c r="F24" s="65">
        <v>2</v>
      </c>
      <c r="G24" s="66">
        <v>0</v>
      </c>
      <c r="H24" s="65">
        <v>428</v>
      </c>
      <c r="I24" s="65">
        <v>262</v>
      </c>
      <c r="J24" s="65">
        <v>166</v>
      </c>
      <c r="K24" s="64">
        <v>250</v>
      </c>
      <c r="L24" s="77">
        <v>140</v>
      </c>
      <c r="M24" s="78">
        <v>110</v>
      </c>
    </row>
    <row r="25" spans="1:13">
      <c r="A25" s="15" t="s">
        <v>40</v>
      </c>
      <c r="B25" s="67">
        <v>-12</v>
      </c>
      <c r="C25" s="68">
        <v>-6</v>
      </c>
      <c r="D25" s="68">
        <v>-6</v>
      </c>
      <c r="E25" s="67">
        <v>0</v>
      </c>
      <c r="F25" s="68">
        <v>0</v>
      </c>
      <c r="G25" s="69">
        <v>0</v>
      </c>
      <c r="H25" s="68">
        <v>20</v>
      </c>
      <c r="I25" s="68">
        <v>8</v>
      </c>
      <c r="J25" s="68">
        <v>12</v>
      </c>
      <c r="K25" s="67">
        <v>32</v>
      </c>
      <c r="L25" s="79">
        <v>14</v>
      </c>
      <c r="M25" s="80">
        <v>18</v>
      </c>
    </row>
    <row r="26" spans="1:13">
      <c r="A26" s="15" t="s">
        <v>42</v>
      </c>
      <c r="B26" s="67">
        <v>-3</v>
      </c>
      <c r="C26" s="68">
        <v>0</v>
      </c>
      <c r="D26" s="68">
        <v>-3</v>
      </c>
      <c r="E26" s="67">
        <v>0</v>
      </c>
      <c r="F26" s="68">
        <v>0</v>
      </c>
      <c r="G26" s="69">
        <v>0</v>
      </c>
      <c r="H26" s="68">
        <v>34</v>
      </c>
      <c r="I26" s="68">
        <v>18</v>
      </c>
      <c r="J26" s="68">
        <v>16</v>
      </c>
      <c r="K26" s="67">
        <v>37</v>
      </c>
      <c r="L26" s="79">
        <v>18</v>
      </c>
      <c r="M26" s="80">
        <v>19</v>
      </c>
    </row>
    <row r="27" spans="1:13">
      <c r="A27" s="15" t="s">
        <v>44</v>
      </c>
      <c r="B27" s="67">
        <v>0</v>
      </c>
      <c r="C27" s="68">
        <v>0</v>
      </c>
      <c r="D27" s="68">
        <v>0</v>
      </c>
      <c r="E27" s="67">
        <v>1</v>
      </c>
      <c r="F27" s="68">
        <v>1</v>
      </c>
      <c r="G27" s="69">
        <v>0</v>
      </c>
      <c r="H27" s="68">
        <v>29</v>
      </c>
      <c r="I27" s="68">
        <v>14</v>
      </c>
      <c r="J27" s="68">
        <v>15</v>
      </c>
      <c r="K27" s="67">
        <v>28</v>
      </c>
      <c r="L27" s="79">
        <v>13</v>
      </c>
      <c r="M27" s="80">
        <v>15</v>
      </c>
    </row>
    <row r="28" spans="1:13">
      <c r="A28" s="15" t="s">
        <v>46</v>
      </c>
      <c r="B28" s="67">
        <v>61</v>
      </c>
      <c r="C28" s="68">
        <v>32</v>
      </c>
      <c r="D28" s="68">
        <v>29</v>
      </c>
      <c r="E28" s="67">
        <v>0</v>
      </c>
      <c r="F28" s="68">
        <v>0</v>
      </c>
      <c r="G28" s="69">
        <v>0</v>
      </c>
      <c r="H28" s="68">
        <v>108</v>
      </c>
      <c r="I28" s="68">
        <v>63</v>
      </c>
      <c r="J28" s="68">
        <v>45</v>
      </c>
      <c r="K28" s="67">
        <v>47</v>
      </c>
      <c r="L28" s="79">
        <v>31</v>
      </c>
      <c r="M28" s="80">
        <v>16</v>
      </c>
    </row>
    <row r="29" spans="1:13">
      <c r="A29" s="15" t="s">
        <v>48</v>
      </c>
      <c r="B29" s="67">
        <v>130</v>
      </c>
      <c r="C29" s="68">
        <v>94</v>
      </c>
      <c r="D29" s="68">
        <v>36</v>
      </c>
      <c r="E29" s="67">
        <v>1</v>
      </c>
      <c r="F29" s="68">
        <v>1</v>
      </c>
      <c r="G29" s="69">
        <v>0</v>
      </c>
      <c r="H29" s="68">
        <v>237</v>
      </c>
      <c r="I29" s="68">
        <v>159</v>
      </c>
      <c r="J29" s="68">
        <v>78</v>
      </c>
      <c r="K29" s="67">
        <v>106</v>
      </c>
      <c r="L29" s="79">
        <v>64</v>
      </c>
      <c r="M29" s="80">
        <v>42</v>
      </c>
    </row>
    <row r="30" spans="1:13" ht="21" customHeight="1">
      <c r="A30" s="36" t="s">
        <v>50</v>
      </c>
      <c r="B30" s="64">
        <v>1219</v>
      </c>
      <c r="C30" s="65">
        <v>740</v>
      </c>
      <c r="D30" s="65">
        <v>479</v>
      </c>
      <c r="E30" s="64">
        <v>13</v>
      </c>
      <c r="F30" s="65">
        <v>5</v>
      </c>
      <c r="G30" s="66">
        <v>8</v>
      </c>
      <c r="H30" s="65">
        <v>3260</v>
      </c>
      <c r="I30" s="65">
        <v>1834</v>
      </c>
      <c r="J30" s="65">
        <v>1426</v>
      </c>
      <c r="K30" s="64">
        <v>2028</v>
      </c>
      <c r="L30" s="77">
        <v>1089</v>
      </c>
      <c r="M30" s="78">
        <v>939</v>
      </c>
    </row>
    <row r="31" spans="1:13">
      <c r="A31" s="15" t="s">
        <v>52</v>
      </c>
      <c r="B31" s="67">
        <v>126</v>
      </c>
      <c r="C31" s="68">
        <v>62</v>
      </c>
      <c r="D31" s="68">
        <v>64</v>
      </c>
      <c r="E31" s="67">
        <v>3</v>
      </c>
      <c r="F31" s="68">
        <v>2</v>
      </c>
      <c r="G31" s="69">
        <v>1</v>
      </c>
      <c r="H31" s="68">
        <v>275</v>
      </c>
      <c r="I31" s="68">
        <v>156</v>
      </c>
      <c r="J31" s="68">
        <v>119</v>
      </c>
      <c r="K31" s="67">
        <v>146</v>
      </c>
      <c r="L31" s="79">
        <v>92</v>
      </c>
      <c r="M31" s="80">
        <v>54</v>
      </c>
    </row>
    <row r="32" spans="1:13">
      <c r="A32" s="15" t="s">
        <v>54</v>
      </c>
      <c r="B32" s="67">
        <v>172</v>
      </c>
      <c r="C32" s="68">
        <v>108</v>
      </c>
      <c r="D32" s="68">
        <v>64</v>
      </c>
      <c r="E32" s="67">
        <v>2</v>
      </c>
      <c r="F32" s="68">
        <v>0</v>
      </c>
      <c r="G32" s="69">
        <v>2</v>
      </c>
      <c r="H32" s="68">
        <v>407</v>
      </c>
      <c r="I32" s="68">
        <v>227</v>
      </c>
      <c r="J32" s="68">
        <v>180</v>
      </c>
      <c r="K32" s="67">
        <v>233</v>
      </c>
      <c r="L32" s="79">
        <v>119</v>
      </c>
      <c r="M32" s="80">
        <v>114</v>
      </c>
    </row>
    <row r="33" spans="1:13">
      <c r="A33" s="15" t="s">
        <v>56</v>
      </c>
      <c r="B33" s="67">
        <v>306</v>
      </c>
      <c r="C33" s="68">
        <v>173</v>
      </c>
      <c r="D33" s="68">
        <v>133</v>
      </c>
      <c r="E33" s="67">
        <v>1</v>
      </c>
      <c r="F33" s="68">
        <v>0</v>
      </c>
      <c r="G33" s="69">
        <v>1</v>
      </c>
      <c r="H33" s="68">
        <v>689</v>
      </c>
      <c r="I33" s="68">
        <v>381</v>
      </c>
      <c r="J33" s="68">
        <v>308</v>
      </c>
      <c r="K33" s="67">
        <v>382</v>
      </c>
      <c r="L33" s="79">
        <v>208</v>
      </c>
      <c r="M33" s="80">
        <v>174</v>
      </c>
    </row>
    <row r="34" spans="1:13">
      <c r="A34" s="15" t="s">
        <v>58</v>
      </c>
      <c r="B34" s="67">
        <v>424</v>
      </c>
      <c r="C34" s="68">
        <v>283</v>
      </c>
      <c r="D34" s="68">
        <v>141</v>
      </c>
      <c r="E34" s="67">
        <v>3</v>
      </c>
      <c r="F34" s="68">
        <v>1</v>
      </c>
      <c r="G34" s="69">
        <v>2</v>
      </c>
      <c r="H34" s="68">
        <v>1005</v>
      </c>
      <c r="I34" s="68">
        <v>579</v>
      </c>
      <c r="J34" s="68">
        <v>426</v>
      </c>
      <c r="K34" s="67">
        <v>578</v>
      </c>
      <c r="L34" s="79">
        <v>295</v>
      </c>
      <c r="M34" s="80">
        <v>283</v>
      </c>
    </row>
    <row r="35" spans="1:13">
      <c r="A35" s="15" t="s">
        <v>60</v>
      </c>
      <c r="B35" s="67">
        <v>191</v>
      </c>
      <c r="C35" s="68">
        <v>114</v>
      </c>
      <c r="D35" s="68">
        <v>77</v>
      </c>
      <c r="E35" s="67">
        <v>4</v>
      </c>
      <c r="F35" s="68">
        <v>2</v>
      </c>
      <c r="G35" s="69">
        <v>2</v>
      </c>
      <c r="H35" s="68">
        <v>884</v>
      </c>
      <c r="I35" s="68">
        <v>491</v>
      </c>
      <c r="J35" s="68">
        <v>393</v>
      </c>
      <c r="K35" s="67">
        <v>689</v>
      </c>
      <c r="L35" s="79">
        <v>375</v>
      </c>
      <c r="M35" s="80">
        <v>314</v>
      </c>
    </row>
    <row r="36" spans="1:13" ht="21" customHeight="1">
      <c r="A36" s="36" t="s">
        <v>62</v>
      </c>
      <c r="B36" s="64">
        <v>498</v>
      </c>
      <c r="C36" s="65">
        <v>345</v>
      </c>
      <c r="D36" s="65">
        <v>153</v>
      </c>
      <c r="E36" s="64">
        <v>1</v>
      </c>
      <c r="F36" s="65">
        <v>0</v>
      </c>
      <c r="G36" s="66">
        <v>1</v>
      </c>
      <c r="H36" s="65">
        <v>4317</v>
      </c>
      <c r="I36" s="65">
        <v>2562</v>
      </c>
      <c r="J36" s="65">
        <v>1755</v>
      </c>
      <c r="K36" s="64">
        <v>3818</v>
      </c>
      <c r="L36" s="77">
        <v>2217</v>
      </c>
      <c r="M36" s="78">
        <v>1601</v>
      </c>
    </row>
    <row r="37" spans="1:13">
      <c r="A37" s="15" t="s">
        <v>64</v>
      </c>
      <c r="B37" s="67">
        <v>224</v>
      </c>
      <c r="C37" s="68">
        <v>132</v>
      </c>
      <c r="D37" s="68">
        <v>92</v>
      </c>
      <c r="E37" s="67">
        <v>0</v>
      </c>
      <c r="F37" s="68">
        <v>0</v>
      </c>
      <c r="G37" s="69">
        <v>0</v>
      </c>
      <c r="H37" s="68">
        <v>1042</v>
      </c>
      <c r="I37" s="68">
        <v>610</v>
      </c>
      <c r="J37" s="68">
        <v>432</v>
      </c>
      <c r="K37" s="67">
        <v>818</v>
      </c>
      <c r="L37" s="79">
        <v>478</v>
      </c>
      <c r="M37" s="80">
        <v>340</v>
      </c>
    </row>
    <row r="38" spans="1:13">
      <c r="A38" s="15" t="s">
        <v>66</v>
      </c>
      <c r="B38" s="67">
        <v>111</v>
      </c>
      <c r="C38" s="68">
        <v>108</v>
      </c>
      <c r="D38" s="68">
        <v>3</v>
      </c>
      <c r="E38" s="67">
        <v>0</v>
      </c>
      <c r="F38" s="68">
        <v>0</v>
      </c>
      <c r="G38" s="69">
        <v>0</v>
      </c>
      <c r="H38" s="68">
        <v>941</v>
      </c>
      <c r="I38" s="68">
        <v>571</v>
      </c>
      <c r="J38" s="68">
        <v>370</v>
      </c>
      <c r="K38" s="67">
        <v>830</v>
      </c>
      <c r="L38" s="79">
        <v>463</v>
      </c>
      <c r="M38" s="80">
        <v>367</v>
      </c>
    </row>
    <row r="39" spans="1:13">
      <c r="A39" s="15" t="s">
        <v>68</v>
      </c>
      <c r="B39" s="67">
        <v>153</v>
      </c>
      <c r="C39" s="68">
        <v>103</v>
      </c>
      <c r="D39" s="68">
        <v>50</v>
      </c>
      <c r="E39" s="67">
        <v>0</v>
      </c>
      <c r="F39" s="68">
        <v>0</v>
      </c>
      <c r="G39" s="69">
        <v>0</v>
      </c>
      <c r="H39" s="68">
        <v>896</v>
      </c>
      <c r="I39" s="68">
        <v>535</v>
      </c>
      <c r="J39" s="68">
        <v>361</v>
      </c>
      <c r="K39" s="67">
        <v>743</v>
      </c>
      <c r="L39" s="79">
        <v>432</v>
      </c>
      <c r="M39" s="80">
        <v>311</v>
      </c>
    </row>
    <row r="40" spans="1:13">
      <c r="A40" s="15" t="s">
        <v>70</v>
      </c>
      <c r="B40" s="67">
        <v>20</v>
      </c>
      <c r="C40" s="68">
        <v>12</v>
      </c>
      <c r="D40" s="68">
        <v>8</v>
      </c>
      <c r="E40" s="67">
        <v>0</v>
      </c>
      <c r="F40" s="68">
        <v>0</v>
      </c>
      <c r="G40" s="69">
        <v>0</v>
      </c>
      <c r="H40" s="68">
        <v>761</v>
      </c>
      <c r="I40" s="68">
        <v>440</v>
      </c>
      <c r="J40" s="68">
        <v>321</v>
      </c>
      <c r="K40" s="67">
        <v>741</v>
      </c>
      <c r="L40" s="79">
        <v>428</v>
      </c>
      <c r="M40" s="80">
        <v>313</v>
      </c>
    </row>
    <row r="41" spans="1:13">
      <c r="A41" s="15" t="s">
        <v>72</v>
      </c>
      <c r="B41" s="67">
        <v>-10</v>
      </c>
      <c r="C41" s="68">
        <v>-10</v>
      </c>
      <c r="D41" s="68">
        <v>0</v>
      </c>
      <c r="E41" s="67">
        <v>1</v>
      </c>
      <c r="F41" s="68">
        <v>0</v>
      </c>
      <c r="G41" s="69">
        <v>1</v>
      </c>
      <c r="H41" s="68">
        <v>677</v>
      </c>
      <c r="I41" s="68">
        <v>406</v>
      </c>
      <c r="J41" s="68">
        <v>271</v>
      </c>
      <c r="K41" s="67">
        <v>686</v>
      </c>
      <c r="L41" s="79">
        <v>416</v>
      </c>
      <c r="M41" s="80">
        <v>270</v>
      </c>
    </row>
    <row r="42" spans="1:13" ht="21" customHeight="1">
      <c r="A42" s="36" t="s">
        <v>74</v>
      </c>
      <c r="B42" s="64">
        <v>-113</v>
      </c>
      <c r="C42" s="65">
        <v>-13</v>
      </c>
      <c r="D42" s="65">
        <v>-100</v>
      </c>
      <c r="E42" s="64">
        <v>5</v>
      </c>
      <c r="F42" s="65">
        <v>4</v>
      </c>
      <c r="G42" s="66">
        <v>1</v>
      </c>
      <c r="H42" s="65">
        <v>2308</v>
      </c>
      <c r="I42" s="65">
        <v>1428</v>
      </c>
      <c r="J42" s="65">
        <v>880</v>
      </c>
      <c r="K42" s="64">
        <v>2416</v>
      </c>
      <c r="L42" s="77">
        <v>1437</v>
      </c>
      <c r="M42" s="78">
        <v>979</v>
      </c>
    </row>
    <row r="43" spans="1:13">
      <c r="A43" s="15" t="s">
        <v>76</v>
      </c>
      <c r="B43" s="67">
        <v>-39</v>
      </c>
      <c r="C43" s="68">
        <v>2</v>
      </c>
      <c r="D43" s="68">
        <v>-41</v>
      </c>
      <c r="E43" s="67">
        <v>1</v>
      </c>
      <c r="F43" s="68">
        <v>0</v>
      </c>
      <c r="G43" s="69">
        <v>1</v>
      </c>
      <c r="H43" s="68">
        <v>615</v>
      </c>
      <c r="I43" s="68">
        <v>381</v>
      </c>
      <c r="J43" s="68">
        <v>234</v>
      </c>
      <c r="K43" s="67">
        <v>653</v>
      </c>
      <c r="L43" s="79">
        <v>379</v>
      </c>
      <c r="M43" s="80">
        <v>274</v>
      </c>
    </row>
    <row r="44" spans="1:13">
      <c r="A44" s="15" t="s">
        <v>78</v>
      </c>
      <c r="B44" s="67">
        <v>-15</v>
      </c>
      <c r="C44" s="68">
        <v>0</v>
      </c>
      <c r="D44" s="68">
        <v>-15</v>
      </c>
      <c r="E44" s="67">
        <v>0</v>
      </c>
      <c r="F44" s="68">
        <v>0</v>
      </c>
      <c r="G44" s="69">
        <v>0</v>
      </c>
      <c r="H44" s="68">
        <v>490</v>
      </c>
      <c r="I44" s="68">
        <v>297</v>
      </c>
      <c r="J44" s="68">
        <v>193</v>
      </c>
      <c r="K44" s="67">
        <v>505</v>
      </c>
      <c r="L44" s="79">
        <v>297</v>
      </c>
      <c r="M44" s="80">
        <v>208</v>
      </c>
    </row>
    <row r="45" spans="1:13">
      <c r="A45" s="15" t="s">
        <v>80</v>
      </c>
      <c r="B45" s="67">
        <v>-7</v>
      </c>
      <c r="C45" s="68">
        <v>7</v>
      </c>
      <c r="D45" s="68">
        <v>-14</v>
      </c>
      <c r="E45" s="67">
        <v>2</v>
      </c>
      <c r="F45" s="68">
        <v>2</v>
      </c>
      <c r="G45" s="69">
        <v>0</v>
      </c>
      <c r="H45" s="68">
        <v>462</v>
      </c>
      <c r="I45" s="68">
        <v>278</v>
      </c>
      <c r="J45" s="68">
        <v>184</v>
      </c>
      <c r="K45" s="67">
        <v>467</v>
      </c>
      <c r="L45" s="79">
        <v>269</v>
      </c>
      <c r="M45" s="80">
        <v>198</v>
      </c>
    </row>
    <row r="46" spans="1:13">
      <c r="A46" s="15" t="s">
        <v>82</v>
      </c>
      <c r="B46" s="67">
        <v>-22</v>
      </c>
      <c r="C46" s="68">
        <v>-16</v>
      </c>
      <c r="D46" s="68">
        <v>-6</v>
      </c>
      <c r="E46" s="67">
        <v>2</v>
      </c>
      <c r="F46" s="68">
        <v>2</v>
      </c>
      <c r="G46" s="69">
        <v>0</v>
      </c>
      <c r="H46" s="68">
        <v>402</v>
      </c>
      <c r="I46" s="68">
        <v>254</v>
      </c>
      <c r="J46" s="68">
        <v>148</v>
      </c>
      <c r="K46" s="67">
        <v>422</v>
      </c>
      <c r="L46" s="79">
        <v>268</v>
      </c>
      <c r="M46" s="80">
        <v>154</v>
      </c>
    </row>
    <row r="47" spans="1:13">
      <c r="A47" s="15" t="s">
        <v>84</v>
      </c>
      <c r="B47" s="67">
        <v>-30</v>
      </c>
      <c r="C47" s="68">
        <v>-6</v>
      </c>
      <c r="D47" s="68">
        <v>-24</v>
      </c>
      <c r="E47" s="67">
        <v>0</v>
      </c>
      <c r="F47" s="68">
        <v>0</v>
      </c>
      <c r="G47" s="69">
        <v>0</v>
      </c>
      <c r="H47" s="68">
        <v>339</v>
      </c>
      <c r="I47" s="68">
        <v>218</v>
      </c>
      <c r="J47" s="68">
        <v>121</v>
      </c>
      <c r="K47" s="67">
        <v>369</v>
      </c>
      <c r="L47" s="79">
        <v>224</v>
      </c>
      <c r="M47" s="80">
        <v>145</v>
      </c>
    </row>
    <row r="48" spans="1:13" ht="21" customHeight="1">
      <c r="A48" s="36" t="s">
        <v>86</v>
      </c>
      <c r="B48" s="64">
        <v>-162</v>
      </c>
      <c r="C48" s="65">
        <v>-81</v>
      </c>
      <c r="D48" s="65">
        <v>-81</v>
      </c>
      <c r="E48" s="64">
        <v>12</v>
      </c>
      <c r="F48" s="65">
        <v>9</v>
      </c>
      <c r="G48" s="66">
        <v>3</v>
      </c>
      <c r="H48" s="65">
        <v>1313</v>
      </c>
      <c r="I48" s="65">
        <v>838</v>
      </c>
      <c r="J48" s="65">
        <v>475</v>
      </c>
      <c r="K48" s="64">
        <v>1463</v>
      </c>
      <c r="L48" s="77">
        <v>910</v>
      </c>
      <c r="M48" s="78">
        <v>553</v>
      </c>
    </row>
    <row r="49" spans="1:13">
      <c r="A49" s="15" t="s">
        <v>88</v>
      </c>
      <c r="B49" s="67">
        <v>-22</v>
      </c>
      <c r="C49" s="68">
        <v>-25</v>
      </c>
      <c r="D49" s="68">
        <v>3</v>
      </c>
      <c r="E49" s="67">
        <v>4</v>
      </c>
      <c r="F49" s="68">
        <v>3</v>
      </c>
      <c r="G49" s="69">
        <v>1</v>
      </c>
      <c r="H49" s="68">
        <v>352</v>
      </c>
      <c r="I49" s="68">
        <v>212</v>
      </c>
      <c r="J49" s="68">
        <v>140</v>
      </c>
      <c r="K49" s="67">
        <v>370</v>
      </c>
      <c r="L49" s="79">
        <v>234</v>
      </c>
      <c r="M49" s="80">
        <v>136</v>
      </c>
    </row>
    <row r="50" spans="1:13">
      <c r="A50" s="15" t="s">
        <v>90</v>
      </c>
      <c r="B50" s="67">
        <v>-27</v>
      </c>
      <c r="C50" s="68">
        <v>-11</v>
      </c>
      <c r="D50" s="68">
        <v>-16</v>
      </c>
      <c r="E50" s="67">
        <v>2</v>
      </c>
      <c r="F50" s="68">
        <v>1</v>
      </c>
      <c r="G50" s="69">
        <v>1</v>
      </c>
      <c r="H50" s="68">
        <v>278</v>
      </c>
      <c r="I50" s="68">
        <v>166</v>
      </c>
      <c r="J50" s="68">
        <v>112</v>
      </c>
      <c r="K50" s="67">
        <v>303</v>
      </c>
      <c r="L50" s="79">
        <v>176</v>
      </c>
      <c r="M50" s="80">
        <v>127</v>
      </c>
    </row>
    <row r="51" spans="1:13">
      <c r="A51" s="15" t="s">
        <v>92</v>
      </c>
      <c r="B51" s="67">
        <v>-71</v>
      </c>
      <c r="C51" s="68">
        <v>-43</v>
      </c>
      <c r="D51" s="68">
        <v>-28</v>
      </c>
      <c r="E51" s="67">
        <v>2</v>
      </c>
      <c r="F51" s="68">
        <v>1</v>
      </c>
      <c r="G51" s="69">
        <v>1</v>
      </c>
      <c r="H51" s="68">
        <v>212</v>
      </c>
      <c r="I51" s="68">
        <v>138</v>
      </c>
      <c r="J51" s="68">
        <v>74</v>
      </c>
      <c r="K51" s="67">
        <v>281</v>
      </c>
      <c r="L51" s="79">
        <v>180</v>
      </c>
      <c r="M51" s="80">
        <v>101</v>
      </c>
    </row>
    <row r="52" spans="1:13">
      <c r="A52" s="15" t="s">
        <v>94</v>
      </c>
      <c r="B52" s="67">
        <v>-28</v>
      </c>
      <c r="C52" s="68">
        <v>-4</v>
      </c>
      <c r="D52" s="68">
        <v>-24</v>
      </c>
      <c r="E52" s="67">
        <v>4</v>
      </c>
      <c r="F52" s="68">
        <v>4</v>
      </c>
      <c r="G52" s="69">
        <v>0</v>
      </c>
      <c r="H52" s="68">
        <v>237</v>
      </c>
      <c r="I52" s="68">
        <v>159</v>
      </c>
      <c r="J52" s="68">
        <v>78</v>
      </c>
      <c r="K52" s="67">
        <v>261</v>
      </c>
      <c r="L52" s="79">
        <v>159</v>
      </c>
      <c r="M52" s="80">
        <v>102</v>
      </c>
    </row>
    <row r="53" spans="1:13">
      <c r="A53" s="15" t="s">
        <v>96</v>
      </c>
      <c r="B53" s="67">
        <v>-14</v>
      </c>
      <c r="C53" s="68">
        <v>2</v>
      </c>
      <c r="D53" s="68">
        <v>-16</v>
      </c>
      <c r="E53" s="67">
        <v>0</v>
      </c>
      <c r="F53" s="68">
        <v>0</v>
      </c>
      <c r="G53" s="69">
        <v>0</v>
      </c>
      <c r="H53" s="68">
        <v>234</v>
      </c>
      <c r="I53" s="68">
        <v>163</v>
      </c>
      <c r="J53" s="68">
        <v>71</v>
      </c>
      <c r="K53" s="67">
        <v>248</v>
      </c>
      <c r="L53" s="79">
        <v>161</v>
      </c>
      <c r="M53" s="80">
        <v>87</v>
      </c>
    </row>
    <row r="54" spans="1:13" ht="21" customHeight="1">
      <c r="A54" s="36" t="s">
        <v>98</v>
      </c>
      <c r="B54" s="64">
        <v>-179</v>
      </c>
      <c r="C54" s="65">
        <v>-135</v>
      </c>
      <c r="D54" s="65">
        <v>-44</v>
      </c>
      <c r="E54" s="64">
        <v>16</v>
      </c>
      <c r="F54" s="65">
        <v>11</v>
      </c>
      <c r="G54" s="66">
        <v>5</v>
      </c>
      <c r="H54" s="65">
        <v>776</v>
      </c>
      <c r="I54" s="65">
        <v>524</v>
      </c>
      <c r="J54" s="65">
        <v>252</v>
      </c>
      <c r="K54" s="64">
        <v>939</v>
      </c>
      <c r="L54" s="77">
        <v>648</v>
      </c>
      <c r="M54" s="78">
        <v>291</v>
      </c>
    </row>
    <row r="55" spans="1:13">
      <c r="A55" s="15" t="s">
        <v>100</v>
      </c>
      <c r="B55" s="67">
        <v>-2</v>
      </c>
      <c r="C55" s="68">
        <v>-13</v>
      </c>
      <c r="D55" s="68">
        <v>11</v>
      </c>
      <c r="E55" s="67">
        <v>3</v>
      </c>
      <c r="F55" s="68">
        <v>3</v>
      </c>
      <c r="G55" s="69">
        <v>0</v>
      </c>
      <c r="H55" s="68">
        <v>209</v>
      </c>
      <c r="I55" s="68">
        <v>138</v>
      </c>
      <c r="J55" s="68">
        <v>71</v>
      </c>
      <c r="K55" s="67">
        <v>208</v>
      </c>
      <c r="L55" s="79">
        <v>148</v>
      </c>
      <c r="M55" s="80">
        <v>60</v>
      </c>
    </row>
    <row r="56" spans="1:13">
      <c r="A56" s="15" t="s">
        <v>102</v>
      </c>
      <c r="B56" s="67">
        <v>-36</v>
      </c>
      <c r="C56" s="68">
        <v>-40</v>
      </c>
      <c r="D56" s="68">
        <v>4</v>
      </c>
      <c r="E56" s="67">
        <v>4</v>
      </c>
      <c r="F56" s="68">
        <v>3</v>
      </c>
      <c r="G56" s="69">
        <v>1</v>
      </c>
      <c r="H56" s="68">
        <v>156</v>
      </c>
      <c r="I56" s="68">
        <v>97</v>
      </c>
      <c r="J56" s="68">
        <v>59</v>
      </c>
      <c r="K56" s="67">
        <v>188</v>
      </c>
      <c r="L56" s="79">
        <v>134</v>
      </c>
      <c r="M56" s="80">
        <v>54</v>
      </c>
    </row>
    <row r="57" spans="1:13">
      <c r="A57" s="15" t="s">
        <v>104</v>
      </c>
      <c r="B57" s="67">
        <v>-48</v>
      </c>
      <c r="C57" s="68">
        <v>-19</v>
      </c>
      <c r="D57" s="68">
        <v>-29</v>
      </c>
      <c r="E57" s="67">
        <v>6</v>
      </c>
      <c r="F57" s="68">
        <v>3</v>
      </c>
      <c r="G57" s="69">
        <v>3</v>
      </c>
      <c r="H57" s="68">
        <v>135</v>
      </c>
      <c r="I57" s="68">
        <v>105</v>
      </c>
      <c r="J57" s="68">
        <v>30</v>
      </c>
      <c r="K57" s="67">
        <v>177</v>
      </c>
      <c r="L57" s="79">
        <v>121</v>
      </c>
      <c r="M57" s="80">
        <v>56</v>
      </c>
    </row>
    <row r="58" spans="1:13">
      <c r="A58" s="15" t="s">
        <v>106</v>
      </c>
      <c r="B58" s="67">
        <v>-61</v>
      </c>
      <c r="C58" s="68">
        <v>-40</v>
      </c>
      <c r="D58" s="68">
        <v>-21</v>
      </c>
      <c r="E58" s="67">
        <v>0</v>
      </c>
      <c r="F58" s="68">
        <v>0</v>
      </c>
      <c r="G58" s="69">
        <v>0</v>
      </c>
      <c r="H58" s="68">
        <v>138</v>
      </c>
      <c r="I58" s="68">
        <v>94</v>
      </c>
      <c r="J58" s="68">
        <v>44</v>
      </c>
      <c r="K58" s="67">
        <v>199</v>
      </c>
      <c r="L58" s="79">
        <v>134</v>
      </c>
      <c r="M58" s="80">
        <v>65</v>
      </c>
    </row>
    <row r="59" spans="1:13">
      <c r="A59" s="15" t="s">
        <v>108</v>
      </c>
      <c r="B59" s="67">
        <v>-32</v>
      </c>
      <c r="C59" s="68">
        <v>-23</v>
      </c>
      <c r="D59" s="68">
        <v>-9</v>
      </c>
      <c r="E59" s="67">
        <v>3</v>
      </c>
      <c r="F59" s="68">
        <v>2</v>
      </c>
      <c r="G59" s="69">
        <v>1</v>
      </c>
      <c r="H59" s="68">
        <v>138</v>
      </c>
      <c r="I59" s="68">
        <v>90</v>
      </c>
      <c r="J59" s="68">
        <v>48</v>
      </c>
      <c r="K59" s="67">
        <v>167</v>
      </c>
      <c r="L59" s="79">
        <v>111</v>
      </c>
      <c r="M59" s="80">
        <v>56</v>
      </c>
    </row>
    <row r="60" spans="1:13" ht="21" customHeight="1">
      <c r="A60" s="36" t="s">
        <v>110</v>
      </c>
      <c r="B60" s="64">
        <v>-120</v>
      </c>
      <c r="C60" s="65">
        <v>-62</v>
      </c>
      <c r="D60" s="65">
        <v>-58</v>
      </c>
      <c r="E60" s="64">
        <v>28</v>
      </c>
      <c r="F60" s="65">
        <v>20</v>
      </c>
      <c r="G60" s="66">
        <v>8</v>
      </c>
      <c r="H60" s="65">
        <v>598</v>
      </c>
      <c r="I60" s="65">
        <v>416</v>
      </c>
      <c r="J60" s="65">
        <v>182</v>
      </c>
      <c r="K60" s="64">
        <v>690</v>
      </c>
      <c r="L60" s="77">
        <v>458</v>
      </c>
      <c r="M60" s="78">
        <v>232</v>
      </c>
    </row>
    <row r="61" spans="1:13">
      <c r="A61" s="15" t="s">
        <v>112</v>
      </c>
      <c r="B61" s="67">
        <v>-22</v>
      </c>
      <c r="C61" s="68">
        <v>-15</v>
      </c>
      <c r="D61" s="68">
        <v>-7</v>
      </c>
      <c r="E61" s="67">
        <v>3</v>
      </c>
      <c r="F61" s="68">
        <v>2</v>
      </c>
      <c r="G61" s="69">
        <v>1</v>
      </c>
      <c r="H61" s="68">
        <v>124</v>
      </c>
      <c r="I61" s="68">
        <v>85</v>
      </c>
      <c r="J61" s="68">
        <v>39</v>
      </c>
      <c r="K61" s="67">
        <v>143</v>
      </c>
      <c r="L61" s="79">
        <v>98</v>
      </c>
      <c r="M61" s="80">
        <v>45</v>
      </c>
    </row>
    <row r="62" spans="1:13">
      <c r="A62" s="15" t="s">
        <v>114</v>
      </c>
      <c r="B62" s="67">
        <v>-31</v>
      </c>
      <c r="C62" s="68">
        <v>-12</v>
      </c>
      <c r="D62" s="68">
        <v>-19</v>
      </c>
      <c r="E62" s="67">
        <v>3</v>
      </c>
      <c r="F62" s="68">
        <v>2</v>
      </c>
      <c r="G62" s="69">
        <v>1</v>
      </c>
      <c r="H62" s="68">
        <v>123</v>
      </c>
      <c r="I62" s="68">
        <v>82</v>
      </c>
      <c r="J62" s="68">
        <v>41</v>
      </c>
      <c r="K62" s="67">
        <v>151</v>
      </c>
      <c r="L62" s="79">
        <v>92</v>
      </c>
      <c r="M62" s="80">
        <v>59</v>
      </c>
    </row>
    <row r="63" spans="1:13">
      <c r="A63" s="15" t="s">
        <v>116</v>
      </c>
      <c r="B63" s="67">
        <v>-17</v>
      </c>
      <c r="C63" s="68">
        <v>-14</v>
      </c>
      <c r="D63" s="68">
        <v>-3</v>
      </c>
      <c r="E63" s="67">
        <v>5</v>
      </c>
      <c r="F63" s="68">
        <v>4</v>
      </c>
      <c r="G63" s="69">
        <v>1</v>
      </c>
      <c r="H63" s="68">
        <v>122</v>
      </c>
      <c r="I63" s="68">
        <v>86</v>
      </c>
      <c r="J63" s="68">
        <v>36</v>
      </c>
      <c r="K63" s="67">
        <v>134</v>
      </c>
      <c r="L63" s="79">
        <v>96</v>
      </c>
      <c r="M63" s="80">
        <v>38</v>
      </c>
    </row>
    <row r="64" spans="1:13">
      <c r="A64" s="15" t="s">
        <v>118</v>
      </c>
      <c r="B64" s="67">
        <v>-28</v>
      </c>
      <c r="C64" s="68">
        <v>-3</v>
      </c>
      <c r="D64" s="68">
        <v>-25</v>
      </c>
      <c r="E64" s="67">
        <v>10</v>
      </c>
      <c r="F64" s="68">
        <v>7</v>
      </c>
      <c r="G64" s="69">
        <v>3</v>
      </c>
      <c r="H64" s="68">
        <v>118</v>
      </c>
      <c r="I64" s="68">
        <v>89</v>
      </c>
      <c r="J64" s="68">
        <v>29</v>
      </c>
      <c r="K64" s="67">
        <v>136</v>
      </c>
      <c r="L64" s="79">
        <v>85</v>
      </c>
      <c r="M64" s="80">
        <v>51</v>
      </c>
    </row>
    <row r="65" spans="1:13">
      <c r="A65" s="19" t="s">
        <v>120</v>
      </c>
      <c r="B65" s="70">
        <v>-22</v>
      </c>
      <c r="C65" s="71">
        <v>-18</v>
      </c>
      <c r="D65" s="71">
        <v>-4</v>
      </c>
      <c r="E65" s="70">
        <v>7</v>
      </c>
      <c r="F65" s="71">
        <v>5</v>
      </c>
      <c r="G65" s="72">
        <v>2</v>
      </c>
      <c r="H65" s="71">
        <v>111</v>
      </c>
      <c r="I65" s="71">
        <v>74</v>
      </c>
      <c r="J65" s="71">
        <v>37</v>
      </c>
      <c r="K65" s="70">
        <v>126</v>
      </c>
      <c r="L65" s="81">
        <v>87</v>
      </c>
      <c r="M65" s="82">
        <v>39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392</v>
      </c>
      <c r="C69" s="50">
        <v>709</v>
      </c>
      <c r="D69" s="84">
        <v>683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7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24</v>
      </c>
      <c r="C75" s="65">
        <v>-90</v>
      </c>
      <c r="D75" s="65">
        <v>-34</v>
      </c>
      <c r="E75" s="64">
        <v>64</v>
      </c>
      <c r="F75" s="65">
        <v>44</v>
      </c>
      <c r="G75" s="66">
        <v>20</v>
      </c>
      <c r="H75" s="65">
        <v>521</v>
      </c>
      <c r="I75" s="65">
        <v>339</v>
      </c>
      <c r="J75" s="65">
        <v>182</v>
      </c>
      <c r="K75" s="64">
        <v>581</v>
      </c>
      <c r="L75" s="77">
        <v>385</v>
      </c>
      <c r="M75" s="78">
        <v>196</v>
      </c>
    </row>
    <row r="76" spans="1:13">
      <c r="A76" s="27" t="s">
        <v>5</v>
      </c>
      <c r="B76" s="67">
        <v>-39</v>
      </c>
      <c r="C76" s="68">
        <v>-27</v>
      </c>
      <c r="D76" s="68">
        <v>-12</v>
      </c>
      <c r="E76" s="67">
        <v>11</v>
      </c>
      <c r="F76" s="68">
        <v>8</v>
      </c>
      <c r="G76" s="69">
        <v>3</v>
      </c>
      <c r="H76" s="68">
        <v>108</v>
      </c>
      <c r="I76" s="68">
        <v>70</v>
      </c>
      <c r="J76" s="68">
        <v>38</v>
      </c>
      <c r="K76" s="67">
        <v>136</v>
      </c>
      <c r="L76" s="79">
        <v>89</v>
      </c>
      <c r="M76" s="80">
        <v>47</v>
      </c>
    </row>
    <row r="77" spans="1:13">
      <c r="A77" s="27" t="s">
        <v>7</v>
      </c>
      <c r="B77" s="67">
        <v>-6</v>
      </c>
      <c r="C77" s="68">
        <v>-4</v>
      </c>
      <c r="D77" s="68">
        <v>-2</v>
      </c>
      <c r="E77" s="67">
        <v>10</v>
      </c>
      <c r="F77" s="68">
        <v>8</v>
      </c>
      <c r="G77" s="69">
        <v>2</v>
      </c>
      <c r="H77" s="68">
        <v>119</v>
      </c>
      <c r="I77" s="68">
        <v>81</v>
      </c>
      <c r="J77" s="68">
        <v>38</v>
      </c>
      <c r="K77" s="67">
        <v>115</v>
      </c>
      <c r="L77" s="79">
        <v>77</v>
      </c>
      <c r="M77" s="80">
        <v>38</v>
      </c>
    </row>
    <row r="78" spans="1:13">
      <c r="A78" s="27" t="s">
        <v>9</v>
      </c>
      <c r="B78" s="67">
        <v>-33</v>
      </c>
      <c r="C78" s="68">
        <v>-31</v>
      </c>
      <c r="D78" s="68">
        <v>-2</v>
      </c>
      <c r="E78" s="67">
        <v>11</v>
      </c>
      <c r="F78" s="68">
        <v>6</v>
      </c>
      <c r="G78" s="69">
        <v>5</v>
      </c>
      <c r="H78" s="68">
        <v>100</v>
      </c>
      <c r="I78" s="68">
        <v>61</v>
      </c>
      <c r="J78" s="68">
        <v>39</v>
      </c>
      <c r="K78" s="67">
        <v>122</v>
      </c>
      <c r="L78" s="79">
        <v>86</v>
      </c>
      <c r="M78" s="80">
        <v>36</v>
      </c>
    </row>
    <row r="79" spans="1:13">
      <c r="A79" s="27" t="s">
        <v>11</v>
      </c>
      <c r="B79" s="67">
        <v>-27</v>
      </c>
      <c r="C79" s="68">
        <v>-23</v>
      </c>
      <c r="D79" s="68">
        <v>-4</v>
      </c>
      <c r="E79" s="67">
        <v>10</v>
      </c>
      <c r="F79" s="68">
        <v>7</v>
      </c>
      <c r="G79" s="69">
        <v>3</v>
      </c>
      <c r="H79" s="68">
        <v>96</v>
      </c>
      <c r="I79" s="68">
        <v>60</v>
      </c>
      <c r="J79" s="68">
        <v>36</v>
      </c>
      <c r="K79" s="67">
        <v>113</v>
      </c>
      <c r="L79" s="79">
        <v>76</v>
      </c>
      <c r="M79" s="80">
        <v>37</v>
      </c>
    </row>
    <row r="80" spans="1:13">
      <c r="A80" s="27" t="s">
        <v>13</v>
      </c>
      <c r="B80" s="67">
        <v>-19</v>
      </c>
      <c r="C80" s="68">
        <v>-5</v>
      </c>
      <c r="D80" s="68">
        <v>-14</v>
      </c>
      <c r="E80" s="67">
        <v>22</v>
      </c>
      <c r="F80" s="68">
        <v>15</v>
      </c>
      <c r="G80" s="69">
        <v>7</v>
      </c>
      <c r="H80" s="68">
        <v>98</v>
      </c>
      <c r="I80" s="68">
        <v>67</v>
      </c>
      <c r="J80" s="68">
        <v>31</v>
      </c>
      <c r="K80" s="67">
        <v>95</v>
      </c>
      <c r="L80" s="79">
        <v>57</v>
      </c>
      <c r="M80" s="80">
        <v>38</v>
      </c>
    </row>
    <row r="81" spans="1:13" ht="21" customHeight="1">
      <c r="A81" s="38" t="s">
        <v>15</v>
      </c>
      <c r="B81" s="64">
        <v>-139</v>
      </c>
      <c r="C81" s="65">
        <v>-107</v>
      </c>
      <c r="D81" s="65">
        <v>-32</v>
      </c>
      <c r="E81" s="64">
        <v>83</v>
      </c>
      <c r="F81" s="65">
        <v>57</v>
      </c>
      <c r="G81" s="66">
        <v>26</v>
      </c>
      <c r="H81" s="65">
        <v>366</v>
      </c>
      <c r="I81" s="65">
        <v>230</v>
      </c>
      <c r="J81" s="65">
        <v>136</v>
      </c>
      <c r="K81" s="64">
        <v>422</v>
      </c>
      <c r="L81" s="77">
        <v>280</v>
      </c>
      <c r="M81" s="78">
        <v>142</v>
      </c>
    </row>
    <row r="82" spans="1:13">
      <c r="A82" s="27" t="s">
        <v>17</v>
      </c>
      <c r="B82" s="67">
        <v>-40</v>
      </c>
      <c r="C82" s="68">
        <v>-42</v>
      </c>
      <c r="D82" s="68">
        <v>2</v>
      </c>
      <c r="E82" s="67">
        <v>20</v>
      </c>
      <c r="F82" s="68">
        <v>15</v>
      </c>
      <c r="G82" s="69">
        <v>5</v>
      </c>
      <c r="H82" s="68">
        <v>79</v>
      </c>
      <c r="I82" s="68">
        <v>45</v>
      </c>
      <c r="J82" s="68">
        <v>34</v>
      </c>
      <c r="K82" s="67">
        <v>99</v>
      </c>
      <c r="L82" s="79">
        <v>72</v>
      </c>
      <c r="M82" s="80">
        <v>27</v>
      </c>
    </row>
    <row r="83" spans="1:13">
      <c r="A83" s="27" t="s">
        <v>19</v>
      </c>
      <c r="B83" s="67">
        <v>-28</v>
      </c>
      <c r="C83" s="68">
        <v>-10</v>
      </c>
      <c r="D83" s="68">
        <v>-18</v>
      </c>
      <c r="E83" s="67">
        <v>12</v>
      </c>
      <c r="F83" s="68">
        <v>4</v>
      </c>
      <c r="G83" s="69">
        <v>8</v>
      </c>
      <c r="H83" s="68">
        <v>73</v>
      </c>
      <c r="I83" s="68">
        <v>47</v>
      </c>
      <c r="J83" s="68">
        <v>26</v>
      </c>
      <c r="K83" s="67">
        <v>89</v>
      </c>
      <c r="L83" s="79">
        <v>53</v>
      </c>
      <c r="M83" s="80">
        <v>36</v>
      </c>
    </row>
    <row r="84" spans="1:13">
      <c r="A84" s="27" t="s">
        <v>21</v>
      </c>
      <c r="B84" s="67">
        <v>-29</v>
      </c>
      <c r="C84" s="68">
        <v>-19</v>
      </c>
      <c r="D84" s="68">
        <v>-10</v>
      </c>
      <c r="E84" s="67">
        <v>10</v>
      </c>
      <c r="F84" s="68">
        <v>9</v>
      </c>
      <c r="G84" s="69">
        <v>1</v>
      </c>
      <c r="H84" s="68">
        <v>69</v>
      </c>
      <c r="I84" s="68">
        <v>45</v>
      </c>
      <c r="J84" s="68">
        <v>24</v>
      </c>
      <c r="K84" s="67">
        <v>88</v>
      </c>
      <c r="L84" s="79">
        <v>55</v>
      </c>
      <c r="M84" s="80">
        <v>33</v>
      </c>
    </row>
    <row r="85" spans="1:13">
      <c r="A85" s="27" t="s">
        <v>23</v>
      </c>
      <c r="B85" s="67">
        <v>-20</v>
      </c>
      <c r="C85" s="68">
        <v>-24</v>
      </c>
      <c r="D85" s="68">
        <v>4</v>
      </c>
      <c r="E85" s="67">
        <v>18</v>
      </c>
      <c r="F85" s="68">
        <v>15</v>
      </c>
      <c r="G85" s="69">
        <v>3</v>
      </c>
      <c r="H85" s="68">
        <v>73</v>
      </c>
      <c r="I85" s="68">
        <v>43</v>
      </c>
      <c r="J85" s="68">
        <v>30</v>
      </c>
      <c r="K85" s="67">
        <v>75</v>
      </c>
      <c r="L85" s="79">
        <v>52</v>
      </c>
      <c r="M85" s="80">
        <v>23</v>
      </c>
    </row>
    <row r="86" spans="1:13">
      <c r="A86" s="27" t="s">
        <v>25</v>
      </c>
      <c r="B86" s="67">
        <v>-22</v>
      </c>
      <c r="C86" s="68">
        <v>-12</v>
      </c>
      <c r="D86" s="68">
        <v>-10</v>
      </c>
      <c r="E86" s="67">
        <v>23</v>
      </c>
      <c r="F86" s="68">
        <v>14</v>
      </c>
      <c r="G86" s="69">
        <v>9</v>
      </c>
      <c r="H86" s="68">
        <v>72</v>
      </c>
      <c r="I86" s="68">
        <v>50</v>
      </c>
      <c r="J86" s="68">
        <v>22</v>
      </c>
      <c r="K86" s="67">
        <v>71</v>
      </c>
      <c r="L86" s="79">
        <v>48</v>
      </c>
      <c r="M86" s="80">
        <v>23</v>
      </c>
    </row>
    <row r="87" spans="1:13" ht="21" customHeight="1">
      <c r="A87" s="38" t="s">
        <v>27</v>
      </c>
      <c r="B87" s="64">
        <v>-79</v>
      </c>
      <c r="C87" s="65">
        <v>-61</v>
      </c>
      <c r="D87" s="65">
        <v>-18</v>
      </c>
      <c r="E87" s="64">
        <v>91</v>
      </c>
      <c r="F87" s="65">
        <v>68</v>
      </c>
      <c r="G87" s="66">
        <v>23</v>
      </c>
      <c r="H87" s="65">
        <v>299</v>
      </c>
      <c r="I87" s="65">
        <v>200</v>
      </c>
      <c r="J87" s="65">
        <v>99</v>
      </c>
      <c r="K87" s="64">
        <v>287</v>
      </c>
      <c r="L87" s="77">
        <v>193</v>
      </c>
      <c r="M87" s="78">
        <v>94</v>
      </c>
    </row>
    <row r="88" spans="1:13">
      <c r="A88" s="27" t="s">
        <v>29</v>
      </c>
      <c r="B88" s="67">
        <v>-32</v>
      </c>
      <c r="C88" s="68">
        <v>-21</v>
      </c>
      <c r="D88" s="68">
        <v>-11</v>
      </c>
      <c r="E88" s="67">
        <v>28</v>
      </c>
      <c r="F88" s="68">
        <v>21</v>
      </c>
      <c r="G88" s="69">
        <v>7</v>
      </c>
      <c r="H88" s="68">
        <v>74</v>
      </c>
      <c r="I88" s="68">
        <v>50</v>
      </c>
      <c r="J88" s="68">
        <v>24</v>
      </c>
      <c r="K88" s="67">
        <v>78</v>
      </c>
      <c r="L88" s="79">
        <v>50</v>
      </c>
      <c r="M88" s="80">
        <v>28</v>
      </c>
    </row>
    <row r="89" spans="1:13">
      <c r="A89" s="27" t="s">
        <v>31</v>
      </c>
      <c r="B89" s="67">
        <v>-3</v>
      </c>
      <c r="C89" s="68">
        <v>-7</v>
      </c>
      <c r="D89" s="68">
        <v>4</v>
      </c>
      <c r="E89" s="67">
        <v>15</v>
      </c>
      <c r="F89" s="68">
        <v>13</v>
      </c>
      <c r="G89" s="69">
        <v>2</v>
      </c>
      <c r="H89" s="68">
        <v>63</v>
      </c>
      <c r="I89" s="68">
        <v>43</v>
      </c>
      <c r="J89" s="68">
        <v>20</v>
      </c>
      <c r="K89" s="67">
        <v>51</v>
      </c>
      <c r="L89" s="79">
        <v>37</v>
      </c>
      <c r="M89" s="80">
        <v>14</v>
      </c>
    </row>
    <row r="90" spans="1:13">
      <c r="A90" s="27" t="s">
        <v>33</v>
      </c>
      <c r="B90" s="67">
        <v>-9</v>
      </c>
      <c r="C90" s="68">
        <v>-9</v>
      </c>
      <c r="D90" s="68">
        <v>0</v>
      </c>
      <c r="E90" s="67">
        <v>15</v>
      </c>
      <c r="F90" s="68">
        <v>9</v>
      </c>
      <c r="G90" s="69">
        <v>6</v>
      </c>
      <c r="H90" s="68">
        <v>61</v>
      </c>
      <c r="I90" s="68">
        <v>42</v>
      </c>
      <c r="J90" s="68">
        <v>19</v>
      </c>
      <c r="K90" s="67">
        <v>55</v>
      </c>
      <c r="L90" s="79">
        <v>42</v>
      </c>
      <c r="M90" s="80">
        <v>13</v>
      </c>
    </row>
    <row r="91" spans="1:13">
      <c r="A91" s="27" t="s">
        <v>35</v>
      </c>
      <c r="B91" s="67">
        <v>-16</v>
      </c>
      <c r="C91" s="68">
        <v>-15</v>
      </c>
      <c r="D91" s="68">
        <v>-1</v>
      </c>
      <c r="E91" s="67">
        <v>21</v>
      </c>
      <c r="F91" s="68">
        <v>15</v>
      </c>
      <c r="G91" s="69">
        <v>6</v>
      </c>
      <c r="H91" s="68">
        <v>57</v>
      </c>
      <c r="I91" s="68">
        <v>38</v>
      </c>
      <c r="J91" s="68">
        <v>19</v>
      </c>
      <c r="K91" s="67">
        <v>52</v>
      </c>
      <c r="L91" s="79">
        <v>38</v>
      </c>
      <c r="M91" s="80">
        <v>14</v>
      </c>
    </row>
    <row r="92" spans="1:13">
      <c r="A92" s="27" t="s">
        <v>37</v>
      </c>
      <c r="B92" s="67">
        <v>-19</v>
      </c>
      <c r="C92" s="68">
        <v>-9</v>
      </c>
      <c r="D92" s="68">
        <v>-10</v>
      </c>
      <c r="E92" s="67">
        <v>12</v>
      </c>
      <c r="F92" s="68">
        <v>10</v>
      </c>
      <c r="G92" s="69">
        <v>2</v>
      </c>
      <c r="H92" s="68">
        <v>44</v>
      </c>
      <c r="I92" s="68">
        <v>27</v>
      </c>
      <c r="J92" s="68">
        <v>17</v>
      </c>
      <c r="K92" s="67">
        <v>51</v>
      </c>
      <c r="L92" s="79">
        <v>26</v>
      </c>
      <c r="M92" s="80">
        <v>25</v>
      </c>
    </row>
    <row r="93" spans="1:13" ht="21" customHeight="1">
      <c r="A93" s="38" t="s">
        <v>39</v>
      </c>
      <c r="B93" s="64">
        <v>-203</v>
      </c>
      <c r="C93" s="65">
        <v>-132</v>
      </c>
      <c r="D93" s="65">
        <v>-71</v>
      </c>
      <c r="E93" s="64">
        <v>149</v>
      </c>
      <c r="F93" s="65">
        <v>107</v>
      </c>
      <c r="G93" s="66">
        <v>42</v>
      </c>
      <c r="H93" s="65">
        <v>189</v>
      </c>
      <c r="I93" s="65">
        <v>126</v>
      </c>
      <c r="J93" s="65">
        <v>63</v>
      </c>
      <c r="K93" s="64">
        <v>243</v>
      </c>
      <c r="L93" s="77">
        <v>151</v>
      </c>
      <c r="M93" s="78">
        <v>92</v>
      </c>
    </row>
    <row r="94" spans="1:13">
      <c r="A94" s="27" t="s">
        <v>41</v>
      </c>
      <c r="B94" s="67">
        <v>-21</v>
      </c>
      <c r="C94" s="68">
        <v>-10</v>
      </c>
      <c r="D94" s="68">
        <v>-11</v>
      </c>
      <c r="E94" s="67">
        <v>19</v>
      </c>
      <c r="F94" s="68">
        <v>11</v>
      </c>
      <c r="G94" s="69">
        <v>8</v>
      </c>
      <c r="H94" s="68">
        <v>59</v>
      </c>
      <c r="I94" s="68">
        <v>42</v>
      </c>
      <c r="J94" s="68">
        <v>17</v>
      </c>
      <c r="K94" s="67">
        <v>61</v>
      </c>
      <c r="L94" s="79">
        <v>41</v>
      </c>
      <c r="M94" s="80">
        <v>20</v>
      </c>
    </row>
    <row r="95" spans="1:13">
      <c r="A95" s="27" t="s">
        <v>43</v>
      </c>
      <c r="B95" s="67">
        <v>-20</v>
      </c>
      <c r="C95" s="68">
        <v>-14</v>
      </c>
      <c r="D95" s="68">
        <v>-6</v>
      </c>
      <c r="E95" s="67">
        <v>26</v>
      </c>
      <c r="F95" s="68">
        <v>21</v>
      </c>
      <c r="G95" s="69">
        <v>5</v>
      </c>
      <c r="H95" s="68">
        <v>42</v>
      </c>
      <c r="I95" s="68">
        <v>27</v>
      </c>
      <c r="J95" s="68">
        <v>15</v>
      </c>
      <c r="K95" s="67">
        <v>36</v>
      </c>
      <c r="L95" s="79">
        <v>20</v>
      </c>
      <c r="M95" s="80">
        <v>16</v>
      </c>
    </row>
    <row r="96" spans="1:13">
      <c r="A96" s="27" t="s">
        <v>45</v>
      </c>
      <c r="B96" s="67">
        <v>-55</v>
      </c>
      <c r="C96" s="68">
        <v>-33</v>
      </c>
      <c r="D96" s="68">
        <v>-22</v>
      </c>
      <c r="E96" s="67">
        <v>29</v>
      </c>
      <c r="F96" s="68">
        <v>23</v>
      </c>
      <c r="G96" s="69">
        <v>6</v>
      </c>
      <c r="H96" s="68">
        <v>30</v>
      </c>
      <c r="I96" s="68">
        <v>21</v>
      </c>
      <c r="J96" s="68">
        <v>9</v>
      </c>
      <c r="K96" s="67">
        <v>56</v>
      </c>
      <c r="L96" s="79">
        <v>31</v>
      </c>
      <c r="M96" s="80">
        <v>25</v>
      </c>
    </row>
    <row r="97" spans="1:13">
      <c r="A97" s="27" t="s">
        <v>47</v>
      </c>
      <c r="B97" s="67">
        <v>-39</v>
      </c>
      <c r="C97" s="68">
        <v>-25</v>
      </c>
      <c r="D97" s="68">
        <v>-14</v>
      </c>
      <c r="E97" s="67">
        <v>33</v>
      </c>
      <c r="F97" s="68">
        <v>24</v>
      </c>
      <c r="G97" s="69">
        <v>9</v>
      </c>
      <c r="H97" s="68">
        <v>35</v>
      </c>
      <c r="I97" s="68">
        <v>22</v>
      </c>
      <c r="J97" s="68">
        <v>13</v>
      </c>
      <c r="K97" s="67">
        <v>41</v>
      </c>
      <c r="L97" s="79">
        <v>23</v>
      </c>
      <c r="M97" s="80">
        <v>18</v>
      </c>
    </row>
    <row r="98" spans="1:13">
      <c r="A98" s="27" t="s">
        <v>49</v>
      </c>
      <c r="B98" s="67">
        <v>-68</v>
      </c>
      <c r="C98" s="68">
        <v>-50</v>
      </c>
      <c r="D98" s="68">
        <v>-18</v>
      </c>
      <c r="E98" s="67">
        <v>42</v>
      </c>
      <c r="F98" s="68">
        <v>28</v>
      </c>
      <c r="G98" s="69">
        <v>14</v>
      </c>
      <c r="H98" s="68">
        <v>23</v>
      </c>
      <c r="I98" s="68">
        <v>14</v>
      </c>
      <c r="J98" s="68">
        <v>9</v>
      </c>
      <c r="K98" s="67">
        <v>49</v>
      </c>
      <c r="L98" s="79">
        <v>36</v>
      </c>
      <c r="M98" s="80">
        <v>13</v>
      </c>
    </row>
    <row r="99" spans="1:13" ht="21" customHeight="1">
      <c r="A99" s="38" t="s">
        <v>51</v>
      </c>
      <c r="B99" s="64">
        <v>-393</v>
      </c>
      <c r="C99" s="65">
        <v>-312</v>
      </c>
      <c r="D99" s="65">
        <v>-81</v>
      </c>
      <c r="E99" s="64">
        <v>327</v>
      </c>
      <c r="F99" s="65">
        <v>260</v>
      </c>
      <c r="G99" s="66">
        <v>67</v>
      </c>
      <c r="H99" s="65">
        <v>156</v>
      </c>
      <c r="I99" s="65">
        <v>88</v>
      </c>
      <c r="J99" s="65">
        <v>68</v>
      </c>
      <c r="K99" s="64">
        <v>222</v>
      </c>
      <c r="L99" s="77">
        <v>140</v>
      </c>
      <c r="M99" s="78">
        <v>82</v>
      </c>
    </row>
    <row r="100" spans="1:13">
      <c r="A100" s="27" t="s">
        <v>53</v>
      </c>
      <c r="B100" s="67">
        <v>-63</v>
      </c>
      <c r="C100" s="68">
        <v>-50</v>
      </c>
      <c r="D100" s="68">
        <v>-13</v>
      </c>
      <c r="E100" s="67">
        <v>47</v>
      </c>
      <c r="F100" s="68">
        <v>39</v>
      </c>
      <c r="G100" s="69">
        <v>8</v>
      </c>
      <c r="H100" s="68">
        <v>32</v>
      </c>
      <c r="I100" s="68">
        <v>16</v>
      </c>
      <c r="J100" s="68">
        <v>16</v>
      </c>
      <c r="K100" s="67">
        <v>48</v>
      </c>
      <c r="L100" s="79">
        <v>27</v>
      </c>
      <c r="M100" s="80">
        <v>21</v>
      </c>
    </row>
    <row r="101" spans="1:13">
      <c r="A101" s="27" t="s">
        <v>55</v>
      </c>
      <c r="B101" s="67">
        <v>-53</v>
      </c>
      <c r="C101" s="68">
        <v>-48</v>
      </c>
      <c r="D101" s="68">
        <v>-5</v>
      </c>
      <c r="E101" s="67">
        <v>52</v>
      </c>
      <c r="F101" s="68">
        <v>40</v>
      </c>
      <c r="G101" s="69">
        <v>12</v>
      </c>
      <c r="H101" s="68">
        <v>34</v>
      </c>
      <c r="I101" s="68">
        <v>19</v>
      </c>
      <c r="J101" s="68">
        <v>15</v>
      </c>
      <c r="K101" s="67">
        <v>35</v>
      </c>
      <c r="L101" s="79">
        <v>27</v>
      </c>
      <c r="M101" s="80">
        <v>8</v>
      </c>
    </row>
    <row r="102" spans="1:13">
      <c r="A102" s="27" t="s">
        <v>57</v>
      </c>
      <c r="B102" s="67">
        <v>-77</v>
      </c>
      <c r="C102" s="68">
        <v>-55</v>
      </c>
      <c r="D102" s="68">
        <v>-22</v>
      </c>
      <c r="E102" s="67">
        <v>65</v>
      </c>
      <c r="F102" s="68">
        <v>53</v>
      </c>
      <c r="G102" s="69">
        <v>12</v>
      </c>
      <c r="H102" s="68">
        <v>32</v>
      </c>
      <c r="I102" s="68">
        <v>20</v>
      </c>
      <c r="J102" s="68">
        <v>12</v>
      </c>
      <c r="K102" s="67">
        <v>44</v>
      </c>
      <c r="L102" s="79">
        <v>22</v>
      </c>
      <c r="M102" s="80">
        <v>22</v>
      </c>
    </row>
    <row r="103" spans="1:13">
      <c r="A103" s="27" t="s">
        <v>59</v>
      </c>
      <c r="B103" s="67">
        <v>-101</v>
      </c>
      <c r="C103" s="68">
        <v>-81</v>
      </c>
      <c r="D103" s="68">
        <v>-20</v>
      </c>
      <c r="E103" s="67">
        <v>81</v>
      </c>
      <c r="F103" s="68">
        <v>61</v>
      </c>
      <c r="G103" s="69">
        <v>20</v>
      </c>
      <c r="H103" s="68">
        <v>30</v>
      </c>
      <c r="I103" s="68">
        <v>17</v>
      </c>
      <c r="J103" s="68">
        <v>13</v>
      </c>
      <c r="K103" s="67">
        <v>50</v>
      </c>
      <c r="L103" s="79">
        <v>37</v>
      </c>
      <c r="M103" s="80">
        <v>13</v>
      </c>
    </row>
    <row r="104" spans="1:13">
      <c r="A104" s="27" t="s">
        <v>61</v>
      </c>
      <c r="B104" s="67">
        <v>-99</v>
      </c>
      <c r="C104" s="68">
        <v>-78</v>
      </c>
      <c r="D104" s="68">
        <v>-21</v>
      </c>
      <c r="E104" s="67">
        <v>82</v>
      </c>
      <c r="F104" s="68">
        <v>67</v>
      </c>
      <c r="G104" s="69">
        <v>15</v>
      </c>
      <c r="H104" s="68">
        <v>28</v>
      </c>
      <c r="I104" s="68">
        <v>16</v>
      </c>
      <c r="J104" s="68">
        <v>12</v>
      </c>
      <c r="K104" s="67">
        <v>45</v>
      </c>
      <c r="L104" s="79">
        <v>27</v>
      </c>
      <c r="M104" s="80">
        <v>18</v>
      </c>
    </row>
    <row r="105" spans="1:13" ht="21" customHeight="1">
      <c r="A105" s="38" t="s">
        <v>63</v>
      </c>
      <c r="B105" s="64">
        <v>-371</v>
      </c>
      <c r="C105" s="65">
        <v>-252</v>
      </c>
      <c r="D105" s="65">
        <v>-119</v>
      </c>
      <c r="E105" s="64">
        <v>330</v>
      </c>
      <c r="F105" s="65">
        <v>223</v>
      </c>
      <c r="G105" s="66">
        <v>107</v>
      </c>
      <c r="H105" s="65">
        <v>120</v>
      </c>
      <c r="I105" s="65">
        <v>67</v>
      </c>
      <c r="J105" s="65">
        <v>53</v>
      </c>
      <c r="K105" s="64">
        <v>161</v>
      </c>
      <c r="L105" s="77">
        <v>96</v>
      </c>
      <c r="M105" s="78">
        <v>65</v>
      </c>
    </row>
    <row r="106" spans="1:13">
      <c r="A106" s="27" t="s">
        <v>65</v>
      </c>
      <c r="B106" s="67">
        <v>-81</v>
      </c>
      <c r="C106" s="68">
        <v>-54</v>
      </c>
      <c r="D106" s="68">
        <v>-27</v>
      </c>
      <c r="E106" s="67">
        <v>76</v>
      </c>
      <c r="F106" s="68">
        <v>52</v>
      </c>
      <c r="G106" s="69">
        <v>24</v>
      </c>
      <c r="H106" s="68">
        <v>41</v>
      </c>
      <c r="I106" s="68">
        <v>28</v>
      </c>
      <c r="J106" s="68">
        <v>13</v>
      </c>
      <c r="K106" s="67">
        <v>46</v>
      </c>
      <c r="L106" s="79">
        <v>30</v>
      </c>
      <c r="M106" s="80">
        <v>16</v>
      </c>
    </row>
    <row r="107" spans="1:13">
      <c r="A107" s="27" t="s">
        <v>67</v>
      </c>
      <c r="B107" s="67">
        <v>-58</v>
      </c>
      <c r="C107" s="68">
        <v>-42</v>
      </c>
      <c r="D107" s="68">
        <v>-16</v>
      </c>
      <c r="E107" s="67">
        <v>49</v>
      </c>
      <c r="F107" s="68">
        <v>34</v>
      </c>
      <c r="G107" s="69">
        <v>15</v>
      </c>
      <c r="H107" s="68">
        <v>16</v>
      </c>
      <c r="I107" s="68">
        <v>8</v>
      </c>
      <c r="J107" s="68">
        <v>8</v>
      </c>
      <c r="K107" s="67">
        <v>25</v>
      </c>
      <c r="L107" s="79">
        <v>16</v>
      </c>
      <c r="M107" s="80">
        <v>9</v>
      </c>
    </row>
    <row r="108" spans="1:13">
      <c r="A108" s="27" t="s">
        <v>69</v>
      </c>
      <c r="B108" s="67">
        <v>-72</v>
      </c>
      <c r="C108" s="68">
        <v>-52</v>
      </c>
      <c r="D108" s="68">
        <v>-20</v>
      </c>
      <c r="E108" s="67">
        <v>63</v>
      </c>
      <c r="F108" s="68">
        <v>45</v>
      </c>
      <c r="G108" s="69">
        <v>18</v>
      </c>
      <c r="H108" s="68">
        <v>21</v>
      </c>
      <c r="I108" s="68">
        <v>14</v>
      </c>
      <c r="J108" s="68">
        <v>7</v>
      </c>
      <c r="K108" s="67">
        <v>30</v>
      </c>
      <c r="L108" s="79">
        <v>21</v>
      </c>
      <c r="M108" s="80">
        <v>9</v>
      </c>
    </row>
    <row r="109" spans="1:13">
      <c r="A109" s="27" t="s">
        <v>71</v>
      </c>
      <c r="B109" s="67">
        <v>-74</v>
      </c>
      <c r="C109" s="68">
        <v>-50</v>
      </c>
      <c r="D109" s="68">
        <v>-24</v>
      </c>
      <c r="E109" s="67">
        <v>69</v>
      </c>
      <c r="F109" s="68">
        <v>48</v>
      </c>
      <c r="G109" s="69">
        <v>21</v>
      </c>
      <c r="H109" s="68">
        <v>16</v>
      </c>
      <c r="I109" s="68">
        <v>5</v>
      </c>
      <c r="J109" s="68">
        <v>11</v>
      </c>
      <c r="K109" s="67">
        <v>21</v>
      </c>
      <c r="L109" s="79">
        <v>7</v>
      </c>
      <c r="M109" s="80">
        <v>14</v>
      </c>
    </row>
    <row r="110" spans="1:13">
      <c r="A110" s="27" t="s">
        <v>73</v>
      </c>
      <c r="B110" s="67">
        <v>-86</v>
      </c>
      <c r="C110" s="68">
        <v>-54</v>
      </c>
      <c r="D110" s="68">
        <v>-32</v>
      </c>
      <c r="E110" s="67">
        <v>73</v>
      </c>
      <c r="F110" s="68">
        <v>44</v>
      </c>
      <c r="G110" s="69">
        <v>29</v>
      </c>
      <c r="H110" s="68">
        <v>26</v>
      </c>
      <c r="I110" s="68">
        <v>12</v>
      </c>
      <c r="J110" s="68">
        <v>14</v>
      </c>
      <c r="K110" s="67">
        <v>39</v>
      </c>
      <c r="L110" s="79">
        <v>22</v>
      </c>
      <c r="M110" s="80">
        <v>17</v>
      </c>
    </row>
    <row r="111" spans="1:13" ht="21" customHeight="1">
      <c r="A111" s="38" t="s">
        <v>75</v>
      </c>
      <c r="B111" s="64">
        <v>-451</v>
      </c>
      <c r="C111" s="65">
        <v>-271</v>
      </c>
      <c r="D111" s="65">
        <v>-180</v>
      </c>
      <c r="E111" s="64">
        <v>451</v>
      </c>
      <c r="F111" s="65">
        <v>272</v>
      </c>
      <c r="G111" s="66">
        <v>179</v>
      </c>
      <c r="H111" s="65">
        <v>98</v>
      </c>
      <c r="I111" s="65">
        <v>47</v>
      </c>
      <c r="J111" s="65">
        <v>51</v>
      </c>
      <c r="K111" s="64">
        <v>98</v>
      </c>
      <c r="L111" s="77">
        <v>46</v>
      </c>
      <c r="M111" s="78">
        <v>52</v>
      </c>
    </row>
    <row r="112" spans="1:13">
      <c r="A112" s="27" t="s">
        <v>77</v>
      </c>
      <c r="B112" s="67">
        <v>-93</v>
      </c>
      <c r="C112" s="68">
        <v>-63</v>
      </c>
      <c r="D112" s="68">
        <v>-30</v>
      </c>
      <c r="E112" s="67">
        <v>90</v>
      </c>
      <c r="F112" s="68">
        <v>59</v>
      </c>
      <c r="G112" s="69">
        <v>31</v>
      </c>
      <c r="H112" s="68">
        <v>23</v>
      </c>
      <c r="I112" s="68">
        <v>9</v>
      </c>
      <c r="J112" s="68">
        <v>14</v>
      </c>
      <c r="K112" s="67">
        <v>26</v>
      </c>
      <c r="L112" s="79">
        <v>13</v>
      </c>
      <c r="M112" s="80">
        <v>13</v>
      </c>
    </row>
    <row r="113" spans="1:13">
      <c r="A113" s="27" t="s">
        <v>79</v>
      </c>
      <c r="B113" s="67">
        <v>-102</v>
      </c>
      <c r="C113" s="68">
        <v>-67</v>
      </c>
      <c r="D113" s="68">
        <v>-35</v>
      </c>
      <c r="E113" s="67">
        <v>108</v>
      </c>
      <c r="F113" s="68">
        <v>67</v>
      </c>
      <c r="G113" s="69">
        <v>41</v>
      </c>
      <c r="H113" s="68">
        <v>26</v>
      </c>
      <c r="I113" s="68">
        <v>12</v>
      </c>
      <c r="J113" s="68">
        <v>14</v>
      </c>
      <c r="K113" s="67">
        <v>20</v>
      </c>
      <c r="L113" s="79">
        <v>12</v>
      </c>
      <c r="M113" s="80">
        <v>8</v>
      </c>
    </row>
    <row r="114" spans="1:13">
      <c r="A114" s="27" t="s">
        <v>81</v>
      </c>
      <c r="B114" s="67">
        <v>-100</v>
      </c>
      <c r="C114" s="68">
        <v>-55</v>
      </c>
      <c r="D114" s="68">
        <v>-45</v>
      </c>
      <c r="E114" s="67">
        <v>97</v>
      </c>
      <c r="F114" s="68">
        <v>53</v>
      </c>
      <c r="G114" s="69">
        <v>44</v>
      </c>
      <c r="H114" s="68">
        <v>15</v>
      </c>
      <c r="I114" s="68">
        <v>6</v>
      </c>
      <c r="J114" s="68">
        <v>9</v>
      </c>
      <c r="K114" s="67">
        <v>18</v>
      </c>
      <c r="L114" s="79">
        <v>8</v>
      </c>
      <c r="M114" s="80">
        <v>10</v>
      </c>
    </row>
    <row r="115" spans="1:13">
      <c r="A115" s="27" t="s">
        <v>83</v>
      </c>
      <c r="B115" s="67">
        <v>-83</v>
      </c>
      <c r="C115" s="68">
        <v>-43</v>
      </c>
      <c r="D115" s="68">
        <v>-40</v>
      </c>
      <c r="E115" s="67">
        <v>83</v>
      </c>
      <c r="F115" s="68">
        <v>50</v>
      </c>
      <c r="G115" s="69">
        <v>33</v>
      </c>
      <c r="H115" s="68">
        <v>17</v>
      </c>
      <c r="I115" s="68">
        <v>11</v>
      </c>
      <c r="J115" s="68">
        <v>6</v>
      </c>
      <c r="K115" s="67">
        <v>17</v>
      </c>
      <c r="L115" s="79">
        <v>4</v>
      </c>
      <c r="M115" s="80">
        <v>13</v>
      </c>
    </row>
    <row r="116" spans="1:13">
      <c r="A116" s="27" t="s">
        <v>85</v>
      </c>
      <c r="B116" s="67">
        <v>-73</v>
      </c>
      <c r="C116" s="68">
        <v>-43</v>
      </c>
      <c r="D116" s="68">
        <v>-30</v>
      </c>
      <c r="E116" s="67">
        <v>73</v>
      </c>
      <c r="F116" s="68">
        <v>43</v>
      </c>
      <c r="G116" s="69">
        <v>30</v>
      </c>
      <c r="H116" s="68">
        <v>17</v>
      </c>
      <c r="I116" s="68">
        <v>9</v>
      </c>
      <c r="J116" s="68">
        <v>8</v>
      </c>
      <c r="K116" s="67">
        <v>17</v>
      </c>
      <c r="L116" s="79">
        <v>9</v>
      </c>
      <c r="M116" s="80">
        <v>8</v>
      </c>
    </row>
    <row r="117" spans="1:13" ht="21" customHeight="1">
      <c r="A117" s="38" t="s">
        <v>87</v>
      </c>
      <c r="B117" s="64">
        <v>-483</v>
      </c>
      <c r="C117" s="65">
        <v>-262</v>
      </c>
      <c r="D117" s="65">
        <v>-221</v>
      </c>
      <c r="E117" s="64">
        <v>492</v>
      </c>
      <c r="F117" s="65">
        <v>258</v>
      </c>
      <c r="G117" s="66">
        <v>234</v>
      </c>
      <c r="H117" s="65">
        <v>86</v>
      </c>
      <c r="I117" s="65">
        <v>29</v>
      </c>
      <c r="J117" s="65">
        <v>57</v>
      </c>
      <c r="K117" s="64">
        <v>77</v>
      </c>
      <c r="L117" s="77">
        <v>33</v>
      </c>
      <c r="M117" s="78">
        <v>44</v>
      </c>
    </row>
    <row r="118" spans="1:13">
      <c r="A118" s="27" t="s">
        <v>89</v>
      </c>
      <c r="B118" s="67">
        <v>-115</v>
      </c>
      <c r="C118" s="68">
        <v>-66</v>
      </c>
      <c r="D118" s="68">
        <v>-49</v>
      </c>
      <c r="E118" s="67">
        <v>116</v>
      </c>
      <c r="F118" s="68">
        <v>66</v>
      </c>
      <c r="G118" s="69">
        <v>50</v>
      </c>
      <c r="H118" s="68">
        <v>20</v>
      </c>
      <c r="I118" s="68">
        <v>8</v>
      </c>
      <c r="J118" s="68">
        <v>12</v>
      </c>
      <c r="K118" s="67">
        <v>19</v>
      </c>
      <c r="L118" s="79">
        <v>8</v>
      </c>
      <c r="M118" s="80">
        <v>11</v>
      </c>
    </row>
    <row r="119" spans="1:13">
      <c r="A119" s="27" t="s">
        <v>91</v>
      </c>
      <c r="B119" s="67">
        <v>-99</v>
      </c>
      <c r="C119" s="68">
        <v>-57</v>
      </c>
      <c r="D119" s="68">
        <v>-42</v>
      </c>
      <c r="E119" s="67">
        <v>99</v>
      </c>
      <c r="F119" s="68">
        <v>55</v>
      </c>
      <c r="G119" s="69">
        <v>44</v>
      </c>
      <c r="H119" s="68">
        <v>19</v>
      </c>
      <c r="I119" s="68">
        <v>8</v>
      </c>
      <c r="J119" s="68">
        <v>11</v>
      </c>
      <c r="K119" s="67">
        <v>19</v>
      </c>
      <c r="L119" s="79">
        <v>10</v>
      </c>
      <c r="M119" s="80">
        <v>9</v>
      </c>
    </row>
    <row r="120" spans="1:13">
      <c r="A120" s="27" t="s">
        <v>93</v>
      </c>
      <c r="B120" s="67">
        <v>-90</v>
      </c>
      <c r="C120" s="68">
        <v>-52</v>
      </c>
      <c r="D120" s="68">
        <v>-38</v>
      </c>
      <c r="E120" s="67">
        <v>88</v>
      </c>
      <c r="F120" s="68">
        <v>49</v>
      </c>
      <c r="G120" s="69">
        <v>39</v>
      </c>
      <c r="H120" s="68">
        <v>16</v>
      </c>
      <c r="I120" s="68">
        <v>3</v>
      </c>
      <c r="J120" s="68">
        <v>13</v>
      </c>
      <c r="K120" s="67">
        <v>18</v>
      </c>
      <c r="L120" s="79">
        <v>6</v>
      </c>
      <c r="M120" s="80">
        <v>12</v>
      </c>
    </row>
    <row r="121" spans="1:13">
      <c r="A121" s="27" t="s">
        <v>95</v>
      </c>
      <c r="B121" s="67">
        <v>-90</v>
      </c>
      <c r="C121" s="68">
        <v>-45</v>
      </c>
      <c r="D121" s="68">
        <v>-45</v>
      </c>
      <c r="E121" s="67">
        <v>100</v>
      </c>
      <c r="F121" s="68">
        <v>46</v>
      </c>
      <c r="G121" s="69">
        <v>54</v>
      </c>
      <c r="H121" s="68">
        <v>16</v>
      </c>
      <c r="I121" s="68">
        <v>4</v>
      </c>
      <c r="J121" s="68">
        <v>12</v>
      </c>
      <c r="K121" s="67">
        <v>6</v>
      </c>
      <c r="L121" s="79">
        <v>3</v>
      </c>
      <c r="M121" s="80">
        <v>3</v>
      </c>
    </row>
    <row r="122" spans="1:13">
      <c r="A122" s="27" t="s">
        <v>97</v>
      </c>
      <c r="B122" s="67">
        <v>-89</v>
      </c>
      <c r="C122" s="68">
        <v>-42</v>
      </c>
      <c r="D122" s="68">
        <v>-47</v>
      </c>
      <c r="E122" s="67">
        <v>89</v>
      </c>
      <c r="F122" s="68">
        <v>42</v>
      </c>
      <c r="G122" s="69">
        <v>47</v>
      </c>
      <c r="H122" s="68">
        <v>15</v>
      </c>
      <c r="I122" s="68">
        <v>6</v>
      </c>
      <c r="J122" s="68">
        <v>9</v>
      </c>
      <c r="K122" s="67">
        <v>15</v>
      </c>
      <c r="L122" s="79">
        <v>6</v>
      </c>
      <c r="M122" s="80">
        <v>9</v>
      </c>
    </row>
    <row r="123" spans="1:13" ht="21" customHeight="1">
      <c r="A123" s="38" t="s">
        <v>99</v>
      </c>
      <c r="B123" s="64">
        <v>-425</v>
      </c>
      <c r="C123" s="65">
        <v>-167</v>
      </c>
      <c r="D123" s="65">
        <v>-258</v>
      </c>
      <c r="E123" s="64">
        <v>404</v>
      </c>
      <c r="F123" s="65">
        <v>161</v>
      </c>
      <c r="G123" s="66">
        <v>243</v>
      </c>
      <c r="H123" s="65">
        <v>31</v>
      </c>
      <c r="I123" s="65">
        <v>6</v>
      </c>
      <c r="J123" s="65">
        <v>25</v>
      </c>
      <c r="K123" s="64">
        <v>52</v>
      </c>
      <c r="L123" s="77">
        <v>12</v>
      </c>
      <c r="M123" s="78">
        <v>40</v>
      </c>
    </row>
    <row r="124" spans="1:13">
      <c r="A124" s="27" t="s">
        <v>101</v>
      </c>
      <c r="B124" s="67">
        <v>-108</v>
      </c>
      <c r="C124" s="68">
        <v>-46</v>
      </c>
      <c r="D124" s="68">
        <v>-62</v>
      </c>
      <c r="E124" s="67">
        <v>103</v>
      </c>
      <c r="F124" s="68">
        <v>48</v>
      </c>
      <c r="G124" s="69">
        <v>55</v>
      </c>
      <c r="H124" s="68">
        <v>9</v>
      </c>
      <c r="I124" s="68">
        <v>3</v>
      </c>
      <c r="J124" s="68">
        <v>6</v>
      </c>
      <c r="K124" s="67">
        <v>14</v>
      </c>
      <c r="L124" s="79">
        <v>1</v>
      </c>
      <c r="M124" s="80">
        <v>13</v>
      </c>
    </row>
    <row r="125" spans="1:13">
      <c r="A125" s="27" t="s">
        <v>103</v>
      </c>
      <c r="B125" s="67">
        <v>-93</v>
      </c>
      <c r="C125" s="68">
        <v>-38</v>
      </c>
      <c r="D125" s="68">
        <v>-55</v>
      </c>
      <c r="E125" s="67">
        <v>85</v>
      </c>
      <c r="F125" s="68">
        <v>32</v>
      </c>
      <c r="G125" s="69">
        <v>53</v>
      </c>
      <c r="H125" s="68">
        <v>9</v>
      </c>
      <c r="I125" s="68">
        <v>0</v>
      </c>
      <c r="J125" s="68">
        <v>9</v>
      </c>
      <c r="K125" s="67">
        <v>17</v>
      </c>
      <c r="L125" s="79">
        <v>6</v>
      </c>
      <c r="M125" s="80">
        <v>11</v>
      </c>
    </row>
    <row r="126" spans="1:13">
      <c r="A126" s="27" t="s">
        <v>105</v>
      </c>
      <c r="B126" s="67">
        <v>-84</v>
      </c>
      <c r="C126" s="68">
        <v>-34</v>
      </c>
      <c r="D126" s="68">
        <v>-50</v>
      </c>
      <c r="E126" s="67">
        <v>81</v>
      </c>
      <c r="F126" s="68">
        <v>34</v>
      </c>
      <c r="G126" s="69">
        <v>47</v>
      </c>
      <c r="H126" s="68">
        <v>6</v>
      </c>
      <c r="I126" s="68">
        <v>3</v>
      </c>
      <c r="J126" s="68">
        <v>3</v>
      </c>
      <c r="K126" s="67">
        <v>9</v>
      </c>
      <c r="L126" s="79">
        <v>3</v>
      </c>
      <c r="M126" s="80">
        <v>6</v>
      </c>
    </row>
    <row r="127" spans="1:13">
      <c r="A127" s="27" t="s">
        <v>107</v>
      </c>
      <c r="B127" s="67">
        <v>-66</v>
      </c>
      <c r="C127" s="68">
        <v>-26</v>
      </c>
      <c r="D127" s="68">
        <v>-40</v>
      </c>
      <c r="E127" s="67">
        <v>64</v>
      </c>
      <c r="F127" s="68">
        <v>25</v>
      </c>
      <c r="G127" s="69">
        <v>39</v>
      </c>
      <c r="H127" s="68">
        <v>5</v>
      </c>
      <c r="I127" s="68">
        <v>0</v>
      </c>
      <c r="J127" s="68">
        <v>5</v>
      </c>
      <c r="K127" s="67">
        <v>7</v>
      </c>
      <c r="L127" s="79">
        <v>1</v>
      </c>
      <c r="M127" s="80">
        <v>6</v>
      </c>
    </row>
    <row r="128" spans="1:13">
      <c r="A128" s="27" t="s">
        <v>109</v>
      </c>
      <c r="B128" s="67">
        <v>-74</v>
      </c>
      <c r="C128" s="68">
        <v>-23</v>
      </c>
      <c r="D128" s="68">
        <v>-51</v>
      </c>
      <c r="E128" s="67">
        <v>71</v>
      </c>
      <c r="F128" s="68">
        <v>22</v>
      </c>
      <c r="G128" s="69">
        <v>49</v>
      </c>
      <c r="H128" s="68">
        <v>2</v>
      </c>
      <c r="I128" s="68">
        <v>0</v>
      </c>
      <c r="J128" s="68">
        <v>2</v>
      </c>
      <c r="K128" s="67">
        <v>5</v>
      </c>
      <c r="L128" s="79">
        <v>1</v>
      </c>
      <c r="M128" s="80">
        <v>4</v>
      </c>
    </row>
    <row r="129" spans="1:14" ht="21" customHeight="1">
      <c r="A129" s="38" t="s">
        <v>111</v>
      </c>
      <c r="B129" s="64">
        <v>-202</v>
      </c>
      <c r="C129" s="65">
        <v>-53</v>
      </c>
      <c r="D129" s="65">
        <v>-149</v>
      </c>
      <c r="E129" s="64">
        <v>198</v>
      </c>
      <c r="F129" s="65">
        <v>51</v>
      </c>
      <c r="G129" s="66">
        <v>147</v>
      </c>
      <c r="H129" s="65">
        <v>9</v>
      </c>
      <c r="I129" s="65">
        <v>2</v>
      </c>
      <c r="J129" s="65">
        <v>7</v>
      </c>
      <c r="K129" s="64">
        <v>13</v>
      </c>
      <c r="L129" s="77">
        <v>4</v>
      </c>
      <c r="M129" s="78">
        <v>9</v>
      </c>
    </row>
    <row r="130" spans="1:14">
      <c r="A130" s="27" t="s">
        <v>113</v>
      </c>
      <c r="B130" s="67">
        <v>-61</v>
      </c>
      <c r="C130" s="68">
        <v>-23</v>
      </c>
      <c r="D130" s="68">
        <v>-38</v>
      </c>
      <c r="E130" s="67">
        <v>64</v>
      </c>
      <c r="F130" s="68">
        <v>23</v>
      </c>
      <c r="G130" s="69">
        <v>41</v>
      </c>
      <c r="H130" s="68">
        <v>3</v>
      </c>
      <c r="I130" s="68">
        <v>0</v>
      </c>
      <c r="J130" s="68">
        <v>3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59</v>
      </c>
      <c r="C131" s="68">
        <v>-16</v>
      </c>
      <c r="D131" s="68">
        <v>-43</v>
      </c>
      <c r="E131" s="67">
        <v>56</v>
      </c>
      <c r="F131" s="68">
        <v>15</v>
      </c>
      <c r="G131" s="69">
        <v>41</v>
      </c>
      <c r="H131" s="68">
        <v>2</v>
      </c>
      <c r="I131" s="68">
        <v>0</v>
      </c>
      <c r="J131" s="68">
        <v>2</v>
      </c>
      <c r="K131" s="67">
        <v>5</v>
      </c>
      <c r="L131" s="79">
        <v>1</v>
      </c>
      <c r="M131" s="80">
        <v>4</v>
      </c>
    </row>
    <row r="132" spans="1:14">
      <c r="A132" s="27" t="s">
        <v>117</v>
      </c>
      <c r="B132" s="67">
        <v>-36</v>
      </c>
      <c r="C132" s="68">
        <v>-7</v>
      </c>
      <c r="D132" s="68">
        <v>-29</v>
      </c>
      <c r="E132" s="67">
        <v>36</v>
      </c>
      <c r="F132" s="68">
        <v>7</v>
      </c>
      <c r="G132" s="69">
        <v>29</v>
      </c>
      <c r="H132" s="68">
        <v>3</v>
      </c>
      <c r="I132" s="68">
        <v>1</v>
      </c>
      <c r="J132" s="68">
        <v>2</v>
      </c>
      <c r="K132" s="67">
        <v>3</v>
      </c>
      <c r="L132" s="79">
        <v>1</v>
      </c>
      <c r="M132" s="80">
        <v>2</v>
      </c>
    </row>
    <row r="133" spans="1:14">
      <c r="A133" s="27" t="s">
        <v>119</v>
      </c>
      <c r="B133" s="67">
        <v>-22</v>
      </c>
      <c r="C133" s="68">
        <v>-4</v>
      </c>
      <c r="D133" s="68">
        <v>-18</v>
      </c>
      <c r="E133" s="67">
        <v>19</v>
      </c>
      <c r="F133" s="68">
        <v>3</v>
      </c>
      <c r="G133" s="69">
        <v>16</v>
      </c>
      <c r="H133" s="68">
        <v>0</v>
      </c>
      <c r="I133" s="68">
        <v>0</v>
      </c>
      <c r="J133" s="68">
        <v>0</v>
      </c>
      <c r="K133" s="67">
        <v>3</v>
      </c>
      <c r="L133" s="79">
        <v>1</v>
      </c>
      <c r="M133" s="80">
        <v>2</v>
      </c>
    </row>
    <row r="134" spans="1:14">
      <c r="A134" s="27" t="s">
        <v>121</v>
      </c>
      <c r="B134" s="67">
        <v>-24</v>
      </c>
      <c r="C134" s="68">
        <v>-3</v>
      </c>
      <c r="D134" s="68">
        <v>-21</v>
      </c>
      <c r="E134" s="67">
        <v>23</v>
      </c>
      <c r="F134" s="68">
        <v>3</v>
      </c>
      <c r="G134" s="69">
        <v>20</v>
      </c>
      <c r="H134" s="68">
        <v>1</v>
      </c>
      <c r="I134" s="68">
        <v>1</v>
      </c>
      <c r="J134" s="68">
        <v>0</v>
      </c>
      <c r="K134" s="67">
        <v>2</v>
      </c>
      <c r="L134" s="79">
        <v>1</v>
      </c>
      <c r="M134" s="80">
        <v>1</v>
      </c>
    </row>
    <row r="135" spans="1:14" ht="21" customHeight="1">
      <c r="A135" s="39" t="s">
        <v>122</v>
      </c>
      <c r="B135" s="42">
        <v>-58</v>
      </c>
      <c r="C135" s="40">
        <v>-7</v>
      </c>
      <c r="D135" s="40">
        <v>-51</v>
      </c>
      <c r="E135" s="42">
        <v>58</v>
      </c>
      <c r="F135" s="40">
        <v>7</v>
      </c>
      <c r="G135" s="43">
        <v>51</v>
      </c>
      <c r="H135" s="40">
        <v>3</v>
      </c>
      <c r="I135" s="40">
        <v>0</v>
      </c>
      <c r="J135" s="40">
        <v>3</v>
      </c>
      <c r="K135" s="42">
        <v>3</v>
      </c>
      <c r="L135" s="44">
        <v>0</v>
      </c>
      <c r="M135" s="85">
        <v>3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8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318</v>
      </c>
      <c r="C5" s="62">
        <v>157</v>
      </c>
      <c r="D5" s="62">
        <v>161</v>
      </c>
      <c r="E5" s="61">
        <v>1731</v>
      </c>
      <c r="F5" s="62">
        <v>937</v>
      </c>
      <c r="G5" s="63">
        <v>794</v>
      </c>
      <c r="H5" s="62">
        <v>10718</v>
      </c>
      <c r="I5" s="62">
        <v>5884</v>
      </c>
      <c r="J5" s="62">
        <v>4834</v>
      </c>
      <c r="K5" s="61">
        <v>10191</v>
      </c>
      <c r="L5" s="75">
        <v>5594</v>
      </c>
      <c r="M5" s="76">
        <v>4597</v>
      </c>
    </row>
    <row r="6" spans="1:13" ht="23.25" customHeight="1">
      <c r="A6" s="36" t="s">
        <v>2</v>
      </c>
      <c r="B6" s="64">
        <v>1291</v>
      </c>
      <c r="C6" s="65">
        <v>688</v>
      </c>
      <c r="D6" s="65">
        <v>603</v>
      </c>
      <c r="E6" s="64">
        <v>0</v>
      </c>
      <c r="F6" s="65">
        <v>0</v>
      </c>
      <c r="G6" s="66">
        <v>0</v>
      </c>
      <c r="H6" s="65">
        <v>412</v>
      </c>
      <c r="I6" s="65">
        <v>203</v>
      </c>
      <c r="J6" s="65">
        <v>209</v>
      </c>
      <c r="K6" s="64">
        <v>643</v>
      </c>
      <c r="L6" s="77">
        <v>319</v>
      </c>
      <c r="M6" s="78">
        <v>324</v>
      </c>
    </row>
    <row r="7" spans="1:13">
      <c r="A7" s="15" t="s">
        <v>4</v>
      </c>
      <c r="B7" s="67">
        <v>1510</v>
      </c>
      <c r="C7" s="68">
        <v>800</v>
      </c>
      <c r="D7" s="68">
        <v>710</v>
      </c>
      <c r="E7" s="67">
        <v>0</v>
      </c>
      <c r="F7" s="68">
        <v>0</v>
      </c>
      <c r="G7" s="69">
        <v>0</v>
      </c>
      <c r="H7" s="68">
        <v>73</v>
      </c>
      <c r="I7" s="68">
        <v>34</v>
      </c>
      <c r="J7" s="68">
        <v>39</v>
      </c>
      <c r="K7" s="67">
        <v>85</v>
      </c>
      <c r="L7" s="79">
        <v>38</v>
      </c>
      <c r="M7" s="80">
        <v>47</v>
      </c>
    </row>
    <row r="8" spans="1:13">
      <c r="A8" s="15" t="s">
        <v>6</v>
      </c>
      <c r="B8" s="67">
        <v>-32</v>
      </c>
      <c r="C8" s="68">
        <v>-14</v>
      </c>
      <c r="D8" s="68">
        <v>-18</v>
      </c>
      <c r="E8" s="67">
        <v>0</v>
      </c>
      <c r="F8" s="68">
        <v>0</v>
      </c>
      <c r="G8" s="69">
        <v>0</v>
      </c>
      <c r="H8" s="68">
        <v>137</v>
      </c>
      <c r="I8" s="68">
        <v>74</v>
      </c>
      <c r="J8" s="68">
        <v>63</v>
      </c>
      <c r="K8" s="67">
        <v>169</v>
      </c>
      <c r="L8" s="79">
        <v>88</v>
      </c>
      <c r="M8" s="80">
        <v>81</v>
      </c>
    </row>
    <row r="9" spans="1:13">
      <c r="A9" s="15" t="s">
        <v>8</v>
      </c>
      <c r="B9" s="67">
        <v>-84</v>
      </c>
      <c r="C9" s="68">
        <v>-39</v>
      </c>
      <c r="D9" s="68">
        <v>-45</v>
      </c>
      <c r="E9" s="67">
        <v>0</v>
      </c>
      <c r="F9" s="68">
        <v>0</v>
      </c>
      <c r="G9" s="69">
        <v>0</v>
      </c>
      <c r="H9" s="68">
        <v>86</v>
      </c>
      <c r="I9" s="68">
        <v>37</v>
      </c>
      <c r="J9" s="68">
        <v>49</v>
      </c>
      <c r="K9" s="67">
        <v>170</v>
      </c>
      <c r="L9" s="79">
        <v>76</v>
      </c>
      <c r="M9" s="80">
        <v>94</v>
      </c>
    </row>
    <row r="10" spans="1:13">
      <c r="A10" s="15" t="s">
        <v>10</v>
      </c>
      <c r="B10" s="67">
        <v>-55</v>
      </c>
      <c r="C10" s="68">
        <v>-30</v>
      </c>
      <c r="D10" s="68">
        <v>-25</v>
      </c>
      <c r="E10" s="67">
        <v>0</v>
      </c>
      <c r="F10" s="68">
        <v>0</v>
      </c>
      <c r="G10" s="69">
        <v>0</v>
      </c>
      <c r="H10" s="68">
        <v>69</v>
      </c>
      <c r="I10" s="68">
        <v>32</v>
      </c>
      <c r="J10" s="68">
        <v>37</v>
      </c>
      <c r="K10" s="67">
        <v>124</v>
      </c>
      <c r="L10" s="79">
        <v>62</v>
      </c>
      <c r="M10" s="80">
        <v>62</v>
      </c>
    </row>
    <row r="11" spans="1:13">
      <c r="A11" s="15" t="s">
        <v>12</v>
      </c>
      <c r="B11" s="67">
        <v>-48</v>
      </c>
      <c r="C11" s="68">
        <v>-29</v>
      </c>
      <c r="D11" s="68">
        <v>-19</v>
      </c>
      <c r="E11" s="67">
        <v>0</v>
      </c>
      <c r="F11" s="68">
        <v>0</v>
      </c>
      <c r="G11" s="69">
        <v>0</v>
      </c>
      <c r="H11" s="68">
        <v>47</v>
      </c>
      <c r="I11" s="68">
        <v>26</v>
      </c>
      <c r="J11" s="68">
        <v>21</v>
      </c>
      <c r="K11" s="67">
        <v>95</v>
      </c>
      <c r="L11" s="79">
        <v>55</v>
      </c>
      <c r="M11" s="80">
        <v>40</v>
      </c>
    </row>
    <row r="12" spans="1:13" ht="21" customHeight="1">
      <c r="A12" s="36" t="s">
        <v>14</v>
      </c>
      <c r="B12" s="64">
        <v>-120</v>
      </c>
      <c r="C12" s="65">
        <v>-64</v>
      </c>
      <c r="D12" s="65">
        <v>-56</v>
      </c>
      <c r="E12" s="64">
        <v>0</v>
      </c>
      <c r="F12" s="65">
        <v>0</v>
      </c>
      <c r="G12" s="66">
        <v>0</v>
      </c>
      <c r="H12" s="65">
        <v>178</v>
      </c>
      <c r="I12" s="65">
        <v>96</v>
      </c>
      <c r="J12" s="65">
        <v>82</v>
      </c>
      <c r="K12" s="64">
        <v>298</v>
      </c>
      <c r="L12" s="77">
        <v>160</v>
      </c>
      <c r="M12" s="78">
        <v>138</v>
      </c>
    </row>
    <row r="13" spans="1:13">
      <c r="A13" s="15" t="s">
        <v>16</v>
      </c>
      <c r="B13" s="67">
        <v>-27</v>
      </c>
      <c r="C13" s="68">
        <v>-14</v>
      </c>
      <c r="D13" s="68">
        <v>-13</v>
      </c>
      <c r="E13" s="67">
        <v>0</v>
      </c>
      <c r="F13" s="68">
        <v>0</v>
      </c>
      <c r="G13" s="69">
        <v>0</v>
      </c>
      <c r="H13" s="68">
        <v>40</v>
      </c>
      <c r="I13" s="68">
        <v>26</v>
      </c>
      <c r="J13" s="68">
        <v>14</v>
      </c>
      <c r="K13" s="67">
        <v>67</v>
      </c>
      <c r="L13" s="79">
        <v>40</v>
      </c>
      <c r="M13" s="80">
        <v>27</v>
      </c>
    </row>
    <row r="14" spans="1:13">
      <c r="A14" s="15" t="s">
        <v>18</v>
      </c>
      <c r="B14" s="67">
        <v>-36</v>
      </c>
      <c r="C14" s="68">
        <v>-21</v>
      </c>
      <c r="D14" s="68">
        <v>-15</v>
      </c>
      <c r="E14" s="67">
        <v>0</v>
      </c>
      <c r="F14" s="68">
        <v>0</v>
      </c>
      <c r="G14" s="69">
        <v>0</v>
      </c>
      <c r="H14" s="68">
        <v>45</v>
      </c>
      <c r="I14" s="68">
        <v>22</v>
      </c>
      <c r="J14" s="68">
        <v>23</v>
      </c>
      <c r="K14" s="67">
        <v>81</v>
      </c>
      <c r="L14" s="79">
        <v>43</v>
      </c>
      <c r="M14" s="80">
        <v>38</v>
      </c>
    </row>
    <row r="15" spans="1:13">
      <c r="A15" s="15" t="s">
        <v>20</v>
      </c>
      <c r="B15" s="67">
        <v>-48</v>
      </c>
      <c r="C15" s="68">
        <v>-29</v>
      </c>
      <c r="D15" s="68">
        <v>-19</v>
      </c>
      <c r="E15" s="67">
        <v>0</v>
      </c>
      <c r="F15" s="68">
        <v>0</v>
      </c>
      <c r="G15" s="69">
        <v>0</v>
      </c>
      <c r="H15" s="68">
        <v>40</v>
      </c>
      <c r="I15" s="68">
        <v>20</v>
      </c>
      <c r="J15" s="68">
        <v>20</v>
      </c>
      <c r="K15" s="67">
        <v>88</v>
      </c>
      <c r="L15" s="79">
        <v>49</v>
      </c>
      <c r="M15" s="80">
        <v>39</v>
      </c>
    </row>
    <row r="16" spans="1:13">
      <c r="A16" s="15" t="s">
        <v>22</v>
      </c>
      <c r="B16" s="67">
        <v>-3</v>
      </c>
      <c r="C16" s="68">
        <v>0</v>
      </c>
      <c r="D16" s="68">
        <v>-3</v>
      </c>
      <c r="E16" s="67">
        <v>0</v>
      </c>
      <c r="F16" s="68">
        <v>0</v>
      </c>
      <c r="G16" s="69">
        <v>0</v>
      </c>
      <c r="H16" s="68">
        <v>24</v>
      </c>
      <c r="I16" s="68">
        <v>15</v>
      </c>
      <c r="J16" s="68">
        <v>9</v>
      </c>
      <c r="K16" s="67">
        <v>27</v>
      </c>
      <c r="L16" s="79">
        <v>15</v>
      </c>
      <c r="M16" s="80">
        <v>12</v>
      </c>
    </row>
    <row r="17" spans="1:13">
      <c r="A17" s="15" t="s">
        <v>24</v>
      </c>
      <c r="B17" s="67">
        <v>-6</v>
      </c>
      <c r="C17" s="68">
        <v>0</v>
      </c>
      <c r="D17" s="68">
        <v>-6</v>
      </c>
      <c r="E17" s="67">
        <v>0</v>
      </c>
      <c r="F17" s="68">
        <v>0</v>
      </c>
      <c r="G17" s="69">
        <v>0</v>
      </c>
      <c r="H17" s="68">
        <v>29</v>
      </c>
      <c r="I17" s="68">
        <v>13</v>
      </c>
      <c r="J17" s="68">
        <v>16</v>
      </c>
      <c r="K17" s="67">
        <v>35</v>
      </c>
      <c r="L17" s="79">
        <v>13</v>
      </c>
      <c r="M17" s="80">
        <v>22</v>
      </c>
    </row>
    <row r="18" spans="1:13" ht="21" customHeight="1">
      <c r="A18" s="36" t="s">
        <v>26</v>
      </c>
      <c r="B18" s="64">
        <v>4</v>
      </c>
      <c r="C18" s="65">
        <v>9</v>
      </c>
      <c r="D18" s="65">
        <v>-5</v>
      </c>
      <c r="E18" s="64">
        <v>1</v>
      </c>
      <c r="F18" s="65">
        <v>0</v>
      </c>
      <c r="G18" s="66">
        <v>1</v>
      </c>
      <c r="H18" s="65">
        <v>109</v>
      </c>
      <c r="I18" s="65">
        <v>58</v>
      </c>
      <c r="J18" s="65">
        <v>51</v>
      </c>
      <c r="K18" s="64">
        <v>104</v>
      </c>
      <c r="L18" s="77">
        <v>49</v>
      </c>
      <c r="M18" s="78">
        <v>55</v>
      </c>
    </row>
    <row r="19" spans="1:13">
      <c r="A19" s="15" t="s">
        <v>28</v>
      </c>
      <c r="B19" s="67">
        <v>-8</v>
      </c>
      <c r="C19" s="68">
        <v>-3</v>
      </c>
      <c r="D19" s="68">
        <v>-5</v>
      </c>
      <c r="E19" s="67">
        <v>0</v>
      </c>
      <c r="F19" s="68">
        <v>0</v>
      </c>
      <c r="G19" s="69">
        <v>0</v>
      </c>
      <c r="H19" s="68">
        <v>21</v>
      </c>
      <c r="I19" s="68">
        <v>9</v>
      </c>
      <c r="J19" s="68">
        <v>12</v>
      </c>
      <c r="K19" s="67">
        <v>29</v>
      </c>
      <c r="L19" s="79">
        <v>12</v>
      </c>
      <c r="M19" s="80">
        <v>17</v>
      </c>
    </row>
    <row r="20" spans="1:13">
      <c r="A20" s="15" t="s">
        <v>30</v>
      </c>
      <c r="B20" s="67">
        <v>8</v>
      </c>
      <c r="C20" s="68">
        <v>7</v>
      </c>
      <c r="D20" s="68">
        <v>1</v>
      </c>
      <c r="E20" s="67">
        <v>0</v>
      </c>
      <c r="F20" s="68">
        <v>0</v>
      </c>
      <c r="G20" s="69">
        <v>0</v>
      </c>
      <c r="H20" s="68">
        <v>22</v>
      </c>
      <c r="I20" s="68">
        <v>14</v>
      </c>
      <c r="J20" s="68">
        <v>8</v>
      </c>
      <c r="K20" s="67">
        <v>14</v>
      </c>
      <c r="L20" s="79">
        <v>7</v>
      </c>
      <c r="M20" s="80">
        <v>7</v>
      </c>
    </row>
    <row r="21" spans="1:13">
      <c r="A21" s="15" t="s">
        <v>32</v>
      </c>
      <c r="B21" s="67">
        <v>5</v>
      </c>
      <c r="C21" s="68">
        <v>4</v>
      </c>
      <c r="D21" s="68">
        <v>1</v>
      </c>
      <c r="E21" s="67">
        <v>1</v>
      </c>
      <c r="F21" s="68">
        <v>0</v>
      </c>
      <c r="G21" s="69">
        <v>1</v>
      </c>
      <c r="H21" s="68">
        <v>18</v>
      </c>
      <c r="I21" s="68">
        <v>11</v>
      </c>
      <c r="J21" s="68">
        <v>7</v>
      </c>
      <c r="K21" s="67">
        <v>12</v>
      </c>
      <c r="L21" s="79">
        <v>7</v>
      </c>
      <c r="M21" s="80">
        <v>5</v>
      </c>
    </row>
    <row r="22" spans="1:13">
      <c r="A22" s="15" t="s">
        <v>34</v>
      </c>
      <c r="B22" s="67">
        <v>-6</v>
      </c>
      <c r="C22" s="68">
        <v>0</v>
      </c>
      <c r="D22" s="68">
        <v>-6</v>
      </c>
      <c r="E22" s="67">
        <v>0</v>
      </c>
      <c r="F22" s="68">
        <v>0</v>
      </c>
      <c r="G22" s="69">
        <v>0</v>
      </c>
      <c r="H22" s="68">
        <v>26</v>
      </c>
      <c r="I22" s="68">
        <v>15</v>
      </c>
      <c r="J22" s="68">
        <v>11</v>
      </c>
      <c r="K22" s="67">
        <v>32</v>
      </c>
      <c r="L22" s="79">
        <v>15</v>
      </c>
      <c r="M22" s="80">
        <v>17</v>
      </c>
    </row>
    <row r="23" spans="1:13">
      <c r="A23" s="15" t="s">
        <v>36</v>
      </c>
      <c r="B23" s="67">
        <v>5</v>
      </c>
      <c r="C23" s="68">
        <v>1</v>
      </c>
      <c r="D23" s="68">
        <v>4</v>
      </c>
      <c r="E23" s="67">
        <v>0</v>
      </c>
      <c r="F23" s="68">
        <v>0</v>
      </c>
      <c r="G23" s="69">
        <v>0</v>
      </c>
      <c r="H23" s="68">
        <v>22</v>
      </c>
      <c r="I23" s="68">
        <v>9</v>
      </c>
      <c r="J23" s="68">
        <v>13</v>
      </c>
      <c r="K23" s="67">
        <v>17</v>
      </c>
      <c r="L23" s="79">
        <v>8</v>
      </c>
      <c r="M23" s="80">
        <v>9</v>
      </c>
    </row>
    <row r="24" spans="1:13" ht="21" customHeight="1">
      <c r="A24" s="36" t="s">
        <v>38</v>
      </c>
      <c r="B24" s="64">
        <v>27</v>
      </c>
      <c r="C24" s="65">
        <v>4</v>
      </c>
      <c r="D24" s="65">
        <v>23</v>
      </c>
      <c r="E24" s="64">
        <v>1</v>
      </c>
      <c r="F24" s="65">
        <v>0</v>
      </c>
      <c r="G24" s="66">
        <v>1</v>
      </c>
      <c r="H24" s="65">
        <v>194</v>
      </c>
      <c r="I24" s="65">
        <v>104</v>
      </c>
      <c r="J24" s="65">
        <v>90</v>
      </c>
      <c r="K24" s="64">
        <v>166</v>
      </c>
      <c r="L24" s="77">
        <v>100</v>
      </c>
      <c r="M24" s="78">
        <v>66</v>
      </c>
    </row>
    <row r="25" spans="1:13">
      <c r="A25" s="15" t="s">
        <v>40</v>
      </c>
      <c r="B25" s="67">
        <v>10</v>
      </c>
      <c r="C25" s="68">
        <v>8</v>
      </c>
      <c r="D25" s="68">
        <v>2</v>
      </c>
      <c r="E25" s="67">
        <v>0</v>
      </c>
      <c r="F25" s="68">
        <v>0</v>
      </c>
      <c r="G25" s="69">
        <v>0</v>
      </c>
      <c r="H25" s="68">
        <v>33</v>
      </c>
      <c r="I25" s="68">
        <v>21</v>
      </c>
      <c r="J25" s="68">
        <v>12</v>
      </c>
      <c r="K25" s="67">
        <v>23</v>
      </c>
      <c r="L25" s="79">
        <v>13</v>
      </c>
      <c r="M25" s="80">
        <v>10</v>
      </c>
    </row>
    <row r="26" spans="1:13">
      <c r="A26" s="15" t="s">
        <v>42</v>
      </c>
      <c r="B26" s="67">
        <v>-24</v>
      </c>
      <c r="C26" s="68">
        <v>-13</v>
      </c>
      <c r="D26" s="68">
        <v>-11</v>
      </c>
      <c r="E26" s="67">
        <v>0</v>
      </c>
      <c r="F26" s="68">
        <v>0</v>
      </c>
      <c r="G26" s="69">
        <v>0</v>
      </c>
      <c r="H26" s="68">
        <v>19</v>
      </c>
      <c r="I26" s="68">
        <v>10</v>
      </c>
      <c r="J26" s="68">
        <v>9</v>
      </c>
      <c r="K26" s="67">
        <v>43</v>
      </c>
      <c r="L26" s="79">
        <v>23</v>
      </c>
      <c r="M26" s="80">
        <v>20</v>
      </c>
    </row>
    <row r="27" spans="1:13">
      <c r="A27" s="15" t="s">
        <v>44</v>
      </c>
      <c r="B27" s="67">
        <v>12</v>
      </c>
      <c r="C27" s="68">
        <v>4</v>
      </c>
      <c r="D27" s="68">
        <v>8</v>
      </c>
      <c r="E27" s="67">
        <v>0</v>
      </c>
      <c r="F27" s="68">
        <v>0</v>
      </c>
      <c r="G27" s="69">
        <v>0</v>
      </c>
      <c r="H27" s="68">
        <v>23</v>
      </c>
      <c r="I27" s="68">
        <v>11</v>
      </c>
      <c r="J27" s="68">
        <v>12</v>
      </c>
      <c r="K27" s="67">
        <v>11</v>
      </c>
      <c r="L27" s="79">
        <v>7</v>
      </c>
      <c r="M27" s="80">
        <v>4</v>
      </c>
    </row>
    <row r="28" spans="1:13">
      <c r="A28" s="15" t="s">
        <v>46</v>
      </c>
      <c r="B28" s="67">
        <v>3</v>
      </c>
      <c r="C28" s="68">
        <v>6</v>
      </c>
      <c r="D28" s="68">
        <v>-3</v>
      </c>
      <c r="E28" s="67">
        <v>0</v>
      </c>
      <c r="F28" s="68">
        <v>0</v>
      </c>
      <c r="G28" s="69">
        <v>0</v>
      </c>
      <c r="H28" s="68">
        <v>35</v>
      </c>
      <c r="I28" s="68">
        <v>21</v>
      </c>
      <c r="J28" s="68">
        <v>14</v>
      </c>
      <c r="K28" s="67">
        <v>32</v>
      </c>
      <c r="L28" s="79">
        <v>15</v>
      </c>
      <c r="M28" s="80">
        <v>17</v>
      </c>
    </row>
    <row r="29" spans="1:13">
      <c r="A29" s="15" t="s">
        <v>48</v>
      </c>
      <c r="B29" s="67">
        <v>26</v>
      </c>
      <c r="C29" s="68">
        <v>-1</v>
      </c>
      <c r="D29" s="68">
        <v>27</v>
      </c>
      <c r="E29" s="67">
        <v>1</v>
      </c>
      <c r="F29" s="68">
        <v>0</v>
      </c>
      <c r="G29" s="69">
        <v>1</v>
      </c>
      <c r="H29" s="68">
        <v>84</v>
      </c>
      <c r="I29" s="68">
        <v>41</v>
      </c>
      <c r="J29" s="68">
        <v>43</v>
      </c>
      <c r="K29" s="67">
        <v>57</v>
      </c>
      <c r="L29" s="79">
        <v>42</v>
      </c>
      <c r="M29" s="80">
        <v>15</v>
      </c>
    </row>
    <row r="30" spans="1:13" ht="21" customHeight="1">
      <c r="A30" s="36" t="s">
        <v>50</v>
      </c>
      <c r="B30" s="64">
        <v>776</v>
      </c>
      <c r="C30" s="65">
        <v>408</v>
      </c>
      <c r="D30" s="65">
        <v>368</v>
      </c>
      <c r="E30" s="64">
        <v>1</v>
      </c>
      <c r="F30" s="65">
        <v>1</v>
      </c>
      <c r="G30" s="66">
        <v>0</v>
      </c>
      <c r="H30" s="65">
        <v>1862</v>
      </c>
      <c r="I30" s="65">
        <v>975</v>
      </c>
      <c r="J30" s="65">
        <v>887</v>
      </c>
      <c r="K30" s="64">
        <v>1085</v>
      </c>
      <c r="L30" s="77">
        <v>566</v>
      </c>
      <c r="M30" s="78">
        <v>519</v>
      </c>
    </row>
    <row r="31" spans="1:13">
      <c r="A31" s="15" t="s">
        <v>52</v>
      </c>
      <c r="B31" s="67">
        <v>44</v>
      </c>
      <c r="C31" s="68">
        <v>23</v>
      </c>
      <c r="D31" s="68">
        <v>21</v>
      </c>
      <c r="E31" s="67">
        <v>0</v>
      </c>
      <c r="F31" s="68">
        <v>0</v>
      </c>
      <c r="G31" s="69">
        <v>0</v>
      </c>
      <c r="H31" s="68">
        <v>117</v>
      </c>
      <c r="I31" s="68">
        <v>60</v>
      </c>
      <c r="J31" s="68">
        <v>57</v>
      </c>
      <c r="K31" s="67">
        <v>73</v>
      </c>
      <c r="L31" s="79">
        <v>37</v>
      </c>
      <c r="M31" s="80">
        <v>36</v>
      </c>
    </row>
    <row r="32" spans="1:13">
      <c r="A32" s="15" t="s">
        <v>54</v>
      </c>
      <c r="B32" s="67">
        <v>90</v>
      </c>
      <c r="C32" s="68">
        <v>40</v>
      </c>
      <c r="D32" s="68">
        <v>50</v>
      </c>
      <c r="E32" s="67">
        <v>1</v>
      </c>
      <c r="F32" s="68">
        <v>1</v>
      </c>
      <c r="G32" s="69">
        <v>0</v>
      </c>
      <c r="H32" s="68">
        <v>215</v>
      </c>
      <c r="I32" s="68">
        <v>104</v>
      </c>
      <c r="J32" s="68">
        <v>111</v>
      </c>
      <c r="K32" s="67">
        <v>124</v>
      </c>
      <c r="L32" s="79">
        <v>63</v>
      </c>
      <c r="M32" s="80">
        <v>61</v>
      </c>
    </row>
    <row r="33" spans="1:13">
      <c r="A33" s="15" t="s">
        <v>56</v>
      </c>
      <c r="B33" s="67">
        <v>153</v>
      </c>
      <c r="C33" s="68">
        <v>79</v>
      </c>
      <c r="D33" s="68">
        <v>74</v>
      </c>
      <c r="E33" s="67">
        <v>0</v>
      </c>
      <c r="F33" s="68">
        <v>0</v>
      </c>
      <c r="G33" s="69">
        <v>0</v>
      </c>
      <c r="H33" s="68">
        <v>349</v>
      </c>
      <c r="I33" s="68">
        <v>182</v>
      </c>
      <c r="J33" s="68">
        <v>167</v>
      </c>
      <c r="K33" s="67">
        <v>196</v>
      </c>
      <c r="L33" s="79">
        <v>103</v>
      </c>
      <c r="M33" s="80">
        <v>93</v>
      </c>
    </row>
    <row r="34" spans="1:13">
      <c r="A34" s="15" t="s">
        <v>58</v>
      </c>
      <c r="B34" s="67">
        <v>292</v>
      </c>
      <c r="C34" s="68">
        <v>151</v>
      </c>
      <c r="D34" s="68">
        <v>141</v>
      </c>
      <c r="E34" s="67">
        <v>0</v>
      </c>
      <c r="F34" s="68">
        <v>0</v>
      </c>
      <c r="G34" s="69">
        <v>0</v>
      </c>
      <c r="H34" s="68">
        <v>600</v>
      </c>
      <c r="I34" s="68">
        <v>312</v>
      </c>
      <c r="J34" s="68">
        <v>288</v>
      </c>
      <c r="K34" s="67">
        <v>308</v>
      </c>
      <c r="L34" s="79">
        <v>161</v>
      </c>
      <c r="M34" s="80">
        <v>147</v>
      </c>
    </row>
    <row r="35" spans="1:13">
      <c r="A35" s="15" t="s">
        <v>60</v>
      </c>
      <c r="B35" s="67">
        <v>197</v>
      </c>
      <c r="C35" s="68">
        <v>115</v>
      </c>
      <c r="D35" s="68">
        <v>82</v>
      </c>
      <c r="E35" s="67">
        <v>0</v>
      </c>
      <c r="F35" s="68">
        <v>0</v>
      </c>
      <c r="G35" s="69">
        <v>0</v>
      </c>
      <c r="H35" s="68">
        <v>581</v>
      </c>
      <c r="I35" s="68">
        <v>317</v>
      </c>
      <c r="J35" s="68">
        <v>264</v>
      </c>
      <c r="K35" s="67">
        <v>384</v>
      </c>
      <c r="L35" s="79">
        <v>202</v>
      </c>
      <c r="M35" s="80">
        <v>182</v>
      </c>
    </row>
    <row r="36" spans="1:13" ht="21" customHeight="1">
      <c r="A36" s="36" t="s">
        <v>62</v>
      </c>
      <c r="B36" s="64">
        <v>554</v>
      </c>
      <c r="C36" s="65">
        <v>353</v>
      </c>
      <c r="D36" s="65">
        <v>201</v>
      </c>
      <c r="E36" s="64">
        <v>4</v>
      </c>
      <c r="F36" s="65">
        <v>2</v>
      </c>
      <c r="G36" s="66">
        <v>2</v>
      </c>
      <c r="H36" s="65">
        <v>2954</v>
      </c>
      <c r="I36" s="65">
        <v>1614</v>
      </c>
      <c r="J36" s="65">
        <v>1340</v>
      </c>
      <c r="K36" s="64">
        <v>2396</v>
      </c>
      <c r="L36" s="77">
        <v>1259</v>
      </c>
      <c r="M36" s="78">
        <v>1137</v>
      </c>
    </row>
    <row r="37" spans="1:13">
      <c r="A37" s="15" t="s">
        <v>64</v>
      </c>
      <c r="B37" s="67">
        <v>178</v>
      </c>
      <c r="C37" s="68">
        <v>141</v>
      </c>
      <c r="D37" s="68">
        <v>37</v>
      </c>
      <c r="E37" s="67">
        <v>2</v>
      </c>
      <c r="F37" s="68">
        <v>1</v>
      </c>
      <c r="G37" s="69">
        <v>1</v>
      </c>
      <c r="H37" s="68">
        <v>649</v>
      </c>
      <c r="I37" s="68">
        <v>385</v>
      </c>
      <c r="J37" s="68">
        <v>264</v>
      </c>
      <c r="K37" s="67">
        <v>469</v>
      </c>
      <c r="L37" s="79">
        <v>243</v>
      </c>
      <c r="M37" s="80">
        <v>226</v>
      </c>
    </row>
    <row r="38" spans="1:13">
      <c r="A38" s="15" t="s">
        <v>66</v>
      </c>
      <c r="B38" s="67">
        <v>100</v>
      </c>
      <c r="C38" s="68">
        <v>53</v>
      </c>
      <c r="D38" s="68">
        <v>47</v>
      </c>
      <c r="E38" s="67">
        <v>1</v>
      </c>
      <c r="F38" s="68">
        <v>1</v>
      </c>
      <c r="G38" s="69">
        <v>0</v>
      </c>
      <c r="H38" s="68">
        <v>651</v>
      </c>
      <c r="I38" s="68">
        <v>353</v>
      </c>
      <c r="J38" s="68">
        <v>298</v>
      </c>
      <c r="K38" s="67">
        <v>550</v>
      </c>
      <c r="L38" s="79">
        <v>299</v>
      </c>
      <c r="M38" s="80">
        <v>251</v>
      </c>
    </row>
    <row r="39" spans="1:13">
      <c r="A39" s="15" t="s">
        <v>68</v>
      </c>
      <c r="B39" s="67">
        <v>107</v>
      </c>
      <c r="C39" s="68">
        <v>66</v>
      </c>
      <c r="D39" s="68">
        <v>41</v>
      </c>
      <c r="E39" s="67">
        <v>0</v>
      </c>
      <c r="F39" s="68">
        <v>0</v>
      </c>
      <c r="G39" s="69">
        <v>0</v>
      </c>
      <c r="H39" s="68">
        <v>605</v>
      </c>
      <c r="I39" s="68">
        <v>336</v>
      </c>
      <c r="J39" s="68">
        <v>269</v>
      </c>
      <c r="K39" s="67">
        <v>498</v>
      </c>
      <c r="L39" s="79">
        <v>270</v>
      </c>
      <c r="M39" s="80">
        <v>228</v>
      </c>
    </row>
    <row r="40" spans="1:13">
      <c r="A40" s="15" t="s">
        <v>70</v>
      </c>
      <c r="B40" s="67">
        <v>89</v>
      </c>
      <c r="C40" s="68">
        <v>48</v>
      </c>
      <c r="D40" s="68">
        <v>41</v>
      </c>
      <c r="E40" s="67">
        <v>1</v>
      </c>
      <c r="F40" s="68">
        <v>0</v>
      </c>
      <c r="G40" s="69">
        <v>1</v>
      </c>
      <c r="H40" s="68">
        <v>570</v>
      </c>
      <c r="I40" s="68">
        <v>289</v>
      </c>
      <c r="J40" s="68">
        <v>281</v>
      </c>
      <c r="K40" s="67">
        <v>480</v>
      </c>
      <c r="L40" s="79">
        <v>241</v>
      </c>
      <c r="M40" s="80">
        <v>239</v>
      </c>
    </row>
    <row r="41" spans="1:13">
      <c r="A41" s="15" t="s">
        <v>72</v>
      </c>
      <c r="B41" s="67">
        <v>80</v>
      </c>
      <c r="C41" s="68">
        <v>45</v>
      </c>
      <c r="D41" s="68">
        <v>35</v>
      </c>
      <c r="E41" s="67">
        <v>0</v>
      </c>
      <c r="F41" s="68">
        <v>0</v>
      </c>
      <c r="G41" s="69">
        <v>0</v>
      </c>
      <c r="H41" s="68">
        <v>479</v>
      </c>
      <c r="I41" s="68">
        <v>251</v>
      </c>
      <c r="J41" s="68">
        <v>228</v>
      </c>
      <c r="K41" s="67">
        <v>399</v>
      </c>
      <c r="L41" s="79">
        <v>206</v>
      </c>
      <c r="M41" s="80">
        <v>193</v>
      </c>
    </row>
    <row r="42" spans="1:13" ht="21" customHeight="1">
      <c r="A42" s="36" t="s">
        <v>74</v>
      </c>
      <c r="B42" s="64">
        <v>-11</v>
      </c>
      <c r="C42" s="65">
        <v>-37</v>
      </c>
      <c r="D42" s="65">
        <v>26</v>
      </c>
      <c r="E42" s="64">
        <v>4</v>
      </c>
      <c r="F42" s="65">
        <v>2</v>
      </c>
      <c r="G42" s="66">
        <v>2</v>
      </c>
      <c r="H42" s="65">
        <v>1835</v>
      </c>
      <c r="I42" s="65">
        <v>1017</v>
      </c>
      <c r="J42" s="65">
        <v>818</v>
      </c>
      <c r="K42" s="64">
        <v>1842</v>
      </c>
      <c r="L42" s="77">
        <v>1052</v>
      </c>
      <c r="M42" s="78">
        <v>790</v>
      </c>
    </row>
    <row r="43" spans="1:13">
      <c r="A43" s="15" t="s">
        <v>76</v>
      </c>
      <c r="B43" s="67">
        <v>107</v>
      </c>
      <c r="C43" s="68">
        <v>44</v>
      </c>
      <c r="D43" s="68">
        <v>63</v>
      </c>
      <c r="E43" s="67">
        <v>0</v>
      </c>
      <c r="F43" s="68">
        <v>0</v>
      </c>
      <c r="G43" s="69">
        <v>0</v>
      </c>
      <c r="H43" s="68">
        <v>500</v>
      </c>
      <c r="I43" s="68">
        <v>262</v>
      </c>
      <c r="J43" s="68">
        <v>238</v>
      </c>
      <c r="K43" s="67">
        <v>393</v>
      </c>
      <c r="L43" s="79">
        <v>218</v>
      </c>
      <c r="M43" s="80">
        <v>175</v>
      </c>
    </row>
    <row r="44" spans="1:13">
      <c r="A44" s="15" t="s">
        <v>78</v>
      </c>
      <c r="B44" s="67">
        <v>-6</v>
      </c>
      <c r="C44" s="68">
        <v>-10</v>
      </c>
      <c r="D44" s="68">
        <v>4</v>
      </c>
      <c r="E44" s="67">
        <v>0</v>
      </c>
      <c r="F44" s="68">
        <v>0</v>
      </c>
      <c r="G44" s="69">
        <v>0</v>
      </c>
      <c r="H44" s="68">
        <v>419</v>
      </c>
      <c r="I44" s="68">
        <v>238</v>
      </c>
      <c r="J44" s="68">
        <v>181</v>
      </c>
      <c r="K44" s="67">
        <v>425</v>
      </c>
      <c r="L44" s="79">
        <v>248</v>
      </c>
      <c r="M44" s="80">
        <v>177</v>
      </c>
    </row>
    <row r="45" spans="1:13">
      <c r="A45" s="15" t="s">
        <v>80</v>
      </c>
      <c r="B45" s="67">
        <v>-63</v>
      </c>
      <c r="C45" s="68">
        <v>-22</v>
      </c>
      <c r="D45" s="68">
        <v>-41</v>
      </c>
      <c r="E45" s="67">
        <v>2</v>
      </c>
      <c r="F45" s="68">
        <v>1</v>
      </c>
      <c r="G45" s="69">
        <v>1</v>
      </c>
      <c r="H45" s="68">
        <v>348</v>
      </c>
      <c r="I45" s="68">
        <v>199</v>
      </c>
      <c r="J45" s="68">
        <v>149</v>
      </c>
      <c r="K45" s="67">
        <v>409</v>
      </c>
      <c r="L45" s="79">
        <v>220</v>
      </c>
      <c r="M45" s="80">
        <v>189</v>
      </c>
    </row>
    <row r="46" spans="1:13">
      <c r="A46" s="15" t="s">
        <v>82</v>
      </c>
      <c r="B46" s="67">
        <v>-32</v>
      </c>
      <c r="C46" s="68">
        <v>-33</v>
      </c>
      <c r="D46" s="68">
        <v>1</v>
      </c>
      <c r="E46" s="67">
        <v>0</v>
      </c>
      <c r="F46" s="68">
        <v>0</v>
      </c>
      <c r="G46" s="69">
        <v>0</v>
      </c>
      <c r="H46" s="68">
        <v>300</v>
      </c>
      <c r="I46" s="68">
        <v>171</v>
      </c>
      <c r="J46" s="68">
        <v>129</v>
      </c>
      <c r="K46" s="67">
        <v>332</v>
      </c>
      <c r="L46" s="79">
        <v>204</v>
      </c>
      <c r="M46" s="80">
        <v>128</v>
      </c>
    </row>
    <row r="47" spans="1:13">
      <c r="A47" s="15" t="s">
        <v>84</v>
      </c>
      <c r="B47" s="67">
        <v>-17</v>
      </c>
      <c r="C47" s="68">
        <v>-16</v>
      </c>
      <c r="D47" s="68">
        <v>-1</v>
      </c>
      <c r="E47" s="67">
        <v>2</v>
      </c>
      <c r="F47" s="68">
        <v>1</v>
      </c>
      <c r="G47" s="69">
        <v>1</v>
      </c>
      <c r="H47" s="68">
        <v>268</v>
      </c>
      <c r="I47" s="68">
        <v>147</v>
      </c>
      <c r="J47" s="68">
        <v>121</v>
      </c>
      <c r="K47" s="67">
        <v>283</v>
      </c>
      <c r="L47" s="79">
        <v>162</v>
      </c>
      <c r="M47" s="80">
        <v>121</v>
      </c>
    </row>
    <row r="48" spans="1:13" ht="21" customHeight="1">
      <c r="A48" s="36" t="s">
        <v>86</v>
      </c>
      <c r="B48" s="64">
        <v>-65</v>
      </c>
      <c r="C48" s="65">
        <v>-25</v>
      </c>
      <c r="D48" s="65">
        <v>-40</v>
      </c>
      <c r="E48" s="64">
        <v>2</v>
      </c>
      <c r="F48" s="65">
        <v>2</v>
      </c>
      <c r="G48" s="66">
        <v>0</v>
      </c>
      <c r="H48" s="65">
        <v>1002</v>
      </c>
      <c r="I48" s="65">
        <v>612</v>
      </c>
      <c r="J48" s="65">
        <v>390</v>
      </c>
      <c r="K48" s="64">
        <v>1065</v>
      </c>
      <c r="L48" s="77">
        <v>635</v>
      </c>
      <c r="M48" s="78">
        <v>430</v>
      </c>
    </row>
    <row r="49" spans="1:13">
      <c r="A49" s="15" t="s">
        <v>88</v>
      </c>
      <c r="B49" s="67">
        <v>-11</v>
      </c>
      <c r="C49" s="68">
        <v>4</v>
      </c>
      <c r="D49" s="68">
        <v>-15</v>
      </c>
      <c r="E49" s="67">
        <v>0</v>
      </c>
      <c r="F49" s="68">
        <v>0</v>
      </c>
      <c r="G49" s="69">
        <v>0</v>
      </c>
      <c r="H49" s="68">
        <v>249</v>
      </c>
      <c r="I49" s="68">
        <v>152</v>
      </c>
      <c r="J49" s="68">
        <v>97</v>
      </c>
      <c r="K49" s="67">
        <v>260</v>
      </c>
      <c r="L49" s="79">
        <v>148</v>
      </c>
      <c r="M49" s="80">
        <v>112</v>
      </c>
    </row>
    <row r="50" spans="1:13">
      <c r="A50" s="15" t="s">
        <v>90</v>
      </c>
      <c r="B50" s="67">
        <v>-13</v>
      </c>
      <c r="C50" s="68">
        <v>-6</v>
      </c>
      <c r="D50" s="68">
        <v>-7</v>
      </c>
      <c r="E50" s="67">
        <v>1</v>
      </c>
      <c r="F50" s="68">
        <v>1</v>
      </c>
      <c r="G50" s="69">
        <v>0</v>
      </c>
      <c r="H50" s="68">
        <v>215</v>
      </c>
      <c r="I50" s="68">
        <v>134</v>
      </c>
      <c r="J50" s="68">
        <v>81</v>
      </c>
      <c r="K50" s="67">
        <v>227</v>
      </c>
      <c r="L50" s="79">
        <v>139</v>
      </c>
      <c r="M50" s="80">
        <v>88</v>
      </c>
    </row>
    <row r="51" spans="1:13">
      <c r="A51" s="15" t="s">
        <v>92</v>
      </c>
      <c r="B51" s="67">
        <v>-14</v>
      </c>
      <c r="C51" s="68">
        <v>-6</v>
      </c>
      <c r="D51" s="68">
        <v>-8</v>
      </c>
      <c r="E51" s="67">
        <v>0</v>
      </c>
      <c r="F51" s="68">
        <v>0</v>
      </c>
      <c r="G51" s="69">
        <v>0</v>
      </c>
      <c r="H51" s="68">
        <v>218</v>
      </c>
      <c r="I51" s="68">
        <v>125</v>
      </c>
      <c r="J51" s="68">
        <v>93</v>
      </c>
      <c r="K51" s="67">
        <v>232</v>
      </c>
      <c r="L51" s="79">
        <v>131</v>
      </c>
      <c r="M51" s="80">
        <v>101</v>
      </c>
    </row>
    <row r="52" spans="1:13">
      <c r="A52" s="15" t="s">
        <v>94</v>
      </c>
      <c r="B52" s="67">
        <v>-4</v>
      </c>
      <c r="C52" s="68">
        <v>14</v>
      </c>
      <c r="D52" s="68">
        <v>-18</v>
      </c>
      <c r="E52" s="67">
        <v>0</v>
      </c>
      <c r="F52" s="68">
        <v>0</v>
      </c>
      <c r="G52" s="69">
        <v>0</v>
      </c>
      <c r="H52" s="68">
        <v>181</v>
      </c>
      <c r="I52" s="68">
        <v>118</v>
      </c>
      <c r="J52" s="68">
        <v>63</v>
      </c>
      <c r="K52" s="67">
        <v>185</v>
      </c>
      <c r="L52" s="79">
        <v>104</v>
      </c>
      <c r="M52" s="80">
        <v>81</v>
      </c>
    </row>
    <row r="53" spans="1:13">
      <c r="A53" s="15" t="s">
        <v>96</v>
      </c>
      <c r="B53" s="67">
        <v>-23</v>
      </c>
      <c r="C53" s="68">
        <v>-31</v>
      </c>
      <c r="D53" s="68">
        <v>8</v>
      </c>
      <c r="E53" s="67">
        <v>1</v>
      </c>
      <c r="F53" s="68">
        <v>1</v>
      </c>
      <c r="G53" s="69">
        <v>0</v>
      </c>
      <c r="H53" s="68">
        <v>139</v>
      </c>
      <c r="I53" s="68">
        <v>83</v>
      </c>
      <c r="J53" s="68">
        <v>56</v>
      </c>
      <c r="K53" s="67">
        <v>161</v>
      </c>
      <c r="L53" s="79">
        <v>113</v>
      </c>
      <c r="M53" s="80">
        <v>48</v>
      </c>
    </row>
    <row r="54" spans="1:13" ht="21" customHeight="1">
      <c r="A54" s="36" t="s">
        <v>98</v>
      </c>
      <c r="B54" s="64">
        <v>-122</v>
      </c>
      <c r="C54" s="65">
        <v>-42</v>
      </c>
      <c r="D54" s="65">
        <v>-80</v>
      </c>
      <c r="E54" s="64">
        <v>6</v>
      </c>
      <c r="F54" s="65">
        <v>4</v>
      </c>
      <c r="G54" s="66">
        <v>2</v>
      </c>
      <c r="H54" s="65">
        <v>543</v>
      </c>
      <c r="I54" s="65">
        <v>343</v>
      </c>
      <c r="J54" s="65">
        <v>200</v>
      </c>
      <c r="K54" s="64">
        <v>659</v>
      </c>
      <c r="L54" s="77">
        <v>381</v>
      </c>
      <c r="M54" s="78">
        <v>278</v>
      </c>
    </row>
    <row r="55" spans="1:13">
      <c r="A55" s="15" t="s">
        <v>100</v>
      </c>
      <c r="B55" s="67">
        <v>-37</v>
      </c>
      <c r="C55" s="68">
        <v>-18</v>
      </c>
      <c r="D55" s="68">
        <v>-19</v>
      </c>
      <c r="E55" s="67">
        <v>0</v>
      </c>
      <c r="F55" s="68">
        <v>0</v>
      </c>
      <c r="G55" s="69">
        <v>0</v>
      </c>
      <c r="H55" s="68">
        <v>115</v>
      </c>
      <c r="I55" s="68">
        <v>70</v>
      </c>
      <c r="J55" s="68">
        <v>45</v>
      </c>
      <c r="K55" s="67">
        <v>152</v>
      </c>
      <c r="L55" s="79">
        <v>88</v>
      </c>
      <c r="M55" s="80">
        <v>64</v>
      </c>
    </row>
    <row r="56" spans="1:13">
      <c r="A56" s="15" t="s">
        <v>102</v>
      </c>
      <c r="B56" s="67">
        <v>-27</v>
      </c>
      <c r="C56" s="68">
        <v>-1</v>
      </c>
      <c r="D56" s="68">
        <v>-26</v>
      </c>
      <c r="E56" s="67">
        <v>0</v>
      </c>
      <c r="F56" s="68">
        <v>0</v>
      </c>
      <c r="G56" s="69">
        <v>0</v>
      </c>
      <c r="H56" s="68">
        <v>124</v>
      </c>
      <c r="I56" s="68">
        <v>81</v>
      </c>
      <c r="J56" s="68">
        <v>43</v>
      </c>
      <c r="K56" s="67">
        <v>151</v>
      </c>
      <c r="L56" s="79">
        <v>82</v>
      </c>
      <c r="M56" s="80">
        <v>69</v>
      </c>
    </row>
    <row r="57" spans="1:13">
      <c r="A57" s="15" t="s">
        <v>104</v>
      </c>
      <c r="B57" s="67">
        <v>-15</v>
      </c>
      <c r="C57" s="68">
        <v>-14</v>
      </c>
      <c r="D57" s="68">
        <v>-1</v>
      </c>
      <c r="E57" s="67">
        <v>1</v>
      </c>
      <c r="F57" s="68">
        <v>1</v>
      </c>
      <c r="G57" s="69">
        <v>0</v>
      </c>
      <c r="H57" s="68">
        <v>117</v>
      </c>
      <c r="I57" s="68">
        <v>70</v>
      </c>
      <c r="J57" s="68">
        <v>47</v>
      </c>
      <c r="K57" s="67">
        <v>131</v>
      </c>
      <c r="L57" s="79">
        <v>83</v>
      </c>
      <c r="M57" s="80">
        <v>48</v>
      </c>
    </row>
    <row r="58" spans="1:13">
      <c r="A58" s="15" t="s">
        <v>106</v>
      </c>
      <c r="B58" s="67">
        <v>-18</v>
      </c>
      <c r="C58" s="68">
        <v>-4</v>
      </c>
      <c r="D58" s="68">
        <v>-14</v>
      </c>
      <c r="E58" s="67">
        <v>3</v>
      </c>
      <c r="F58" s="68">
        <v>2</v>
      </c>
      <c r="G58" s="69">
        <v>1</v>
      </c>
      <c r="H58" s="68">
        <v>96</v>
      </c>
      <c r="I58" s="68">
        <v>62</v>
      </c>
      <c r="J58" s="68">
        <v>34</v>
      </c>
      <c r="K58" s="67">
        <v>111</v>
      </c>
      <c r="L58" s="79">
        <v>64</v>
      </c>
      <c r="M58" s="80">
        <v>47</v>
      </c>
    </row>
    <row r="59" spans="1:13">
      <c r="A59" s="15" t="s">
        <v>108</v>
      </c>
      <c r="B59" s="67">
        <v>-25</v>
      </c>
      <c r="C59" s="68">
        <v>-5</v>
      </c>
      <c r="D59" s="68">
        <v>-20</v>
      </c>
      <c r="E59" s="67">
        <v>2</v>
      </c>
      <c r="F59" s="68">
        <v>1</v>
      </c>
      <c r="G59" s="69">
        <v>1</v>
      </c>
      <c r="H59" s="68">
        <v>91</v>
      </c>
      <c r="I59" s="68">
        <v>60</v>
      </c>
      <c r="J59" s="68">
        <v>31</v>
      </c>
      <c r="K59" s="67">
        <v>114</v>
      </c>
      <c r="L59" s="79">
        <v>64</v>
      </c>
      <c r="M59" s="80">
        <v>50</v>
      </c>
    </row>
    <row r="60" spans="1:13" ht="21" customHeight="1">
      <c r="A60" s="36" t="s">
        <v>110</v>
      </c>
      <c r="B60" s="64">
        <v>-57</v>
      </c>
      <c r="C60" s="65">
        <v>-46</v>
      </c>
      <c r="D60" s="65">
        <v>-11</v>
      </c>
      <c r="E60" s="64">
        <v>22</v>
      </c>
      <c r="F60" s="65">
        <v>19</v>
      </c>
      <c r="G60" s="66">
        <v>3</v>
      </c>
      <c r="H60" s="65">
        <v>428</v>
      </c>
      <c r="I60" s="65">
        <v>267</v>
      </c>
      <c r="J60" s="65">
        <v>161</v>
      </c>
      <c r="K60" s="64">
        <v>463</v>
      </c>
      <c r="L60" s="77">
        <v>294</v>
      </c>
      <c r="M60" s="78">
        <v>169</v>
      </c>
    </row>
    <row r="61" spans="1:13">
      <c r="A61" s="15" t="s">
        <v>112</v>
      </c>
      <c r="B61" s="67">
        <v>-10</v>
      </c>
      <c r="C61" s="68">
        <v>-5</v>
      </c>
      <c r="D61" s="68">
        <v>-5</v>
      </c>
      <c r="E61" s="67">
        <v>2</v>
      </c>
      <c r="F61" s="68">
        <v>2</v>
      </c>
      <c r="G61" s="69">
        <v>0</v>
      </c>
      <c r="H61" s="68">
        <v>88</v>
      </c>
      <c r="I61" s="68">
        <v>55</v>
      </c>
      <c r="J61" s="68">
        <v>33</v>
      </c>
      <c r="K61" s="67">
        <v>96</v>
      </c>
      <c r="L61" s="79">
        <v>58</v>
      </c>
      <c r="M61" s="80">
        <v>38</v>
      </c>
    </row>
    <row r="62" spans="1:13">
      <c r="A62" s="15" t="s">
        <v>114</v>
      </c>
      <c r="B62" s="67">
        <v>11</v>
      </c>
      <c r="C62" s="68">
        <v>6</v>
      </c>
      <c r="D62" s="68">
        <v>5</v>
      </c>
      <c r="E62" s="67">
        <v>1</v>
      </c>
      <c r="F62" s="68">
        <v>1</v>
      </c>
      <c r="G62" s="69">
        <v>0</v>
      </c>
      <c r="H62" s="68">
        <v>93</v>
      </c>
      <c r="I62" s="68">
        <v>58</v>
      </c>
      <c r="J62" s="68">
        <v>35</v>
      </c>
      <c r="K62" s="67">
        <v>81</v>
      </c>
      <c r="L62" s="79">
        <v>51</v>
      </c>
      <c r="M62" s="80">
        <v>30</v>
      </c>
    </row>
    <row r="63" spans="1:13">
      <c r="A63" s="15" t="s">
        <v>116</v>
      </c>
      <c r="B63" s="67">
        <v>-41</v>
      </c>
      <c r="C63" s="68">
        <v>-29</v>
      </c>
      <c r="D63" s="68">
        <v>-12</v>
      </c>
      <c r="E63" s="67">
        <v>5</v>
      </c>
      <c r="F63" s="68">
        <v>3</v>
      </c>
      <c r="G63" s="69">
        <v>2</v>
      </c>
      <c r="H63" s="68">
        <v>66</v>
      </c>
      <c r="I63" s="68">
        <v>39</v>
      </c>
      <c r="J63" s="68">
        <v>27</v>
      </c>
      <c r="K63" s="67">
        <v>102</v>
      </c>
      <c r="L63" s="79">
        <v>65</v>
      </c>
      <c r="M63" s="80">
        <v>37</v>
      </c>
    </row>
    <row r="64" spans="1:13">
      <c r="A64" s="15" t="s">
        <v>118</v>
      </c>
      <c r="B64" s="67">
        <v>-18</v>
      </c>
      <c r="C64" s="68">
        <v>-21</v>
      </c>
      <c r="D64" s="68">
        <v>3</v>
      </c>
      <c r="E64" s="67">
        <v>8</v>
      </c>
      <c r="F64" s="68">
        <v>7</v>
      </c>
      <c r="G64" s="69">
        <v>1</v>
      </c>
      <c r="H64" s="68">
        <v>87</v>
      </c>
      <c r="I64" s="68">
        <v>54</v>
      </c>
      <c r="J64" s="68">
        <v>33</v>
      </c>
      <c r="K64" s="67">
        <v>97</v>
      </c>
      <c r="L64" s="79">
        <v>68</v>
      </c>
      <c r="M64" s="80">
        <v>29</v>
      </c>
    </row>
    <row r="65" spans="1:13">
      <c r="A65" s="19" t="s">
        <v>120</v>
      </c>
      <c r="B65" s="70">
        <v>1</v>
      </c>
      <c r="C65" s="71">
        <v>3</v>
      </c>
      <c r="D65" s="71">
        <v>-2</v>
      </c>
      <c r="E65" s="70">
        <v>6</v>
      </c>
      <c r="F65" s="71">
        <v>6</v>
      </c>
      <c r="G65" s="72">
        <v>0</v>
      </c>
      <c r="H65" s="71">
        <v>94</v>
      </c>
      <c r="I65" s="71">
        <v>61</v>
      </c>
      <c r="J65" s="71">
        <v>33</v>
      </c>
      <c r="K65" s="70">
        <v>87</v>
      </c>
      <c r="L65" s="81">
        <v>52</v>
      </c>
      <c r="M65" s="82">
        <v>3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522</v>
      </c>
      <c r="C69" s="50">
        <v>804</v>
      </c>
      <c r="D69" s="84">
        <v>718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8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06</v>
      </c>
      <c r="C75" s="65">
        <v>-51</v>
      </c>
      <c r="D75" s="65">
        <v>-55</v>
      </c>
      <c r="E75" s="64">
        <v>39</v>
      </c>
      <c r="F75" s="65">
        <v>26</v>
      </c>
      <c r="G75" s="66">
        <v>13</v>
      </c>
      <c r="H75" s="65">
        <v>328</v>
      </c>
      <c r="I75" s="65">
        <v>176</v>
      </c>
      <c r="J75" s="65">
        <v>152</v>
      </c>
      <c r="K75" s="64">
        <v>395</v>
      </c>
      <c r="L75" s="77">
        <v>201</v>
      </c>
      <c r="M75" s="78">
        <v>194</v>
      </c>
    </row>
    <row r="76" spans="1:13">
      <c r="A76" s="27" t="s">
        <v>5</v>
      </c>
      <c r="B76" s="67">
        <v>-12</v>
      </c>
      <c r="C76" s="68">
        <v>-8</v>
      </c>
      <c r="D76" s="68">
        <v>-4</v>
      </c>
      <c r="E76" s="67">
        <v>7</v>
      </c>
      <c r="F76" s="68">
        <v>4</v>
      </c>
      <c r="G76" s="69">
        <v>3</v>
      </c>
      <c r="H76" s="68">
        <v>79</v>
      </c>
      <c r="I76" s="68">
        <v>41</v>
      </c>
      <c r="J76" s="68">
        <v>38</v>
      </c>
      <c r="K76" s="67">
        <v>84</v>
      </c>
      <c r="L76" s="79">
        <v>45</v>
      </c>
      <c r="M76" s="80">
        <v>39</v>
      </c>
    </row>
    <row r="77" spans="1:13">
      <c r="A77" s="27" t="s">
        <v>7</v>
      </c>
      <c r="B77" s="67">
        <v>-24</v>
      </c>
      <c r="C77" s="68">
        <v>-8</v>
      </c>
      <c r="D77" s="68">
        <v>-16</v>
      </c>
      <c r="E77" s="67">
        <v>12</v>
      </c>
      <c r="F77" s="68">
        <v>5</v>
      </c>
      <c r="G77" s="69">
        <v>7</v>
      </c>
      <c r="H77" s="68">
        <v>70</v>
      </c>
      <c r="I77" s="68">
        <v>38</v>
      </c>
      <c r="J77" s="68">
        <v>32</v>
      </c>
      <c r="K77" s="67">
        <v>82</v>
      </c>
      <c r="L77" s="79">
        <v>41</v>
      </c>
      <c r="M77" s="80">
        <v>41</v>
      </c>
    </row>
    <row r="78" spans="1:13">
      <c r="A78" s="27" t="s">
        <v>9</v>
      </c>
      <c r="B78" s="67">
        <v>-26</v>
      </c>
      <c r="C78" s="68">
        <v>-2</v>
      </c>
      <c r="D78" s="68">
        <v>-24</v>
      </c>
      <c r="E78" s="67">
        <v>6</v>
      </c>
      <c r="F78" s="68">
        <v>4</v>
      </c>
      <c r="G78" s="69">
        <v>2</v>
      </c>
      <c r="H78" s="68">
        <v>57</v>
      </c>
      <c r="I78" s="68">
        <v>32</v>
      </c>
      <c r="J78" s="68">
        <v>25</v>
      </c>
      <c r="K78" s="67">
        <v>77</v>
      </c>
      <c r="L78" s="79">
        <v>30</v>
      </c>
      <c r="M78" s="80">
        <v>47</v>
      </c>
    </row>
    <row r="79" spans="1:13">
      <c r="A79" s="27" t="s">
        <v>11</v>
      </c>
      <c r="B79" s="67">
        <v>-22</v>
      </c>
      <c r="C79" s="68">
        <v>-21</v>
      </c>
      <c r="D79" s="68">
        <v>-1</v>
      </c>
      <c r="E79" s="67">
        <v>6</v>
      </c>
      <c r="F79" s="68">
        <v>6</v>
      </c>
      <c r="G79" s="69">
        <v>0</v>
      </c>
      <c r="H79" s="68">
        <v>65</v>
      </c>
      <c r="I79" s="68">
        <v>33</v>
      </c>
      <c r="J79" s="68">
        <v>32</v>
      </c>
      <c r="K79" s="67">
        <v>81</v>
      </c>
      <c r="L79" s="79">
        <v>48</v>
      </c>
      <c r="M79" s="80">
        <v>33</v>
      </c>
    </row>
    <row r="80" spans="1:13">
      <c r="A80" s="27" t="s">
        <v>13</v>
      </c>
      <c r="B80" s="67">
        <v>-22</v>
      </c>
      <c r="C80" s="68">
        <v>-12</v>
      </c>
      <c r="D80" s="68">
        <v>-10</v>
      </c>
      <c r="E80" s="67">
        <v>8</v>
      </c>
      <c r="F80" s="68">
        <v>7</v>
      </c>
      <c r="G80" s="69">
        <v>1</v>
      </c>
      <c r="H80" s="68">
        <v>57</v>
      </c>
      <c r="I80" s="68">
        <v>32</v>
      </c>
      <c r="J80" s="68">
        <v>25</v>
      </c>
      <c r="K80" s="67">
        <v>71</v>
      </c>
      <c r="L80" s="79">
        <v>37</v>
      </c>
      <c r="M80" s="80">
        <v>34</v>
      </c>
    </row>
    <row r="81" spans="1:13" ht="21" customHeight="1">
      <c r="A81" s="38" t="s">
        <v>15</v>
      </c>
      <c r="B81" s="64">
        <v>-139</v>
      </c>
      <c r="C81" s="65">
        <v>-90</v>
      </c>
      <c r="D81" s="65">
        <v>-49</v>
      </c>
      <c r="E81" s="64">
        <v>40</v>
      </c>
      <c r="F81" s="65">
        <v>26</v>
      </c>
      <c r="G81" s="66">
        <v>14</v>
      </c>
      <c r="H81" s="65">
        <v>205</v>
      </c>
      <c r="I81" s="65">
        <v>115</v>
      </c>
      <c r="J81" s="65">
        <v>90</v>
      </c>
      <c r="K81" s="64">
        <v>304</v>
      </c>
      <c r="L81" s="77">
        <v>179</v>
      </c>
      <c r="M81" s="78">
        <v>125</v>
      </c>
    </row>
    <row r="82" spans="1:13">
      <c r="A82" s="27" t="s">
        <v>17</v>
      </c>
      <c r="B82" s="67">
        <v>-37</v>
      </c>
      <c r="C82" s="68">
        <v>-18</v>
      </c>
      <c r="D82" s="68">
        <v>-19</v>
      </c>
      <c r="E82" s="67">
        <v>10</v>
      </c>
      <c r="F82" s="68">
        <v>5</v>
      </c>
      <c r="G82" s="69">
        <v>5</v>
      </c>
      <c r="H82" s="68">
        <v>43</v>
      </c>
      <c r="I82" s="68">
        <v>27</v>
      </c>
      <c r="J82" s="68">
        <v>16</v>
      </c>
      <c r="K82" s="67">
        <v>70</v>
      </c>
      <c r="L82" s="79">
        <v>40</v>
      </c>
      <c r="M82" s="80">
        <v>30</v>
      </c>
    </row>
    <row r="83" spans="1:13">
      <c r="A83" s="27" t="s">
        <v>19</v>
      </c>
      <c r="B83" s="67">
        <v>-6</v>
      </c>
      <c r="C83" s="68">
        <v>-7</v>
      </c>
      <c r="D83" s="68">
        <v>1</v>
      </c>
      <c r="E83" s="67">
        <v>4</v>
      </c>
      <c r="F83" s="68">
        <v>2</v>
      </c>
      <c r="G83" s="69">
        <v>2</v>
      </c>
      <c r="H83" s="68">
        <v>46</v>
      </c>
      <c r="I83" s="68">
        <v>26</v>
      </c>
      <c r="J83" s="68">
        <v>20</v>
      </c>
      <c r="K83" s="67">
        <v>48</v>
      </c>
      <c r="L83" s="79">
        <v>31</v>
      </c>
      <c r="M83" s="80">
        <v>17</v>
      </c>
    </row>
    <row r="84" spans="1:13">
      <c r="A84" s="27" t="s">
        <v>21</v>
      </c>
      <c r="B84" s="67">
        <v>-30</v>
      </c>
      <c r="C84" s="68">
        <v>-22</v>
      </c>
      <c r="D84" s="68">
        <v>-8</v>
      </c>
      <c r="E84" s="67">
        <v>10</v>
      </c>
      <c r="F84" s="68">
        <v>7</v>
      </c>
      <c r="G84" s="69">
        <v>3</v>
      </c>
      <c r="H84" s="68">
        <v>57</v>
      </c>
      <c r="I84" s="68">
        <v>32</v>
      </c>
      <c r="J84" s="68">
        <v>25</v>
      </c>
      <c r="K84" s="67">
        <v>77</v>
      </c>
      <c r="L84" s="79">
        <v>47</v>
      </c>
      <c r="M84" s="80">
        <v>30</v>
      </c>
    </row>
    <row r="85" spans="1:13">
      <c r="A85" s="27" t="s">
        <v>23</v>
      </c>
      <c r="B85" s="67">
        <v>-43</v>
      </c>
      <c r="C85" s="68">
        <v>-25</v>
      </c>
      <c r="D85" s="68">
        <v>-18</v>
      </c>
      <c r="E85" s="67">
        <v>8</v>
      </c>
      <c r="F85" s="68">
        <v>5</v>
      </c>
      <c r="G85" s="69">
        <v>3</v>
      </c>
      <c r="H85" s="68">
        <v>23</v>
      </c>
      <c r="I85" s="68">
        <v>14</v>
      </c>
      <c r="J85" s="68">
        <v>9</v>
      </c>
      <c r="K85" s="67">
        <v>58</v>
      </c>
      <c r="L85" s="79">
        <v>34</v>
      </c>
      <c r="M85" s="80">
        <v>24</v>
      </c>
    </row>
    <row r="86" spans="1:13">
      <c r="A86" s="27" t="s">
        <v>25</v>
      </c>
      <c r="B86" s="67">
        <v>-23</v>
      </c>
      <c r="C86" s="68">
        <v>-18</v>
      </c>
      <c r="D86" s="68">
        <v>-5</v>
      </c>
      <c r="E86" s="67">
        <v>8</v>
      </c>
      <c r="F86" s="68">
        <v>7</v>
      </c>
      <c r="G86" s="69">
        <v>1</v>
      </c>
      <c r="H86" s="68">
        <v>36</v>
      </c>
      <c r="I86" s="68">
        <v>16</v>
      </c>
      <c r="J86" s="68">
        <v>20</v>
      </c>
      <c r="K86" s="67">
        <v>51</v>
      </c>
      <c r="L86" s="79">
        <v>27</v>
      </c>
      <c r="M86" s="80">
        <v>24</v>
      </c>
    </row>
    <row r="87" spans="1:13" ht="21" customHeight="1">
      <c r="A87" s="38" t="s">
        <v>27</v>
      </c>
      <c r="B87" s="64">
        <v>-117</v>
      </c>
      <c r="C87" s="65">
        <v>-95</v>
      </c>
      <c r="D87" s="65">
        <v>-22</v>
      </c>
      <c r="E87" s="64">
        <v>47</v>
      </c>
      <c r="F87" s="65">
        <v>37</v>
      </c>
      <c r="G87" s="66">
        <v>10</v>
      </c>
      <c r="H87" s="65">
        <v>140</v>
      </c>
      <c r="I87" s="65">
        <v>73</v>
      </c>
      <c r="J87" s="65">
        <v>67</v>
      </c>
      <c r="K87" s="64">
        <v>210</v>
      </c>
      <c r="L87" s="77">
        <v>131</v>
      </c>
      <c r="M87" s="78">
        <v>79</v>
      </c>
    </row>
    <row r="88" spans="1:13">
      <c r="A88" s="27" t="s">
        <v>29</v>
      </c>
      <c r="B88" s="67">
        <v>-24</v>
      </c>
      <c r="C88" s="68">
        <v>-25</v>
      </c>
      <c r="D88" s="68">
        <v>1</v>
      </c>
      <c r="E88" s="67">
        <v>7</v>
      </c>
      <c r="F88" s="68">
        <v>4</v>
      </c>
      <c r="G88" s="69">
        <v>3</v>
      </c>
      <c r="H88" s="68">
        <v>44</v>
      </c>
      <c r="I88" s="68">
        <v>26</v>
      </c>
      <c r="J88" s="68">
        <v>18</v>
      </c>
      <c r="K88" s="67">
        <v>61</v>
      </c>
      <c r="L88" s="79">
        <v>47</v>
      </c>
      <c r="M88" s="80">
        <v>14</v>
      </c>
    </row>
    <row r="89" spans="1:13">
      <c r="A89" s="27" t="s">
        <v>31</v>
      </c>
      <c r="B89" s="67">
        <v>-19</v>
      </c>
      <c r="C89" s="68">
        <v>-8</v>
      </c>
      <c r="D89" s="68">
        <v>-11</v>
      </c>
      <c r="E89" s="67">
        <v>10</v>
      </c>
      <c r="F89" s="68">
        <v>7</v>
      </c>
      <c r="G89" s="69">
        <v>3</v>
      </c>
      <c r="H89" s="68">
        <v>28</v>
      </c>
      <c r="I89" s="68">
        <v>18</v>
      </c>
      <c r="J89" s="68">
        <v>10</v>
      </c>
      <c r="K89" s="67">
        <v>37</v>
      </c>
      <c r="L89" s="79">
        <v>19</v>
      </c>
      <c r="M89" s="80">
        <v>18</v>
      </c>
    </row>
    <row r="90" spans="1:13">
      <c r="A90" s="27" t="s">
        <v>33</v>
      </c>
      <c r="B90" s="67">
        <v>-30</v>
      </c>
      <c r="C90" s="68">
        <v>-28</v>
      </c>
      <c r="D90" s="68">
        <v>-2</v>
      </c>
      <c r="E90" s="67">
        <v>9</v>
      </c>
      <c r="F90" s="68">
        <v>7</v>
      </c>
      <c r="G90" s="69">
        <v>2</v>
      </c>
      <c r="H90" s="68">
        <v>25</v>
      </c>
      <c r="I90" s="68">
        <v>9</v>
      </c>
      <c r="J90" s="68">
        <v>16</v>
      </c>
      <c r="K90" s="67">
        <v>46</v>
      </c>
      <c r="L90" s="79">
        <v>30</v>
      </c>
      <c r="M90" s="80">
        <v>16</v>
      </c>
    </row>
    <row r="91" spans="1:13">
      <c r="A91" s="27" t="s">
        <v>35</v>
      </c>
      <c r="B91" s="67">
        <v>-19</v>
      </c>
      <c r="C91" s="68">
        <v>-12</v>
      </c>
      <c r="D91" s="68">
        <v>-7</v>
      </c>
      <c r="E91" s="67">
        <v>11</v>
      </c>
      <c r="F91" s="68">
        <v>11</v>
      </c>
      <c r="G91" s="69">
        <v>0</v>
      </c>
      <c r="H91" s="68">
        <v>21</v>
      </c>
      <c r="I91" s="68">
        <v>12</v>
      </c>
      <c r="J91" s="68">
        <v>9</v>
      </c>
      <c r="K91" s="67">
        <v>29</v>
      </c>
      <c r="L91" s="79">
        <v>13</v>
      </c>
      <c r="M91" s="80">
        <v>16</v>
      </c>
    </row>
    <row r="92" spans="1:13">
      <c r="A92" s="27" t="s">
        <v>37</v>
      </c>
      <c r="B92" s="67">
        <v>-25</v>
      </c>
      <c r="C92" s="68">
        <v>-22</v>
      </c>
      <c r="D92" s="68">
        <v>-3</v>
      </c>
      <c r="E92" s="67">
        <v>10</v>
      </c>
      <c r="F92" s="68">
        <v>8</v>
      </c>
      <c r="G92" s="69">
        <v>2</v>
      </c>
      <c r="H92" s="68">
        <v>22</v>
      </c>
      <c r="I92" s="68">
        <v>8</v>
      </c>
      <c r="J92" s="68">
        <v>14</v>
      </c>
      <c r="K92" s="67">
        <v>37</v>
      </c>
      <c r="L92" s="79">
        <v>22</v>
      </c>
      <c r="M92" s="80">
        <v>15</v>
      </c>
    </row>
    <row r="93" spans="1:13" ht="21" customHeight="1">
      <c r="A93" s="38" t="s">
        <v>39</v>
      </c>
      <c r="B93" s="64">
        <v>-106</v>
      </c>
      <c r="C93" s="65">
        <v>-89</v>
      </c>
      <c r="D93" s="65">
        <v>-17</v>
      </c>
      <c r="E93" s="64">
        <v>85</v>
      </c>
      <c r="F93" s="65">
        <v>60</v>
      </c>
      <c r="G93" s="66">
        <v>25</v>
      </c>
      <c r="H93" s="65">
        <v>107</v>
      </c>
      <c r="I93" s="65">
        <v>58</v>
      </c>
      <c r="J93" s="65">
        <v>49</v>
      </c>
      <c r="K93" s="64">
        <v>128</v>
      </c>
      <c r="L93" s="77">
        <v>87</v>
      </c>
      <c r="M93" s="78">
        <v>41</v>
      </c>
    </row>
    <row r="94" spans="1:13">
      <c r="A94" s="27" t="s">
        <v>41</v>
      </c>
      <c r="B94" s="67">
        <v>-25</v>
      </c>
      <c r="C94" s="68">
        <v>-25</v>
      </c>
      <c r="D94" s="68">
        <v>0</v>
      </c>
      <c r="E94" s="67">
        <v>18</v>
      </c>
      <c r="F94" s="68">
        <v>14</v>
      </c>
      <c r="G94" s="69">
        <v>4</v>
      </c>
      <c r="H94" s="68">
        <v>30</v>
      </c>
      <c r="I94" s="68">
        <v>18</v>
      </c>
      <c r="J94" s="68">
        <v>12</v>
      </c>
      <c r="K94" s="67">
        <v>37</v>
      </c>
      <c r="L94" s="79">
        <v>29</v>
      </c>
      <c r="M94" s="80">
        <v>8</v>
      </c>
    </row>
    <row r="95" spans="1:13">
      <c r="A95" s="27" t="s">
        <v>43</v>
      </c>
      <c r="B95" s="67">
        <v>-26</v>
      </c>
      <c r="C95" s="68">
        <v>-14</v>
      </c>
      <c r="D95" s="68">
        <v>-12</v>
      </c>
      <c r="E95" s="67">
        <v>15</v>
      </c>
      <c r="F95" s="68">
        <v>8</v>
      </c>
      <c r="G95" s="69">
        <v>7</v>
      </c>
      <c r="H95" s="68">
        <v>14</v>
      </c>
      <c r="I95" s="68">
        <v>11</v>
      </c>
      <c r="J95" s="68">
        <v>3</v>
      </c>
      <c r="K95" s="67">
        <v>25</v>
      </c>
      <c r="L95" s="79">
        <v>17</v>
      </c>
      <c r="M95" s="80">
        <v>8</v>
      </c>
    </row>
    <row r="96" spans="1:13">
      <c r="A96" s="27" t="s">
        <v>45</v>
      </c>
      <c r="B96" s="67">
        <v>-11</v>
      </c>
      <c r="C96" s="68">
        <v>-16</v>
      </c>
      <c r="D96" s="68">
        <v>5</v>
      </c>
      <c r="E96" s="67">
        <v>22</v>
      </c>
      <c r="F96" s="68">
        <v>15</v>
      </c>
      <c r="G96" s="69">
        <v>7</v>
      </c>
      <c r="H96" s="68">
        <v>28</v>
      </c>
      <c r="I96" s="68">
        <v>11</v>
      </c>
      <c r="J96" s="68">
        <v>17</v>
      </c>
      <c r="K96" s="67">
        <v>17</v>
      </c>
      <c r="L96" s="79">
        <v>12</v>
      </c>
      <c r="M96" s="80">
        <v>5</v>
      </c>
    </row>
    <row r="97" spans="1:13">
      <c r="A97" s="27" t="s">
        <v>47</v>
      </c>
      <c r="B97" s="67">
        <v>-26</v>
      </c>
      <c r="C97" s="68">
        <v>-18</v>
      </c>
      <c r="D97" s="68">
        <v>-8</v>
      </c>
      <c r="E97" s="67">
        <v>15</v>
      </c>
      <c r="F97" s="68">
        <v>13</v>
      </c>
      <c r="G97" s="69">
        <v>2</v>
      </c>
      <c r="H97" s="68">
        <v>14</v>
      </c>
      <c r="I97" s="68">
        <v>9</v>
      </c>
      <c r="J97" s="68">
        <v>5</v>
      </c>
      <c r="K97" s="67">
        <v>25</v>
      </c>
      <c r="L97" s="79">
        <v>14</v>
      </c>
      <c r="M97" s="80">
        <v>11</v>
      </c>
    </row>
    <row r="98" spans="1:13">
      <c r="A98" s="27" t="s">
        <v>49</v>
      </c>
      <c r="B98" s="67">
        <v>-18</v>
      </c>
      <c r="C98" s="68">
        <v>-16</v>
      </c>
      <c r="D98" s="68">
        <v>-2</v>
      </c>
      <c r="E98" s="67">
        <v>15</v>
      </c>
      <c r="F98" s="68">
        <v>10</v>
      </c>
      <c r="G98" s="69">
        <v>5</v>
      </c>
      <c r="H98" s="68">
        <v>21</v>
      </c>
      <c r="I98" s="68">
        <v>9</v>
      </c>
      <c r="J98" s="68">
        <v>12</v>
      </c>
      <c r="K98" s="67">
        <v>24</v>
      </c>
      <c r="L98" s="79">
        <v>15</v>
      </c>
      <c r="M98" s="80">
        <v>9</v>
      </c>
    </row>
    <row r="99" spans="1:13" ht="21" customHeight="1">
      <c r="A99" s="38" t="s">
        <v>51</v>
      </c>
      <c r="B99" s="64">
        <v>-151</v>
      </c>
      <c r="C99" s="65">
        <v>-110</v>
      </c>
      <c r="D99" s="65">
        <v>-41</v>
      </c>
      <c r="E99" s="64">
        <v>172</v>
      </c>
      <c r="F99" s="65">
        <v>120</v>
      </c>
      <c r="G99" s="66">
        <v>52</v>
      </c>
      <c r="H99" s="65">
        <v>148</v>
      </c>
      <c r="I99" s="65">
        <v>81</v>
      </c>
      <c r="J99" s="65">
        <v>67</v>
      </c>
      <c r="K99" s="64">
        <v>127</v>
      </c>
      <c r="L99" s="77">
        <v>71</v>
      </c>
      <c r="M99" s="78">
        <v>56</v>
      </c>
    </row>
    <row r="100" spans="1:13">
      <c r="A100" s="27" t="s">
        <v>53</v>
      </c>
      <c r="B100" s="67">
        <v>-18</v>
      </c>
      <c r="C100" s="68">
        <v>-14</v>
      </c>
      <c r="D100" s="68">
        <v>-4</v>
      </c>
      <c r="E100" s="67">
        <v>24</v>
      </c>
      <c r="F100" s="68">
        <v>17</v>
      </c>
      <c r="G100" s="69">
        <v>7</v>
      </c>
      <c r="H100" s="68">
        <v>36</v>
      </c>
      <c r="I100" s="68">
        <v>19</v>
      </c>
      <c r="J100" s="68">
        <v>17</v>
      </c>
      <c r="K100" s="67">
        <v>30</v>
      </c>
      <c r="L100" s="79">
        <v>16</v>
      </c>
      <c r="M100" s="80">
        <v>14</v>
      </c>
    </row>
    <row r="101" spans="1:13">
      <c r="A101" s="27" t="s">
        <v>55</v>
      </c>
      <c r="B101" s="67">
        <v>-29</v>
      </c>
      <c r="C101" s="68">
        <v>-24</v>
      </c>
      <c r="D101" s="68">
        <v>-5</v>
      </c>
      <c r="E101" s="67">
        <v>37</v>
      </c>
      <c r="F101" s="68">
        <v>24</v>
      </c>
      <c r="G101" s="69">
        <v>13</v>
      </c>
      <c r="H101" s="68">
        <v>32</v>
      </c>
      <c r="I101" s="68">
        <v>16</v>
      </c>
      <c r="J101" s="68">
        <v>16</v>
      </c>
      <c r="K101" s="67">
        <v>24</v>
      </c>
      <c r="L101" s="79">
        <v>16</v>
      </c>
      <c r="M101" s="80">
        <v>8</v>
      </c>
    </row>
    <row r="102" spans="1:13">
      <c r="A102" s="27" t="s">
        <v>57</v>
      </c>
      <c r="B102" s="67">
        <v>-35</v>
      </c>
      <c r="C102" s="68">
        <v>-19</v>
      </c>
      <c r="D102" s="68">
        <v>-16</v>
      </c>
      <c r="E102" s="67">
        <v>36</v>
      </c>
      <c r="F102" s="68">
        <v>22</v>
      </c>
      <c r="G102" s="69">
        <v>14</v>
      </c>
      <c r="H102" s="68">
        <v>23</v>
      </c>
      <c r="I102" s="68">
        <v>14</v>
      </c>
      <c r="J102" s="68">
        <v>9</v>
      </c>
      <c r="K102" s="67">
        <v>22</v>
      </c>
      <c r="L102" s="79">
        <v>11</v>
      </c>
      <c r="M102" s="80">
        <v>11</v>
      </c>
    </row>
    <row r="103" spans="1:13">
      <c r="A103" s="27" t="s">
        <v>59</v>
      </c>
      <c r="B103" s="67">
        <v>-41</v>
      </c>
      <c r="C103" s="68">
        <v>-28</v>
      </c>
      <c r="D103" s="68">
        <v>-13</v>
      </c>
      <c r="E103" s="67">
        <v>38</v>
      </c>
      <c r="F103" s="68">
        <v>31</v>
      </c>
      <c r="G103" s="69">
        <v>7</v>
      </c>
      <c r="H103" s="68">
        <v>30</v>
      </c>
      <c r="I103" s="68">
        <v>17</v>
      </c>
      <c r="J103" s="68">
        <v>13</v>
      </c>
      <c r="K103" s="67">
        <v>33</v>
      </c>
      <c r="L103" s="79">
        <v>14</v>
      </c>
      <c r="M103" s="80">
        <v>19</v>
      </c>
    </row>
    <row r="104" spans="1:13">
      <c r="A104" s="27" t="s">
        <v>61</v>
      </c>
      <c r="B104" s="67">
        <v>-28</v>
      </c>
      <c r="C104" s="68">
        <v>-25</v>
      </c>
      <c r="D104" s="68">
        <v>-3</v>
      </c>
      <c r="E104" s="67">
        <v>37</v>
      </c>
      <c r="F104" s="68">
        <v>26</v>
      </c>
      <c r="G104" s="69">
        <v>11</v>
      </c>
      <c r="H104" s="68">
        <v>27</v>
      </c>
      <c r="I104" s="68">
        <v>15</v>
      </c>
      <c r="J104" s="68">
        <v>12</v>
      </c>
      <c r="K104" s="67">
        <v>18</v>
      </c>
      <c r="L104" s="79">
        <v>14</v>
      </c>
      <c r="M104" s="80">
        <v>4</v>
      </c>
    </row>
    <row r="105" spans="1:13" ht="21" customHeight="1">
      <c r="A105" s="38" t="s">
        <v>63</v>
      </c>
      <c r="B105" s="64">
        <v>-205</v>
      </c>
      <c r="C105" s="65">
        <v>-126</v>
      </c>
      <c r="D105" s="65">
        <v>-79</v>
      </c>
      <c r="E105" s="64">
        <v>205</v>
      </c>
      <c r="F105" s="65">
        <v>123</v>
      </c>
      <c r="G105" s="66">
        <v>82</v>
      </c>
      <c r="H105" s="65">
        <v>81</v>
      </c>
      <c r="I105" s="65">
        <v>40</v>
      </c>
      <c r="J105" s="65">
        <v>41</v>
      </c>
      <c r="K105" s="64">
        <v>81</v>
      </c>
      <c r="L105" s="77">
        <v>43</v>
      </c>
      <c r="M105" s="78">
        <v>38</v>
      </c>
    </row>
    <row r="106" spans="1:13">
      <c r="A106" s="27" t="s">
        <v>65</v>
      </c>
      <c r="B106" s="67">
        <v>-49</v>
      </c>
      <c r="C106" s="68">
        <v>-27</v>
      </c>
      <c r="D106" s="68">
        <v>-22</v>
      </c>
      <c r="E106" s="67">
        <v>46</v>
      </c>
      <c r="F106" s="68">
        <v>30</v>
      </c>
      <c r="G106" s="69">
        <v>16</v>
      </c>
      <c r="H106" s="68">
        <v>18</v>
      </c>
      <c r="I106" s="68">
        <v>15</v>
      </c>
      <c r="J106" s="68">
        <v>3</v>
      </c>
      <c r="K106" s="67">
        <v>21</v>
      </c>
      <c r="L106" s="79">
        <v>12</v>
      </c>
      <c r="M106" s="80">
        <v>9</v>
      </c>
    </row>
    <row r="107" spans="1:13">
      <c r="A107" s="27" t="s">
        <v>67</v>
      </c>
      <c r="B107" s="67">
        <v>-35</v>
      </c>
      <c r="C107" s="68">
        <v>-29</v>
      </c>
      <c r="D107" s="68">
        <v>-6</v>
      </c>
      <c r="E107" s="67">
        <v>34</v>
      </c>
      <c r="F107" s="68">
        <v>24</v>
      </c>
      <c r="G107" s="69">
        <v>10</v>
      </c>
      <c r="H107" s="68">
        <v>14</v>
      </c>
      <c r="I107" s="68">
        <v>6</v>
      </c>
      <c r="J107" s="68">
        <v>8</v>
      </c>
      <c r="K107" s="67">
        <v>15</v>
      </c>
      <c r="L107" s="79">
        <v>11</v>
      </c>
      <c r="M107" s="80">
        <v>4</v>
      </c>
    </row>
    <row r="108" spans="1:13">
      <c r="A108" s="27" t="s">
        <v>69</v>
      </c>
      <c r="B108" s="67">
        <v>-29</v>
      </c>
      <c r="C108" s="68">
        <v>-14</v>
      </c>
      <c r="D108" s="68">
        <v>-15</v>
      </c>
      <c r="E108" s="67">
        <v>29</v>
      </c>
      <c r="F108" s="68">
        <v>13</v>
      </c>
      <c r="G108" s="69">
        <v>16</v>
      </c>
      <c r="H108" s="68">
        <v>9</v>
      </c>
      <c r="I108" s="68">
        <v>3</v>
      </c>
      <c r="J108" s="68">
        <v>6</v>
      </c>
      <c r="K108" s="67">
        <v>9</v>
      </c>
      <c r="L108" s="79">
        <v>4</v>
      </c>
      <c r="M108" s="80">
        <v>5</v>
      </c>
    </row>
    <row r="109" spans="1:13">
      <c r="A109" s="27" t="s">
        <v>71</v>
      </c>
      <c r="B109" s="67">
        <v>-44</v>
      </c>
      <c r="C109" s="68">
        <v>-30</v>
      </c>
      <c r="D109" s="68">
        <v>-14</v>
      </c>
      <c r="E109" s="67">
        <v>43</v>
      </c>
      <c r="F109" s="68">
        <v>29</v>
      </c>
      <c r="G109" s="69">
        <v>14</v>
      </c>
      <c r="H109" s="68">
        <v>18</v>
      </c>
      <c r="I109" s="68">
        <v>6</v>
      </c>
      <c r="J109" s="68">
        <v>12</v>
      </c>
      <c r="K109" s="67">
        <v>19</v>
      </c>
      <c r="L109" s="79">
        <v>7</v>
      </c>
      <c r="M109" s="80">
        <v>12</v>
      </c>
    </row>
    <row r="110" spans="1:13">
      <c r="A110" s="27" t="s">
        <v>73</v>
      </c>
      <c r="B110" s="67">
        <v>-48</v>
      </c>
      <c r="C110" s="68">
        <v>-26</v>
      </c>
      <c r="D110" s="68">
        <v>-22</v>
      </c>
      <c r="E110" s="67">
        <v>53</v>
      </c>
      <c r="F110" s="68">
        <v>27</v>
      </c>
      <c r="G110" s="69">
        <v>26</v>
      </c>
      <c r="H110" s="68">
        <v>22</v>
      </c>
      <c r="I110" s="68">
        <v>10</v>
      </c>
      <c r="J110" s="68">
        <v>12</v>
      </c>
      <c r="K110" s="67">
        <v>17</v>
      </c>
      <c r="L110" s="79">
        <v>9</v>
      </c>
      <c r="M110" s="80">
        <v>8</v>
      </c>
    </row>
    <row r="111" spans="1:13" ht="21" customHeight="1">
      <c r="A111" s="38" t="s">
        <v>75</v>
      </c>
      <c r="B111" s="64">
        <v>-310</v>
      </c>
      <c r="C111" s="65">
        <v>-194</v>
      </c>
      <c r="D111" s="65">
        <v>-116</v>
      </c>
      <c r="E111" s="64">
        <v>292</v>
      </c>
      <c r="F111" s="65">
        <v>185</v>
      </c>
      <c r="G111" s="66">
        <v>107</v>
      </c>
      <c r="H111" s="65">
        <v>64</v>
      </c>
      <c r="I111" s="65">
        <v>20</v>
      </c>
      <c r="J111" s="65">
        <v>44</v>
      </c>
      <c r="K111" s="64">
        <v>82</v>
      </c>
      <c r="L111" s="77">
        <v>29</v>
      </c>
      <c r="M111" s="78">
        <v>53</v>
      </c>
    </row>
    <row r="112" spans="1:13">
      <c r="A112" s="27" t="s">
        <v>77</v>
      </c>
      <c r="B112" s="67">
        <v>-49</v>
      </c>
      <c r="C112" s="68">
        <v>-33</v>
      </c>
      <c r="D112" s="68">
        <v>-16</v>
      </c>
      <c r="E112" s="67">
        <v>58</v>
      </c>
      <c r="F112" s="68">
        <v>33</v>
      </c>
      <c r="G112" s="69">
        <v>25</v>
      </c>
      <c r="H112" s="68">
        <v>18</v>
      </c>
      <c r="I112" s="68">
        <v>6</v>
      </c>
      <c r="J112" s="68">
        <v>12</v>
      </c>
      <c r="K112" s="67">
        <v>9</v>
      </c>
      <c r="L112" s="79">
        <v>6</v>
      </c>
      <c r="M112" s="80">
        <v>3</v>
      </c>
    </row>
    <row r="113" spans="1:13">
      <c r="A113" s="27" t="s">
        <v>79</v>
      </c>
      <c r="B113" s="67">
        <v>-59</v>
      </c>
      <c r="C113" s="68">
        <v>-43</v>
      </c>
      <c r="D113" s="68">
        <v>-16</v>
      </c>
      <c r="E113" s="67">
        <v>54</v>
      </c>
      <c r="F113" s="68">
        <v>45</v>
      </c>
      <c r="G113" s="69">
        <v>9</v>
      </c>
      <c r="H113" s="68">
        <v>16</v>
      </c>
      <c r="I113" s="68">
        <v>8</v>
      </c>
      <c r="J113" s="68">
        <v>8</v>
      </c>
      <c r="K113" s="67">
        <v>21</v>
      </c>
      <c r="L113" s="79">
        <v>6</v>
      </c>
      <c r="M113" s="80">
        <v>15</v>
      </c>
    </row>
    <row r="114" spans="1:13">
      <c r="A114" s="27" t="s">
        <v>81</v>
      </c>
      <c r="B114" s="67">
        <v>-72</v>
      </c>
      <c r="C114" s="68">
        <v>-47</v>
      </c>
      <c r="D114" s="68">
        <v>-25</v>
      </c>
      <c r="E114" s="67">
        <v>61</v>
      </c>
      <c r="F114" s="68">
        <v>43</v>
      </c>
      <c r="G114" s="69">
        <v>18</v>
      </c>
      <c r="H114" s="68">
        <v>10</v>
      </c>
      <c r="I114" s="68">
        <v>3</v>
      </c>
      <c r="J114" s="68">
        <v>7</v>
      </c>
      <c r="K114" s="67">
        <v>21</v>
      </c>
      <c r="L114" s="79">
        <v>7</v>
      </c>
      <c r="M114" s="80">
        <v>14</v>
      </c>
    </row>
    <row r="115" spans="1:13">
      <c r="A115" s="27" t="s">
        <v>83</v>
      </c>
      <c r="B115" s="67">
        <v>-79</v>
      </c>
      <c r="C115" s="68">
        <v>-43</v>
      </c>
      <c r="D115" s="68">
        <v>-36</v>
      </c>
      <c r="E115" s="67">
        <v>65</v>
      </c>
      <c r="F115" s="68">
        <v>36</v>
      </c>
      <c r="G115" s="69">
        <v>29</v>
      </c>
      <c r="H115" s="68">
        <v>8</v>
      </c>
      <c r="I115" s="68">
        <v>0</v>
      </c>
      <c r="J115" s="68">
        <v>8</v>
      </c>
      <c r="K115" s="67">
        <v>22</v>
      </c>
      <c r="L115" s="79">
        <v>7</v>
      </c>
      <c r="M115" s="80">
        <v>15</v>
      </c>
    </row>
    <row r="116" spans="1:13">
      <c r="A116" s="27" t="s">
        <v>85</v>
      </c>
      <c r="B116" s="67">
        <v>-51</v>
      </c>
      <c r="C116" s="68">
        <v>-28</v>
      </c>
      <c r="D116" s="68">
        <v>-23</v>
      </c>
      <c r="E116" s="67">
        <v>54</v>
      </c>
      <c r="F116" s="68">
        <v>28</v>
      </c>
      <c r="G116" s="69">
        <v>26</v>
      </c>
      <c r="H116" s="68">
        <v>12</v>
      </c>
      <c r="I116" s="68">
        <v>3</v>
      </c>
      <c r="J116" s="68">
        <v>9</v>
      </c>
      <c r="K116" s="67">
        <v>9</v>
      </c>
      <c r="L116" s="79">
        <v>3</v>
      </c>
      <c r="M116" s="80">
        <v>6</v>
      </c>
    </row>
    <row r="117" spans="1:13" ht="21" customHeight="1">
      <c r="A117" s="38" t="s">
        <v>87</v>
      </c>
      <c r="B117" s="64">
        <v>-321</v>
      </c>
      <c r="C117" s="65">
        <v>-168</v>
      </c>
      <c r="D117" s="65">
        <v>-153</v>
      </c>
      <c r="E117" s="64">
        <v>311</v>
      </c>
      <c r="F117" s="65">
        <v>158</v>
      </c>
      <c r="G117" s="66">
        <v>153</v>
      </c>
      <c r="H117" s="65">
        <v>71</v>
      </c>
      <c r="I117" s="65">
        <v>14</v>
      </c>
      <c r="J117" s="65">
        <v>57</v>
      </c>
      <c r="K117" s="64">
        <v>81</v>
      </c>
      <c r="L117" s="77">
        <v>24</v>
      </c>
      <c r="M117" s="78">
        <v>57</v>
      </c>
    </row>
    <row r="118" spans="1:13">
      <c r="A118" s="27" t="s">
        <v>89</v>
      </c>
      <c r="B118" s="67">
        <v>-62</v>
      </c>
      <c r="C118" s="68">
        <v>-37</v>
      </c>
      <c r="D118" s="68">
        <v>-25</v>
      </c>
      <c r="E118" s="67">
        <v>64</v>
      </c>
      <c r="F118" s="68">
        <v>38</v>
      </c>
      <c r="G118" s="69">
        <v>26</v>
      </c>
      <c r="H118" s="68">
        <v>16</v>
      </c>
      <c r="I118" s="68">
        <v>5</v>
      </c>
      <c r="J118" s="68">
        <v>11</v>
      </c>
      <c r="K118" s="67">
        <v>14</v>
      </c>
      <c r="L118" s="79">
        <v>4</v>
      </c>
      <c r="M118" s="80">
        <v>10</v>
      </c>
    </row>
    <row r="119" spans="1:13">
      <c r="A119" s="27" t="s">
        <v>91</v>
      </c>
      <c r="B119" s="67">
        <v>-53</v>
      </c>
      <c r="C119" s="68">
        <v>-29</v>
      </c>
      <c r="D119" s="68">
        <v>-24</v>
      </c>
      <c r="E119" s="67">
        <v>52</v>
      </c>
      <c r="F119" s="68">
        <v>28</v>
      </c>
      <c r="G119" s="69">
        <v>24</v>
      </c>
      <c r="H119" s="68">
        <v>13</v>
      </c>
      <c r="I119" s="68">
        <v>3</v>
      </c>
      <c r="J119" s="68">
        <v>10</v>
      </c>
      <c r="K119" s="67">
        <v>14</v>
      </c>
      <c r="L119" s="79">
        <v>4</v>
      </c>
      <c r="M119" s="80">
        <v>10</v>
      </c>
    </row>
    <row r="120" spans="1:13">
      <c r="A120" s="27" t="s">
        <v>93</v>
      </c>
      <c r="B120" s="67">
        <v>-57</v>
      </c>
      <c r="C120" s="68">
        <v>-30</v>
      </c>
      <c r="D120" s="68">
        <v>-27</v>
      </c>
      <c r="E120" s="67">
        <v>55</v>
      </c>
      <c r="F120" s="68">
        <v>24</v>
      </c>
      <c r="G120" s="69">
        <v>31</v>
      </c>
      <c r="H120" s="68">
        <v>16</v>
      </c>
      <c r="I120" s="68">
        <v>3</v>
      </c>
      <c r="J120" s="68">
        <v>13</v>
      </c>
      <c r="K120" s="67">
        <v>18</v>
      </c>
      <c r="L120" s="79">
        <v>9</v>
      </c>
      <c r="M120" s="80">
        <v>9</v>
      </c>
    </row>
    <row r="121" spans="1:13">
      <c r="A121" s="27" t="s">
        <v>95</v>
      </c>
      <c r="B121" s="67">
        <v>-79</v>
      </c>
      <c r="C121" s="68">
        <v>-41</v>
      </c>
      <c r="D121" s="68">
        <v>-38</v>
      </c>
      <c r="E121" s="67">
        <v>70</v>
      </c>
      <c r="F121" s="68">
        <v>37</v>
      </c>
      <c r="G121" s="69">
        <v>33</v>
      </c>
      <c r="H121" s="68">
        <v>11</v>
      </c>
      <c r="I121" s="68">
        <v>0</v>
      </c>
      <c r="J121" s="68">
        <v>11</v>
      </c>
      <c r="K121" s="67">
        <v>20</v>
      </c>
      <c r="L121" s="79">
        <v>4</v>
      </c>
      <c r="M121" s="80">
        <v>16</v>
      </c>
    </row>
    <row r="122" spans="1:13">
      <c r="A122" s="27" t="s">
        <v>97</v>
      </c>
      <c r="B122" s="67">
        <v>-70</v>
      </c>
      <c r="C122" s="68">
        <v>-31</v>
      </c>
      <c r="D122" s="68">
        <v>-39</v>
      </c>
      <c r="E122" s="67">
        <v>70</v>
      </c>
      <c r="F122" s="68">
        <v>31</v>
      </c>
      <c r="G122" s="69">
        <v>39</v>
      </c>
      <c r="H122" s="68">
        <v>15</v>
      </c>
      <c r="I122" s="68">
        <v>3</v>
      </c>
      <c r="J122" s="68">
        <v>12</v>
      </c>
      <c r="K122" s="67">
        <v>15</v>
      </c>
      <c r="L122" s="79">
        <v>3</v>
      </c>
      <c r="M122" s="80">
        <v>12</v>
      </c>
    </row>
    <row r="123" spans="1:13" ht="21" customHeight="1">
      <c r="A123" s="38" t="s">
        <v>99</v>
      </c>
      <c r="B123" s="64">
        <v>-297</v>
      </c>
      <c r="C123" s="65">
        <v>-111</v>
      </c>
      <c r="D123" s="65">
        <v>-186</v>
      </c>
      <c r="E123" s="64">
        <v>286</v>
      </c>
      <c r="F123" s="65">
        <v>118</v>
      </c>
      <c r="G123" s="66">
        <v>168</v>
      </c>
      <c r="H123" s="65">
        <v>38</v>
      </c>
      <c r="I123" s="65">
        <v>16</v>
      </c>
      <c r="J123" s="65">
        <v>22</v>
      </c>
      <c r="K123" s="64">
        <v>49</v>
      </c>
      <c r="L123" s="77">
        <v>9</v>
      </c>
      <c r="M123" s="78">
        <v>40</v>
      </c>
    </row>
    <row r="124" spans="1:13">
      <c r="A124" s="27" t="s">
        <v>101</v>
      </c>
      <c r="B124" s="67">
        <v>-73</v>
      </c>
      <c r="C124" s="68">
        <v>-30</v>
      </c>
      <c r="D124" s="68">
        <v>-43</v>
      </c>
      <c r="E124" s="67">
        <v>66</v>
      </c>
      <c r="F124" s="68">
        <v>30</v>
      </c>
      <c r="G124" s="69">
        <v>36</v>
      </c>
      <c r="H124" s="68">
        <v>10</v>
      </c>
      <c r="I124" s="68">
        <v>2</v>
      </c>
      <c r="J124" s="68">
        <v>8</v>
      </c>
      <c r="K124" s="67">
        <v>17</v>
      </c>
      <c r="L124" s="79">
        <v>2</v>
      </c>
      <c r="M124" s="80">
        <v>15</v>
      </c>
    </row>
    <row r="125" spans="1:13">
      <c r="A125" s="27" t="s">
        <v>103</v>
      </c>
      <c r="B125" s="67">
        <v>-50</v>
      </c>
      <c r="C125" s="68">
        <v>-22</v>
      </c>
      <c r="D125" s="68">
        <v>-28</v>
      </c>
      <c r="E125" s="67">
        <v>52</v>
      </c>
      <c r="F125" s="68">
        <v>27</v>
      </c>
      <c r="G125" s="69">
        <v>25</v>
      </c>
      <c r="H125" s="68">
        <v>10</v>
      </c>
      <c r="I125" s="68">
        <v>6</v>
      </c>
      <c r="J125" s="68">
        <v>4</v>
      </c>
      <c r="K125" s="67">
        <v>8</v>
      </c>
      <c r="L125" s="79">
        <v>1</v>
      </c>
      <c r="M125" s="80">
        <v>7</v>
      </c>
    </row>
    <row r="126" spans="1:13">
      <c r="A126" s="27" t="s">
        <v>105</v>
      </c>
      <c r="B126" s="67">
        <v>-68</v>
      </c>
      <c r="C126" s="68">
        <v>-23</v>
      </c>
      <c r="D126" s="68">
        <v>-45</v>
      </c>
      <c r="E126" s="67">
        <v>64</v>
      </c>
      <c r="F126" s="68">
        <v>24</v>
      </c>
      <c r="G126" s="69">
        <v>40</v>
      </c>
      <c r="H126" s="68">
        <v>6</v>
      </c>
      <c r="I126" s="68">
        <v>3</v>
      </c>
      <c r="J126" s="68">
        <v>3</v>
      </c>
      <c r="K126" s="67">
        <v>10</v>
      </c>
      <c r="L126" s="79">
        <v>2</v>
      </c>
      <c r="M126" s="80">
        <v>8</v>
      </c>
    </row>
    <row r="127" spans="1:13">
      <c r="A127" s="27" t="s">
        <v>107</v>
      </c>
      <c r="B127" s="67">
        <v>-46</v>
      </c>
      <c r="C127" s="68">
        <v>-15</v>
      </c>
      <c r="D127" s="68">
        <v>-31</v>
      </c>
      <c r="E127" s="67">
        <v>44</v>
      </c>
      <c r="F127" s="68">
        <v>16</v>
      </c>
      <c r="G127" s="69">
        <v>28</v>
      </c>
      <c r="H127" s="68">
        <v>7</v>
      </c>
      <c r="I127" s="68">
        <v>3</v>
      </c>
      <c r="J127" s="68">
        <v>4</v>
      </c>
      <c r="K127" s="67">
        <v>9</v>
      </c>
      <c r="L127" s="79">
        <v>2</v>
      </c>
      <c r="M127" s="80">
        <v>7</v>
      </c>
    </row>
    <row r="128" spans="1:13">
      <c r="A128" s="27" t="s">
        <v>109</v>
      </c>
      <c r="B128" s="67">
        <v>-60</v>
      </c>
      <c r="C128" s="68">
        <v>-21</v>
      </c>
      <c r="D128" s="68">
        <v>-39</v>
      </c>
      <c r="E128" s="67">
        <v>60</v>
      </c>
      <c r="F128" s="68">
        <v>21</v>
      </c>
      <c r="G128" s="69">
        <v>39</v>
      </c>
      <c r="H128" s="68">
        <v>5</v>
      </c>
      <c r="I128" s="68">
        <v>2</v>
      </c>
      <c r="J128" s="68">
        <v>3</v>
      </c>
      <c r="K128" s="67">
        <v>5</v>
      </c>
      <c r="L128" s="79">
        <v>2</v>
      </c>
      <c r="M128" s="80">
        <v>3</v>
      </c>
    </row>
    <row r="129" spans="1:14" ht="21" customHeight="1">
      <c r="A129" s="38" t="s">
        <v>111</v>
      </c>
      <c r="B129" s="64">
        <v>-158</v>
      </c>
      <c r="C129" s="65">
        <v>-50</v>
      </c>
      <c r="D129" s="65">
        <v>-108</v>
      </c>
      <c r="E129" s="64">
        <v>166</v>
      </c>
      <c r="F129" s="65">
        <v>47</v>
      </c>
      <c r="G129" s="66">
        <v>119</v>
      </c>
      <c r="H129" s="65">
        <v>19</v>
      </c>
      <c r="I129" s="65">
        <v>2</v>
      </c>
      <c r="J129" s="65">
        <v>17</v>
      </c>
      <c r="K129" s="64">
        <v>11</v>
      </c>
      <c r="L129" s="77">
        <v>5</v>
      </c>
      <c r="M129" s="78">
        <v>6</v>
      </c>
    </row>
    <row r="130" spans="1:14">
      <c r="A130" s="27" t="s">
        <v>113</v>
      </c>
      <c r="B130" s="67">
        <v>-45</v>
      </c>
      <c r="C130" s="68">
        <v>-23</v>
      </c>
      <c r="D130" s="68">
        <v>-22</v>
      </c>
      <c r="E130" s="67">
        <v>47</v>
      </c>
      <c r="F130" s="68">
        <v>20</v>
      </c>
      <c r="G130" s="69">
        <v>27</v>
      </c>
      <c r="H130" s="68">
        <v>6</v>
      </c>
      <c r="I130" s="68">
        <v>1</v>
      </c>
      <c r="J130" s="68">
        <v>5</v>
      </c>
      <c r="K130" s="67">
        <v>4</v>
      </c>
      <c r="L130" s="79">
        <v>4</v>
      </c>
      <c r="M130" s="80">
        <v>0</v>
      </c>
    </row>
    <row r="131" spans="1:14">
      <c r="A131" s="27" t="s">
        <v>115</v>
      </c>
      <c r="B131" s="67">
        <v>-35</v>
      </c>
      <c r="C131" s="68">
        <v>-8</v>
      </c>
      <c r="D131" s="68">
        <v>-27</v>
      </c>
      <c r="E131" s="67">
        <v>38</v>
      </c>
      <c r="F131" s="68">
        <v>8</v>
      </c>
      <c r="G131" s="69">
        <v>30</v>
      </c>
      <c r="H131" s="68">
        <v>7</v>
      </c>
      <c r="I131" s="68">
        <v>1</v>
      </c>
      <c r="J131" s="68">
        <v>6</v>
      </c>
      <c r="K131" s="67">
        <v>4</v>
      </c>
      <c r="L131" s="79">
        <v>1</v>
      </c>
      <c r="M131" s="80">
        <v>3</v>
      </c>
    </row>
    <row r="132" spans="1:14">
      <c r="A132" s="27" t="s">
        <v>117</v>
      </c>
      <c r="B132" s="67">
        <v>-36</v>
      </c>
      <c r="C132" s="68">
        <v>-9</v>
      </c>
      <c r="D132" s="68">
        <v>-27</v>
      </c>
      <c r="E132" s="67">
        <v>36</v>
      </c>
      <c r="F132" s="68">
        <v>9</v>
      </c>
      <c r="G132" s="69">
        <v>27</v>
      </c>
      <c r="H132" s="68">
        <v>1</v>
      </c>
      <c r="I132" s="68">
        <v>0</v>
      </c>
      <c r="J132" s="68">
        <v>1</v>
      </c>
      <c r="K132" s="67">
        <v>1</v>
      </c>
      <c r="L132" s="79">
        <v>0</v>
      </c>
      <c r="M132" s="80">
        <v>1</v>
      </c>
    </row>
    <row r="133" spans="1:14">
      <c r="A133" s="27" t="s">
        <v>119</v>
      </c>
      <c r="B133" s="67">
        <v>-23</v>
      </c>
      <c r="C133" s="68">
        <v>-6</v>
      </c>
      <c r="D133" s="68">
        <v>-17</v>
      </c>
      <c r="E133" s="67">
        <v>23</v>
      </c>
      <c r="F133" s="68">
        <v>6</v>
      </c>
      <c r="G133" s="69">
        <v>17</v>
      </c>
      <c r="H133" s="68">
        <v>1</v>
      </c>
      <c r="I133" s="68">
        <v>0</v>
      </c>
      <c r="J133" s="68">
        <v>1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19</v>
      </c>
      <c r="C134" s="68">
        <v>-4</v>
      </c>
      <c r="D134" s="68">
        <v>-15</v>
      </c>
      <c r="E134" s="67">
        <v>22</v>
      </c>
      <c r="F134" s="68">
        <v>4</v>
      </c>
      <c r="G134" s="69">
        <v>18</v>
      </c>
      <c r="H134" s="68">
        <v>4</v>
      </c>
      <c r="I134" s="68">
        <v>0</v>
      </c>
      <c r="J134" s="68">
        <v>4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49</v>
      </c>
      <c r="C135" s="40">
        <v>-7</v>
      </c>
      <c r="D135" s="40">
        <v>-42</v>
      </c>
      <c r="E135" s="42">
        <v>47</v>
      </c>
      <c r="F135" s="40">
        <v>7</v>
      </c>
      <c r="G135" s="43">
        <v>40</v>
      </c>
      <c r="H135" s="40">
        <v>0</v>
      </c>
      <c r="I135" s="40">
        <v>0</v>
      </c>
      <c r="J135" s="40">
        <v>0</v>
      </c>
      <c r="K135" s="42">
        <v>2</v>
      </c>
      <c r="L135" s="44">
        <v>0</v>
      </c>
      <c r="M135" s="85">
        <v>2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69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005</v>
      </c>
      <c r="C5" s="62">
        <v>237</v>
      </c>
      <c r="D5" s="62">
        <v>768</v>
      </c>
      <c r="E5" s="61">
        <v>1846</v>
      </c>
      <c r="F5" s="62">
        <v>965</v>
      </c>
      <c r="G5" s="63">
        <v>881</v>
      </c>
      <c r="H5" s="62">
        <v>21669</v>
      </c>
      <c r="I5" s="62">
        <v>11236</v>
      </c>
      <c r="J5" s="62">
        <v>10433</v>
      </c>
      <c r="K5" s="61">
        <v>21215</v>
      </c>
      <c r="L5" s="75">
        <v>11263</v>
      </c>
      <c r="M5" s="76">
        <v>9952</v>
      </c>
    </row>
    <row r="6" spans="1:13" ht="23.25" customHeight="1">
      <c r="A6" s="36" t="s">
        <v>2</v>
      </c>
      <c r="B6" s="64">
        <v>1776</v>
      </c>
      <c r="C6" s="65">
        <v>917</v>
      </c>
      <c r="D6" s="65">
        <v>859</v>
      </c>
      <c r="E6" s="64">
        <v>5</v>
      </c>
      <c r="F6" s="65">
        <v>1</v>
      </c>
      <c r="G6" s="66">
        <v>4</v>
      </c>
      <c r="H6" s="65">
        <v>676</v>
      </c>
      <c r="I6" s="65">
        <v>362</v>
      </c>
      <c r="J6" s="65">
        <v>314</v>
      </c>
      <c r="K6" s="64">
        <v>1292</v>
      </c>
      <c r="L6" s="77">
        <v>673</v>
      </c>
      <c r="M6" s="78">
        <v>619</v>
      </c>
    </row>
    <row r="7" spans="1:13">
      <c r="A7" s="15" t="s">
        <v>4</v>
      </c>
      <c r="B7" s="67">
        <v>2318</v>
      </c>
      <c r="C7" s="68">
        <v>1181</v>
      </c>
      <c r="D7" s="68">
        <v>1137</v>
      </c>
      <c r="E7" s="67">
        <v>5</v>
      </c>
      <c r="F7" s="68">
        <v>1</v>
      </c>
      <c r="G7" s="69">
        <v>4</v>
      </c>
      <c r="H7" s="68">
        <v>109</v>
      </c>
      <c r="I7" s="68">
        <v>54</v>
      </c>
      <c r="J7" s="68">
        <v>55</v>
      </c>
      <c r="K7" s="67">
        <v>183</v>
      </c>
      <c r="L7" s="79">
        <v>101</v>
      </c>
      <c r="M7" s="80">
        <v>82</v>
      </c>
    </row>
    <row r="8" spans="1:13">
      <c r="A8" s="15" t="s">
        <v>6</v>
      </c>
      <c r="B8" s="67">
        <v>-176</v>
      </c>
      <c r="C8" s="68">
        <v>-93</v>
      </c>
      <c r="D8" s="68">
        <v>-83</v>
      </c>
      <c r="E8" s="67">
        <v>0</v>
      </c>
      <c r="F8" s="68">
        <v>0</v>
      </c>
      <c r="G8" s="69">
        <v>0</v>
      </c>
      <c r="H8" s="68">
        <v>197</v>
      </c>
      <c r="I8" s="68">
        <v>99</v>
      </c>
      <c r="J8" s="68">
        <v>98</v>
      </c>
      <c r="K8" s="67">
        <v>373</v>
      </c>
      <c r="L8" s="79">
        <v>192</v>
      </c>
      <c r="M8" s="80">
        <v>181</v>
      </c>
    </row>
    <row r="9" spans="1:13">
      <c r="A9" s="15" t="s">
        <v>8</v>
      </c>
      <c r="B9" s="67">
        <v>-154</v>
      </c>
      <c r="C9" s="68">
        <v>-72</v>
      </c>
      <c r="D9" s="68">
        <v>-82</v>
      </c>
      <c r="E9" s="67">
        <v>0</v>
      </c>
      <c r="F9" s="68">
        <v>0</v>
      </c>
      <c r="G9" s="69">
        <v>0</v>
      </c>
      <c r="H9" s="68">
        <v>166</v>
      </c>
      <c r="I9" s="68">
        <v>95</v>
      </c>
      <c r="J9" s="68">
        <v>71</v>
      </c>
      <c r="K9" s="67">
        <v>320</v>
      </c>
      <c r="L9" s="79">
        <v>167</v>
      </c>
      <c r="M9" s="80">
        <v>153</v>
      </c>
    </row>
    <row r="10" spans="1:13">
      <c r="A10" s="15" t="s">
        <v>10</v>
      </c>
      <c r="B10" s="67">
        <v>-119</v>
      </c>
      <c r="C10" s="68">
        <v>-39</v>
      </c>
      <c r="D10" s="68">
        <v>-80</v>
      </c>
      <c r="E10" s="67">
        <v>0</v>
      </c>
      <c r="F10" s="68">
        <v>0</v>
      </c>
      <c r="G10" s="69">
        <v>0</v>
      </c>
      <c r="H10" s="68">
        <v>113</v>
      </c>
      <c r="I10" s="68">
        <v>65</v>
      </c>
      <c r="J10" s="68">
        <v>48</v>
      </c>
      <c r="K10" s="67">
        <v>232</v>
      </c>
      <c r="L10" s="79">
        <v>104</v>
      </c>
      <c r="M10" s="80">
        <v>128</v>
      </c>
    </row>
    <row r="11" spans="1:13">
      <c r="A11" s="15" t="s">
        <v>12</v>
      </c>
      <c r="B11" s="67">
        <v>-93</v>
      </c>
      <c r="C11" s="68">
        <v>-60</v>
      </c>
      <c r="D11" s="68">
        <v>-33</v>
      </c>
      <c r="E11" s="67">
        <v>0</v>
      </c>
      <c r="F11" s="68">
        <v>0</v>
      </c>
      <c r="G11" s="69">
        <v>0</v>
      </c>
      <c r="H11" s="68">
        <v>91</v>
      </c>
      <c r="I11" s="68">
        <v>49</v>
      </c>
      <c r="J11" s="68">
        <v>42</v>
      </c>
      <c r="K11" s="67">
        <v>184</v>
      </c>
      <c r="L11" s="79">
        <v>109</v>
      </c>
      <c r="M11" s="80">
        <v>75</v>
      </c>
    </row>
    <row r="12" spans="1:13" ht="21" customHeight="1">
      <c r="A12" s="36" t="s">
        <v>14</v>
      </c>
      <c r="B12" s="64">
        <v>-285</v>
      </c>
      <c r="C12" s="65">
        <v>-142</v>
      </c>
      <c r="D12" s="65">
        <v>-143</v>
      </c>
      <c r="E12" s="64">
        <v>3</v>
      </c>
      <c r="F12" s="65">
        <v>0</v>
      </c>
      <c r="G12" s="66">
        <v>3</v>
      </c>
      <c r="H12" s="65">
        <v>352</v>
      </c>
      <c r="I12" s="65">
        <v>180</v>
      </c>
      <c r="J12" s="65">
        <v>172</v>
      </c>
      <c r="K12" s="64">
        <v>634</v>
      </c>
      <c r="L12" s="77">
        <v>322</v>
      </c>
      <c r="M12" s="78">
        <v>312</v>
      </c>
    </row>
    <row r="13" spans="1:13">
      <c r="A13" s="15" t="s">
        <v>16</v>
      </c>
      <c r="B13" s="67">
        <v>-88</v>
      </c>
      <c r="C13" s="68">
        <v>-42</v>
      </c>
      <c r="D13" s="68">
        <v>-46</v>
      </c>
      <c r="E13" s="67">
        <v>0</v>
      </c>
      <c r="F13" s="68">
        <v>0</v>
      </c>
      <c r="G13" s="69">
        <v>0</v>
      </c>
      <c r="H13" s="68">
        <v>82</v>
      </c>
      <c r="I13" s="68">
        <v>44</v>
      </c>
      <c r="J13" s="68">
        <v>38</v>
      </c>
      <c r="K13" s="67">
        <v>170</v>
      </c>
      <c r="L13" s="79">
        <v>86</v>
      </c>
      <c r="M13" s="80">
        <v>84</v>
      </c>
    </row>
    <row r="14" spans="1:13">
      <c r="A14" s="15" t="s">
        <v>18</v>
      </c>
      <c r="B14" s="67">
        <v>-79</v>
      </c>
      <c r="C14" s="68">
        <v>-35</v>
      </c>
      <c r="D14" s="68">
        <v>-44</v>
      </c>
      <c r="E14" s="67">
        <v>1</v>
      </c>
      <c r="F14" s="68">
        <v>0</v>
      </c>
      <c r="G14" s="69">
        <v>1</v>
      </c>
      <c r="H14" s="68">
        <v>80</v>
      </c>
      <c r="I14" s="68">
        <v>41</v>
      </c>
      <c r="J14" s="68">
        <v>39</v>
      </c>
      <c r="K14" s="67">
        <v>158</v>
      </c>
      <c r="L14" s="79">
        <v>76</v>
      </c>
      <c r="M14" s="80">
        <v>82</v>
      </c>
    </row>
    <row r="15" spans="1:13">
      <c r="A15" s="15" t="s">
        <v>20</v>
      </c>
      <c r="B15" s="67">
        <v>-66</v>
      </c>
      <c r="C15" s="68">
        <v>-36</v>
      </c>
      <c r="D15" s="68">
        <v>-30</v>
      </c>
      <c r="E15" s="67">
        <v>0</v>
      </c>
      <c r="F15" s="68">
        <v>0</v>
      </c>
      <c r="G15" s="69">
        <v>0</v>
      </c>
      <c r="H15" s="68">
        <v>95</v>
      </c>
      <c r="I15" s="68">
        <v>43</v>
      </c>
      <c r="J15" s="68">
        <v>52</v>
      </c>
      <c r="K15" s="67">
        <v>161</v>
      </c>
      <c r="L15" s="79">
        <v>79</v>
      </c>
      <c r="M15" s="80">
        <v>82</v>
      </c>
    </row>
    <row r="16" spans="1:13">
      <c r="A16" s="15" t="s">
        <v>22</v>
      </c>
      <c r="B16" s="67">
        <v>-39</v>
      </c>
      <c r="C16" s="68">
        <v>-23</v>
      </c>
      <c r="D16" s="68">
        <v>-16</v>
      </c>
      <c r="E16" s="67">
        <v>2</v>
      </c>
      <c r="F16" s="68">
        <v>0</v>
      </c>
      <c r="G16" s="69">
        <v>2</v>
      </c>
      <c r="H16" s="68">
        <v>52</v>
      </c>
      <c r="I16" s="68">
        <v>28</v>
      </c>
      <c r="J16" s="68">
        <v>24</v>
      </c>
      <c r="K16" s="67">
        <v>89</v>
      </c>
      <c r="L16" s="79">
        <v>51</v>
      </c>
      <c r="M16" s="80">
        <v>38</v>
      </c>
    </row>
    <row r="17" spans="1:13">
      <c r="A17" s="15" t="s">
        <v>24</v>
      </c>
      <c r="B17" s="67">
        <v>-13</v>
      </c>
      <c r="C17" s="68">
        <v>-6</v>
      </c>
      <c r="D17" s="68">
        <v>-7</v>
      </c>
      <c r="E17" s="67">
        <v>0</v>
      </c>
      <c r="F17" s="68">
        <v>0</v>
      </c>
      <c r="G17" s="69">
        <v>0</v>
      </c>
      <c r="H17" s="68">
        <v>43</v>
      </c>
      <c r="I17" s="68">
        <v>24</v>
      </c>
      <c r="J17" s="68">
        <v>19</v>
      </c>
      <c r="K17" s="67">
        <v>56</v>
      </c>
      <c r="L17" s="79">
        <v>30</v>
      </c>
      <c r="M17" s="80">
        <v>26</v>
      </c>
    </row>
    <row r="18" spans="1:13" ht="21" customHeight="1">
      <c r="A18" s="36" t="s">
        <v>26</v>
      </c>
      <c r="B18" s="64">
        <v>-60</v>
      </c>
      <c r="C18" s="65">
        <v>-33</v>
      </c>
      <c r="D18" s="65">
        <v>-27</v>
      </c>
      <c r="E18" s="64">
        <v>0</v>
      </c>
      <c r="F18" s="65">
        <v>0</v>
      </c>
      <c r="G18" s="66">
        <v>0</v>
      </c>
      <c r="H18" s="65">
        <v>201</v>
      </c>
      <c r="I18" s="65">
        <v>103</v>
      </c>
      <c r="J18" s="65">
        <v>98</v>
      </c>
      <c r="K18" s="64">
        <v>261</v>
      </c>
      <c r="L18" s="77">
        <v>136</v>
      </c>
      <c r="M18" s="78">
        <v>125</v>
      </c>
    </row>
    <row r="19" spans="1:13">
      <c r="A19" s="15" t="s">
        <v>28</v>
      </c>
      <c r="B19" s="67">
        <v>-19</v>
      </c>
      <c r="C19" s="68">
        <v>-15</v>
      </c>
      <c r="D19" s="68">
        <v>-4</v>
      </c>
      <c r="E19" s="67">
        <v>0</v>
      </c>
      <c r="F19" s="68">
        <v>0</v>
      </c>
      <c r="G19" s="69">
        <v>0</v>
      </c>
      <c r="H19" s="68">
        <v>46</v>
      </c>
      <c r="I19" s="68">
        <v>20</v>
      </c>
      <c r="J19" s="68">
        <v>26</v>
      </c>
      <c r="K19" s="67">
        <v>65</v>
      </c>
      <c r="L19" s="79">
        <v>35</v>
      </c>
      <c r="M19" s="80">
        <v>30</v>
      </c>
    </row>
    <row r="20" spans="1:13">
      <c r="A20" s="15" t="s">
        <v>30</v>
      </c>
      <c r="B20" s="67">
        <v>0</v>
      </c>
      <c r="C20" s="68">
        <v>3</v>
      </c>
      <c r="D20" s="68">
        <v>-3</v>
      </c>
      <c r="E20" s="67">
        <v>0</v>
      </c>
      <c r="F20" s="68">
        <v>0</v>
      </c>
      <c r="G20" s="69">
        <v>0</v>
      </c>
      <c r="H20" s="68">
        <v>45</v>
      </c>
      <c r="I20" s="68">
        <v>23</v>
      </c>
      <c r="J20" s="68">
        <v>22</v>
      </c>
      <c r="K20" s="67">
        <v>45</v>
      </c>
      <c r="L20" s="79">
        <v>20</v>
      </c>
      <c r="M20" s="80">
        <v>25</v>
      </c>
    </row>
    <row r="21" spans="1:13">
      <c r="A21" s="15" t="s">
        <v>32</v>
      </c>
      <c r="B21" s="67">
        <v>-1</v>
      </c>
      <c r="C21" s="68">
        <v>1</v>
      </c>
      <c r="D21" s="68">
        <v>-2</v>
      </c>
      <c r="E21" s="67">
        <v>0</v>
      </c>
      <c r="F21" s="68">
        <v>0</v>
      </c>
      <c r="G21" s="69">
        <v>0</v>
      </c>
      <c r="H21" s="68">
        <v>36</v>
      </c>
      <c r="I21" s="68">
        <v>20</v>
      </c>
      <c r="J21" s="68">
        <v>16</v>
      </c>
      <c r="K21" s="67">
        <v>37</v>
      </c>
      <c r="L21" s="79">
        <v>19</v>
      </c>
      <c r="M21" s="80">
        <v>18</v>
      </c>
    </row>
    <row r="22" spans="1:13">
      <c r="A22" s="15" t="s">
        <v>34</v>
      </c>
      <c r="B22" s="67">
        <v>-23</v>
      </c>
      <c r="C22" s="68">
        <v>-15</v>
      </c>
      <c r="D22" s="68">
        <v>-8</v>
      </c>
      <c r="E22" s="67">
        <v>0</v>
      </c>
      <c r="F22" s="68">
        <v>0</v>
      </c>
      <c r="G22" s="69">
        <v>0</v>
      </c>
      <c r="H22" s="68">
        <v>50</v>
      </c>
      <c r="I22" s="68">
        <v>27</v>
      </c>
      <c r="J22" s="68">
        <v>23</v>
      </c>
      <c r="K22" s="67">
        <v>73</v>
      </c>
      <c r="L22" s="79">
        <v>42</v>
      </c>
      <c r="M22" s="80">
        <v>31</v>
      </c>
    </row>
    <row r="23" spans="1:13">
      <c r="A23" s="15" t="s">
        <v>36</v>
      </c>
      <c r="B23" s="67">
        <v>-17</v>
      </c>
      <c r="C23" s="68">
        <v>-7</v>
      </c>
      <c r="D23" s="68">
        <v>-10</v>
      </c>
      <c r="E23" s="67">
        <v>0</v>
      </c>
      <c r="F23" s="68">
        <v>0</v>
      </c>
      <c r="G23" s="69">
        <v>0</v>
      </c>
      <c r="H23" s="68">
        <v>24</v>
      </c>
      <c r="I23" s="68">
        <v>13</v>
      </c>
      <c r="J23" s="68">
        <v>11</v>
      </c>
      <c r="K23" s="67">
        <v>41</v>
      </c>
      <c r="L23" s="79">
        <v>20</v>
      </c>
      <c r="M23" s="80">
        <v>21</v>
      </c>
    </row>
    <row r="24" spans="1:13" ht="21" customHeight="1">
      <c r="A24" s="36" t="s">
        <v>38</v>
      </c>
      <c r="B24" s="64">
        <v>248</v>
      </c>
      <c r="C24" s="65">
        <v>140</v>
      </c>
      <c r="D24" s="65">
        <v>108</v>
      </c>
      <c r="E24" s="64">
        <v>1</v>
      </c>
      <c r="F24" s="65">
        <v>0</v>
      </c>
      <c r="G24" s="66">
        <v>1</v>
      </c>
      <c r="H24" s="65">
        <v>642</v>
      </c>
      <c r="I24" s="65">
        <v>340</v>
      </c>
      <c r="J24" s="65">
        <v>302</v>
      </c>
      <c r="K24" s="64">
        <v>393</v>
      </c>
      <c r="L24" s="77">
        <v>200</v>
      </c>
      <c r="M24" s="78">
        <v>193</v>
      </c>
    </row>
    <row r="25" spans="1:13">
      <c r="A25" s="15" t="s">
        <v>40</v>
      </c>
      <c r="B25" s="67">
        <v>-3</v>
      </c>
      <c r="C25" s="68">
        <v>4</v>
      </c>
      <c r="D25" s="68">
        <v>-7</v>
      </c>
      <c r="E25" s="67">
        <v>0</v>
      </c>
      <c r="F25" s="68">
        <v>0</v>
      </c>
      <c r="G25" s="69">
        <v>0</v>
      </c>
      <c r="H25" s="68">
        <v>34</v>
      </c>
      <c r="I25" s="68">
        <v>17</v>
      </c>
      <c r="J25" s="68">
        <v>17</v>
      </c>
      <c r="K25" s="67">
        <v>37</v>
      </c>
      <c r="L25" s="79">
        <v>13</v>
      </c>
      <c r="M25" s="80">
        <v>24</v>
      </c>
    </row>
    <row r="26" spans="1:13">
      <c r="A26" s="15" t="s">
        <v>42</v>
      </c>
      <c r="B26" s="67">
        <v>-10</v>
      </c>
      <c r="C26" s="68">
        <v>-4</v>
      </c>
      <c r="D26" s="68">
        <v>-6</v>
      </c>
      <c r="E26" s="67">
        <v>1</v>
      </c>
      <c r="F26" s="68">
        <v>0</v>
      </c>
      <c r="G26" s="69">
        <v>1</v>
      </c>
      <c r="H26" s="68">
        <v>48</v>
      </c>
      <c r="I26" s="68">
        <v>25</v>
      </c>
      <c r="J26" s="68">
        <v>23</v>
      </c>
      <c r="K26" s="67">
        <v>57</v>
      </c>
      <c r="L26" s="79">
        <v>29</v>
      </c>
      <c r="M26" s="80">
        <v>28</v>
      </c>
    </row>
    <row r="27" spans="1:13">
      <c r="A27" s="15" t="s">
        <v>44</v>
      </c>
      <c r="B27" s="67">
        <v>-2</v>
      </c>
      <c r="C27" s="68">
        <v>-4</v>
      </c>
      <c r="D27" s="68">
        <v>2</v>
      </c>
      <c r="E27" s="67">
        <v>0</v>
      </c>
      <c r="F27" s="68">
        <v>0</v>
      </c>
      <c r="G27" s="69">
        <v>0</v>
      </c>
      <c r="H27" s="68">
        <v>34</v>
      </c>
      <c r="I27" s="68">
        <v>18</v>
      </c>
      <c r="J27" s="68">
        <v>16</v>
      </c>
      <c r="K27" s="67">
        <v>36</v>
      </c>
      <c r="L27" s="79">
        <v>22</v>
      </c>
      <c r="M27" s="80">
        <v>14</v>
      </c>
    </row>
    <row r="28" spans="1:13">
      <c r="A28" s="15" t="s">
        <v>46</v>
      </c>
      <c r="B28" s="67">
        <v>68</v>
      </c>
      <c r="C28" s="68">
        <v>26</v>
      </c>
      <c r="D28" s="68">
        <v>42</v>
      </c>
      <c r="E28" s="67">
        <v>0</v>
      </c>
      <c r="F28" s="68">
        <v>0</v>
      </c>
      <c r="G28" s="69">
        <v>0</v>
      </c>
      <c r="H28" s="68">
        <v>158</v>
      </c>
      <c r="I28" s="68">
        <v>75</v>
      </c>
      <c r="J28" s="68">
        <v>83</v>
      </c>
      <c r="K28" s="67">
        <v>90</v>
      </c>
      <c r="L28" s="79">
        <v>49</v>
      </c>
      <c r="M28" s="80">
        <v>41</v>
      </c>
    </row>
    <row r="29" spans="1:13">
      <c r="A29" s="15" t="s">
        <v>48</v>
      </c>
      <c r="B29" s="67">
        <v>195</v>
      </c>
      <c r="C29" s="68">
        <v>118</v>
      </c>
      <c r="D29" s="68">
        <v>77</v>
      </c>
      <c r="E29" s="67">
        <v>0</v>
      </c>
      <c r="F29" s="68">
        <v>0</v>
      </c>
      <c r="G29" s="69">
        <v>0</v>
      </c>
      <c r="H29" s="68">
        <v>368</v>
      </c>
      <c r="I29" s="68">
        <v>205</v>
      </c>
      <c r="J29" s="68">
        <v>163</v>
      </c>
      <c r="K29" s="67">
        <v>173</v>
      </c>
      <c r="L29" s="79">
        <v>87</v>
      </c>
      <c r="M29" s="80">
        <v>86</v>
      </c>
    </row>
    <row r="30" spans="1:13" ht="21" customHeight="1">
      <c r="A30" s="36" t="s">
        <v>50</v>
      </c>
      <c r="B30" s="64">
        <v>2140</v>
      </c>
      <c r="C30" s="65">
        <v>1022</v>
      </c>
      <c r="D30" s="65">
        <v>1118</v>
      </c>
      <c r="E30" s="64">
        <v>6</v>
      </c>
      <c r="F30" s="65">
        <v>5</v>
      </c>
      <c r="G30" s="66">
        <v>1</v>
      </c>
      <c r="H30" s="65">
        <v>4432</v>
      </c>
      <c r="I30" s="65">
        <v>2212</v>
      </c>
      <c r="J30" s="65">
        <v>2220</v>
      </c>
      <c r="K30" s="64">
        <v>2286</v>
      </c>
      <c r="L30" s="77">
        <v>1185</v>
      </c>
      <c r="M30" s="78">
        <v>1101</v>
      </c>
    </row>
    <row r="31" spans="1:13">
      <c r="A31" s="15" t="s">
        <v>52</v>
      </c>
      <c r="B31" s="67">
        <v>130</v>
      </c>
      <c r="C31" s="68">
        <v>55</v>
      </c>
      <c r="D31" s="68">
        <v>75</v>
      </c>
      <c r="E31" s="67">
        <v>1</v>
      </c>
      <c r="F31" s="68">
        <v>1</v>
      </c>
      <c r="G31" s="69">
        <v>0</v>
      </c>
      <c r="H31" s="68">
        <v>320</v>
      </c>
      <c r="I31" s="68">
        <v>170</v>
      </c>
      <c r="J31" s="68">
        <v>150</v>
      </c>
      <c r="K31" s="67">
        <v>189</v>
      </c>
      <c r="L31" s="79">
        <v>114</v>
      </c>
      <c r="M31" s="80">
        <v>75</v>
      </c>
    </row>
    <row r="32" spans="1:13">
      <c r="A32" s="15" t="s">
        <v>54</v>
      </c>
      <c r="B32" s="67">
        <v>213</v>
      </c>
      <c r="C32" s="68">
        <v>67</v>
      </c>
      <c r="D32" s="68">
        <v>146</v>
      </c>
      <c r="E32" s="67">
        <v>0</v>
      </c>
      <c r="F32" s="68">
        <v>0</v>
      </c>
      <c r="G32" s="69">
        <v>0</v>
      </c>
      <c r="H32" s="68">
        <v>485</v>
      </c>
      <c r="I32" s="68">
        <v>211</v>
      </c>
      <c r="J32" s="68">
        <v>274</v>
      </c>
      <c r="K32" s="67">
        <v>272</v>
      </c>
      <c r="L32" s="79">
        <v>144</v>
      </c>
      <c r="M32" s="80">
        <v>128</v>
      </c>
    </row>
    <row r="33" spans="1:13">
      <c r="A33" s="15" t="s">
        <v>56</v>
      </c>
      <c r="B33" s="67">
        <v>406</v>
      </c>
      <c r="C33" s="68">
        <v>184</v>
      </c>
      <c r="D33" s="68">
        <v>222</v>
      </c>
      <c r="E33" s="67">
        <v>4</v>
      </c>
      <c r="F33" s="68">
        <v>4</v>
      </c>
      <c r="G33" s="69">
        <v>0</v>
      </c>
      <c r="H33" s="68">
        <v>771</v>
      </c>
      <c r="I33" s="68">
        <v>373</v>
      </c>
      <c r="J33" s="68">
        <v>398</v>
      </c>
      <c r="K33" s="67">
        <v>361</v>
      </c>
      <c r="L33" s="79">
        <v>185</v>
      </c>
      <c r="M33" s="80">
        <v>176</v>
      </c>
    </row>
    <row r="34" spans="1:13">
      <c r="A34" s="15" t="s">
        <v>58</v>
      </c>
      <c r="B34" s="67">
        <v>897</v>
      </c>
      <c r="C34" s="68">
        <v>446</v>
      </c>
      <c r="D34" s="68">
        <v>451</v>
      </c>
      <c r="E34" s="67">
        <v>1</v>
      </c>
      <c r="F34" s="68">
        <v>0</v>
      </c>
      <c r="G34" s="69">
        <v>1</v>
      </c>
      <c r="H34" s="68">
        <v>1566</v>
      </c>
      <c r="I34" s="68">
        <v>793</v>
      </c>
      <c r="J34" s="68">
        <v>773</v>
      </c>
      <c r="K34" s="67">
        <v>668</v>
      </c>
      <c r="L34" s="79">
        <v>347</v>
      </c>
      <c r="M34" s="80">
        <v>321</v>
      </c>
    </row>
    <row r="35" spans="1:13">
      <c r="A35" s="15" t="s">
        <v>60</v>
      </c>
      <c r="B35" s="67">
        <v>494</v>
      </c>
      <c r="C35" s="68">
        <v>270</v>
      </c>
      <c r="D35" s="68">
        <v>224</v>
      </c>
      <c r="E35" s="67">
        <v>0</v>
      </c>
      <c r="F35" s="68">
        <v>0</v>
      </c>
      <c r="G35" s="69">
        <v>0</v>
      </c>
      <c r="H35" s="68">
        <v>1290</v>
      </c>
      <c r="I35" s="68">
        <v>665</v>
      </c>
      <c r="J35" s="68">
        <v>625</v>
      </c>
      <c r="K35" s="67">
        <v>796</v>
      </c>
      <c r="L35" s="79">
        <v>395</v>
      </c>
      <c r="M35" s="80">
        <v>401</v>
      </c>
    </row>
    <row r="36" spans="1:13" ht="21" customHeight="1">
      <c r="A36" s="36" t="s">
        <v>62</v>
      </c>
      <c r="B36" s="64">
        <v>1357</v>
      </c>
      <c r="C36" s="65">
        <v>693</v>
      </c>
      <c r="D36" s="65">
        <v>664</v>
      </c>
      <c r="E36" s="64">
        <v>6</v>
      </c>
      <c r="F36" s="65">
        <v>3</v>
      </c>
      <c r="G36" s="66">
        <v>3</v>
      </c>
      <c r="H36" s="65">
        <v>6583</v>
      </c>
      <c r="I36" s="65">
        <v>3394</v>
      </c>
      <c r="J36" s="65">
        <v>3189</v>
      </c>
      <c r="K36" s="64">
        <v>5220</v>
      </c>
      <c r="L36" s="77">
        <v>2698</v>
      </c>
      <c r="M36" s="78">
        <v>2522</v>
      </c>
    </row>
    <row r="37" spans="1:13">
      <c r="A37" s="15" t="s">
        <v>64</v>
      </c>
      <c r="B37" s="67">
        <v>573</v>
      </c>
      <c r="C37" s="68">
        <v>344</v>
      </c>
      <c r="D37" s="68">
        <v>229</v>
      </c>
      <c r="E37" s="67">
        <v>1</v>
      </c>
      <c r="F37" s="68">
        <v>0</v>
      </c>
      <c r="G37" s="69">
        <v>1</v>
      </c>
      <c r="H37" s="68">
        <v>1548</v>
      </c>
      <c r="I37" s="68">
        <v>851</v>
      </c>
      <c r="J37" s="68">
        <v>697</v>
      </c>
      <c r="K37" s="67">
        <v>974</v>
      </c>
      <c r="L37" s="79">
        <v>507</v>
      </c>
      <c r="M37" s="80">
        <v>467</v>
      </c>
    </row>
    <row r="38" spans="1:13">
      <c r="A38" s="15" t="s">
        <v>66</v>
      </c>
      <c r="B38" s="67">
        <v>362</v>
      </c>
      <c r="C38" s="68">
        <v>179</v>
      </c>
      <c r="D38" s="68">
        <v>183</v>
      </c>
      <c r="E38" s="67">
        <v>3</v>
      </c>
      <c r="F38" s="68">
        <v>1</v>
      </c>
      <c r="G38" s="69">
        <v>2</v>
      </c>
      <c r="H38" s="68">
        <v>1472</v>
      </c>
      <c r="I38" s="68">
        <v>757</v>
      </c>
      <c r="J38" s="68">
        <v>715</v>
      </c>
      <c r="K38" s="67">
        <v>1107</v>
      </c>
      <c r="L38" s="79">
        <v>577</v>
      </c>
      <c r="M38" s="80">
        <v>530</v>
      </c>
    </row>
    <row r="39" spans="1:13">
      <c r="A39" s="15" t="s">
        <v>68</v>
      </c>
      <c r="B39" s="67">
        <v>261</v>
      </c>
      <c r="C39" s="68">
        <v>139</v>
      </c>
      <c r="D39" s="68">
        <v>122</v>
      </c>
      <c r="E39" s="67">
        <v>0</v>
      </c>
      <c r="F39" s="68">
        <v>0</v>
      </c>
      <c r="G39" s="69">
        <v>0</v>
      </c>
      <c r="H39" s="68">
        <v>1316</v>
      </c>
      <c r="I39" s="68">
        <v>690</v>
      </c>
      <c r="J39" s="68">
        <v>626</v>
      </c>
      <c r="K39" s="67">
        <v>1055</v>
      </c>
      <c r="L39" s="79">
        <v>551</v>
      </c>
      <c r="M39" s="80">
        <v>504</v>
      </c>
    </row>
    <row r="40" spans="1:13">
      <c r="A40" s="15" t="s">
        <v>70</v>
      </c>
      <c r="B40" s="67">
        <v>124</v>
      </c>
      <c r="C40" s="68">
        <v>-5</v>
      </c>
      <c r="D40" s="68">
        <v>129</v>
      </c>
      <c r="E40" s="67">
        <v>1</v>
      </c>
      <c r="F40" s="68">
        <v>1</v>
      </c>
      <c r="G40" s="69">
        <v>0</v>
      </c>
      <c r="H40" s="68">
        <v>1176</v>
      </c>
      <c r="I40" s="68">
        <v>536</v>
      </c>
      <c r="J40" s="68">
        <v>640</v>
      </c>
      <c r="K40" s="67">
        <v>1051</v>
      </c>
      <c r="L40" s="79">
        <v>540</v>
      </c>
      <c r="M40" s="80">
        <v>511</v>
      </c>
    </row>
    <row r="41" spans="1:13">
      <c r="A41" s="15" t="s">
        <v>72</v>
      </c>
      <c r="B41" s="67">
        <v>37</v>
      </c>
      <c r="C41" s="68">
        <v>36</v>
      </c>
      <c r="D41" s="68">
        <v>1</v>
      </c>
      <c r="E41" s="67">
        <v>1</v>
      </c>
      <c r="F41" s="68">
        <v>1</v>
      </c>
      <c r="G41" s="69">
        <v>0</v>
      </c>
      <c r="H41" s="68">
        <v>1071</v>
      </c>
      <c r="I41" s="68">
        <v>560</v>
      </c>
      <c r="J41" s="68">
        <v>511</v>
      </c>
      <c r="K41" s="67">
        <v>1033</v>
      </c>
      <c r="L41" s="79">
        <v>523</v>
      </c>
      <c r="M41" s="80">
        <v>510</v>
      </c>
    </row>
    <row r="42" spans="1:13" ht="21" customHeight="1">
      <c r="A42" s="36" t="s">
        <v>74</v>
      </c>
      <c r="B42" s="64">
        <v>-439</v>
      </c>
      <c r="C42" s="65">
        <v>-281</v>
      </c>
      <c r="D42" s="65">
        <v>-158</v>
      </c>
      <c r="E42" s="64">
        <v>8</v>
      </c>
      <c r="F42" s="65">
        <v>6</v>
      </c>
      <c r="G42" s="66">
        <v>2</v>
      </c>
      <c r="H42" s="65">
        <v>3464</v>
      </c>
      <c r="I42" s="65">
        <v>1780</v>
      </c>
      <c r="J42" s="65">
        <v>1684</v>
      </c>
      <c r="K42" s="64">
        <v>3895</v>
      </c>
      <c r="L42" s="77">
        <v>2055</v>
      </c>
      <c r="M42" s="78">
        <v>1840</v>
      </c>
    </row>
    <row r="43" spans="1:13">
      <c r="A43" s="15" t="s">
        <v>76</v>
      </c>
      <c r="B43" s="67">
        <v>-15</v>
      </c>
      <c r="C43" s="68">
        <v>-42</v>
      </c>
      <c r="D43" s="68">
        <v>27</v>
      </c>
      <c r="E43" s="67">
        <v>2</v>
      </c>
      <c r="F43" s="68">
        <v>0</v>
      </c>
      <c r="G43" s="69">
        <v>2</v>
      </c>
      <c r="H43" s="68">
        <v>931</v>
      </c>
      <c r="I43" s="68">
        <v>469</v>
      </c>
      <c r="J43" s="68">
        <v>462</v>
      </c>
      <c r="K43" s="67">
        <v>944</v>
      </c>
      <c r="L43" s="79">
        <v>511</v>
      </c>
      <c r="M43" s="80">
        <v>433</v>
      </c>
    </row>
    <row r="44" spans="1:13">
      <c r="A44" s="15" t="s">
        <v>78</v>
      </c>
      <c r="B44" s="67">
        <v>-28</v>
      </c>
      <c r="C44" s="68">
        <v>-22</v>
      </c>
      <c r="D44" s="68">
        <v>-6</v>
      </c>
      <c r="E44" s="67">
        <v>1</v>
      </c>
      <c r="F44" s="68">
        <v>1</v>
      </c>
      <c r="G44" s="69">
        <v>0</v>
      </c>
      <c r="H44" s="68">
        <v>820</v>
      </c>
      <c r="I44" s="68">
        <v>415</v>
      </c>
      <c r="J44" s="68">
        <v>405</v>
      </c>
      <c r="K44" s="67">
        <v>847</v>
      </c>
      <c r="L44" s="79">
        <v>436</v>
      </c>
      <c r="M44" s="80">
        <v>411</v>
      </c>
    </row>
    <row r="45" spans="1:13">
      <c r="A45" s="15" t="s">
        <v>80</v>
      </c>
      <c r="B45" s="67">
        <v>-154</v>
      </c>
      <c r="C45" s="68">
        <v>-72</v>
      </c>
      <c r="D45" s="68">
        <v>-82</v>
      </c>
      <c r="E45" s="67">
        <v>1</v>
      </c>
      <c r="F45" s="68">
        <v>1</v>
      </c>
      <c r="G45" s="69">
        <v>0</v>
      </c>
      <c r="H45" s="68">
        <v>630</v>
      </c>
      <c r="I45" s="68">
        <v>323</v>
      </c>
      <c r="J45" s="68">
        <v>307</v>
      </c>
      <c r="K45" s="67">
        <v>783</v>
      </c>
      <c r="L45" s="79">
        <v>394</v>
      </c>
      <c r="M45" s="80">
        <v>389</v>
      </c>
    </row>
    <row r="46" spans="1:13">
      <c r="A46" s="15" t="s">
        <v>82</v>
      </c>
      <c r="B46" s="67">
        <v>-73</v>
      </c>
      <c r="C46" s="68">
        <v>-50</v>
      </c>
      <c r="D46" s="68">
        <v>-23</v>
      </c>
      <c r="E46" s="67">
        <v>3</v>
      </c>
      <c r="F46" s="68">
        <v>3</v>
      </c>
      <c r="G46" s="69">
        <v>0</v>
      </c>
      <c r="H46" s="68">
        <v>575</v>
      </c>
      <c r="I46" s="68">
        <v>303</v>
      </c>
      <c r="J46" s="68">
        <v>272</v>
      </c>
      <c r="K46" s="67">
        <v>645</v>
      </c>
      <c r="L46" s="79">
        <v>350</v>
      </c>
      <c r="M46" s="80">
        <v>295</v>
      </c>
    </row>
    <row r="47" spans="1:13">
      <c r="A47" s="15" t="s">
        <v>84</v>
      </c>
      <c r="B47" s="67">
        <v>-169</v>
      </c>
      <c r="C47" s="68">
        <v>-95</v>
      </c>
      <c r="D47" s="68">
        <v>-74</v>
      </c>
      <c r="E47" s="67">
        <v>1</v>
      </c>
      <c r="F47" s="68">
        <v>1</v>
      </c>
      <c r="G47" s="69">
        <v>0</v>
      </c>
      <c r="H47" s="68">
        <v>508</v>
      </c>
      <c r="I47" s="68">
        <v>270</v>
      </c>
      <c r="J47" s="68">
        <v>238</v>
      </c>
      <c r="K47" s="67">
        <v>676</v>
      </c>
      <c r="L47" s="79">
        <v>364</v>
      </c>
      <c r="M47" s="80">
        <v>312</v>
      </c>
    </row>
    <row r="48" spans="1:13" ht="21" customHeight="1">
      <c r="A48" s="36" t="s">
        <v>86</v>
      </c>
      <c r="B48" s="64">
        <v>-650</v>
      </c>
      <c r="C48" s="65">
        <v>-315</v>
      </c>
      <c r="D48" s="65">
        <v>-335</v>
      </c>
      <c r="E48" s="64">
        <v>6</v>
      </c>
      <c r="F48" s="65">
        <v>5</v>
      </c>
      <c r="G48" s="66">
        <v>1</v>
      </c>
      <c r="H48" s="65">
        <v>1812</v>
      </c>
      <c r="I48" s="65">
        <v>1015</v>
      </c>
      <c r="J48" s="65">
        <v>797</v>
      </c>
      <c r="K48" s="64">
        <v>2456</v>
      </c>
      <c r="L48" s="77">
        <v>1325</v>
      </c>
      <c r="M48" s="78">
        <v>1131</v>
      </c>
    </row>
    <row r="49" spans="1:13">
      <c r="A49" s="15" t="s">
        <v>88</v>
      </c>
      <c r="B49" s="67">
        <v>-167</v>
      </c>
      <c r="C49" s="68">
        <v>-100</v>
      </c>
      <c r="D49" s="68">
        <v>-67</v>
      </c>
      <c r="E49" s="67">
        <v>1</v>
      </c>
      <c r="F49" s="68">
        <v>1</v>
      </c>
      <c r="G49" s="69">
        <v>0</v>
      </c>
      <c r="H49" s="68">
        <v>428</v>
      </c>
      <c r="I49" s="68">
        <v>221</v>
      </c>
      <c r="J49" s="68">
        <v>207</v>
      </c>
      <c r="K49" s="67">
        <v>594</v>
      </c>
      <c r="L49" s="79">
        <v>320</v>
      </c>
      <c r="M49" s="80">
        <v>274</v>
      </c>
    </row>
    <row r="50" spans="1:13">
      <c r="A50" s="15" t="s">
        <v>90</v>
      </c>
      <c r="B50" s="67">
        <v>-120</v>
      </c>
      <c r="C50" s="68">
        <v>-58</v>
      </c>
      <c r="D50" s="68">
        <v>-62</v>
      </c>
      <c r="E50" s="67">
        <v>0</v>
      </c>
      <c r="F50" s="68">
        <v>0</v>
      </c>
      <c r="G50" s="69">
        <v>0</v>
      </c>
      <c r="H50" s="68">
        <v>406</v>
      </c>
      <c r="I50" s="68">
        <v>220</v>
      </c>
      <c r="J50" s="68">
        <v>186</v>
      </c>
      <c r="K50" s="67">
        <v>526</v>
      </c>
      <c r="L50" s="79">
        <v>278</v>
      </c>
      <c r="M50" s="80">
        <v>248</v>
      </c>
    </row>
    <row r="51" spans="1:13">
      <c r="A51" s="15" t="s">
        <v>92</v>
      </c>
      <c r="B51" s="67">
        <v>-100</v>
      </c>
      <c r="C51" s="68">
        <v>-41</v>
      </c>
      <c r="D51" s="68">
        <v>-59</v>
      </c>
      <c r="E51" s="67">
        <v>3</v>
      </c>
      <c r="F51" s="68">
        <v>3</v>
      </c>
      <c r="G51" s="69">
        <v>0</v>
      </c>
      <c r="H51" s="68">
        <v>377</v>
      </c>
      <c r="I51" s="68">
        <v>223</v>
      </c>
      <c r="J51" s="68">
        <v>154</v>
      </c>
      <c r="K51" s="67">
        <v>474</v>
      </c>
      <c r="L51" s="79">
        <v>261</v>
      </c>
      <c r="M51" s="80">
        <v>213</v>
      </c>
    </row>
    <row r="52" spans="1:13">
      <c r="A52" s="15" t="s">
        <v>94</v>
      </c>
      <c r="B52" s="67">
        <v>-167</v>
      </c>
      <c r="C52" s="68">
        <v>-73</v>
      </c>
      <c r="D52" s="68">
        <v>-94</v>
      </c>
      <c r="E52" s="67">
        <v>0</v>
      </c>
      <c r="F52" s="68">
        <v>0</v>
      </c>
      <c r="G52" s="69">
        <v>0</v>
      </c>
      <c r="H52" s="68">
        <v>307</v>
      </c>
      <c r="I52" s="68">
        <v>169</v>
      </c>
      <c r="J52" s="68">
        <v>138</v>
      </c>
      <c r="K52" s="67">
        <v>474</v>
      </c>
      <c r="L52" s="79">
        <v>242</v>
      </c>
      <c r="M52" s="80">
        <v>232</v>
      </c>
    </row>
    <row r="53" spans="1:13">
      <c r="A53" s="15" t="s">
        <v>96</v>
      </c>
      <c r="B53" s="67">
        <v>-96</v>
      </c>
      <c r="C53" s="68">
        <v>-43</v>
      </c>
      <c r="D53" s="68">
        <v>-53</v>
      </c>
      <c r="E53" s="67">
        <v>2</v>
      </c>
      <c r="F53" s="68">
        <v>1</v>
      </c>
      <c r="G53" s="69">
        <v>1</v>
      </c>
      <c r="H53" s="68">
        <v>294</v>
      </c>
      <c r="I53" s="68">
        <v>182</v>
      </c>
      <c r="J53" s="68">
        <v>112</v>
      </c>
      <c r="K53" s="67">
        <v>388</v>
      </c>
      <c r="L53" s="79">
        <v>224</v>
      </c>
      <c r="M53" s="80">
        <v>164</v>
      </c>
    </row>
    <row r="54" spans="1:13" ht="21" customHeight="1">
      <c r="A54" s="36" t="s">
        <v>98</v>
      </c>
      <c r="B54" s="64">
        <v>-446</v>
      </c>
      <c r="C54" s="65">
        <v>-295</v>
      </c>
      <c r="D54" s="65">
        <v>-151</v>
      </c>
      <c r="E54" s="64">
        <v>16</v>
      </c>
      <c r="F54" s="65">
        <v>10</v>
      </c>
      <c r="G54" s="66">
        <v>6</v>
      </c>
      <c r="H54" s="65">
        <v>956</v>
      </c>
      <c r="I54" s="65">
        <v>505</v>
      </c>
      <c r="J54" s="65">
        <v>451</v>
      </c>
      <c r="K54" s="64">
        <v>1386</v>
      </c>
      <c r="L54" s="77">
        <v>790</v>
      </c>
      <c r="M54" s="78">
        <v>596</v>
      </c>
    </row>
    <row r="55" spans="1:13">
      <c r="A55" s="15" t="s">
        <v>100</v>
      </c>
      <c r="B55" s="67">
        <v>-110</v>
      </c>
      <c r="C55" s="68">
        <v>-63</v>
      </c>
      <c r="D55" s="68">
        <v>-47</v>
      </c>
      <c r="E55" s="67">
        <v>3</v>
      </c>
      <c r="F55" s="68">
        <v>2</v>
      </c>
      <c r="G55" s="69">
        <v>1</v>
      </c>
      <c r="H55" s="68">
        <v>235</v>
      </c>
      <c r="I55" s="68">
        <v>120</v>
      </c>
      <c r="J55" s="68">
        <v>115</v>
      </c>
      <c r="K55" s="67">
        <v>342</v>
      </c>
      <c r="L55" s="79">
        <v>181</v>
      </c>
      <c r="M55" s="80">
        <v>161</v>
      </c>
    </row>
    <row r="56" spans="1:13">
      <c r="A56" s="15" t="s">
        <v>102</v>
      </c>
      <c r="B56" s="67">
        <v>-86</v>
      </c>
      <c r="C56" s="68">
        <v>-62</v>
      </c>
      <c r="D56" s="68">
        <v>-24</v>
      </c>
      <c r="E56" s="67">
        <v>2</v>
      </c>
      <c r="F56" s="68">
        <v>1</v>
      </c>
      <c r="G56" s="69">
        <v>1</v>
      </c>
      <c r="H56" s="68">
        <v>228</v>
      </c>
      <c r="I56" s="68">
        <v>126</v>
      </c>
      <c r="J56" s="68">
        <v>102</v>
      </c>
      <c r="K56" s="67">
        <v>312</v>
      </c>
      <c r="L56" s="79">
        <v>187</v>
      </c>
      <c r="M56" s="80">
        <v>125</v>
      </c>
    </row>
    <row r="57" spans="1:13">
      <c r="A57" s="15" t="s">
        <v>104</v>
      </c>
      <c r="B57" s="67">
        <v>-69</v>
      </c>
      <c r="C57" s="68">
        <v>-47</v>
      </c>
      <c r="D57" s="68">
        <v>-22</v>
      </c>
      <c r="E57" s="67">
        <v>3</v>
      </c>
      <c r="F57" s="68">
        <v>1</v>
      </c>
      <c r="G57" s="69">
        <v>2</v>
      </c>
      <c r="H57" s="68">
        <v>185</v>
      </c>
      <c r="I57" s="68">
        <v>95</v>
      </c>
      <c r="J57" s="68">
        <v>90</v>
      </c>
      <c r="K57" s="67">
        <v>251</v>
      </c>
      <c r="L57" s="79">
        <v>141</v>
      </c>
      <c r="M57" s="80">
        <v>110</v>
      </c>
    </row>
    <row r="58" spans="1:13">
      <c r="A58" s="15" t="s">
        <v>106</v>
      </c>
      <c r="B58" s="67">
        <v>-82</v>
      </c>
      <c r="C58" s="68">
        <v>-57</v>
      </c>
      <c r="D58" s="68">
        <v>-25</v>
      </c>
      <c r="E58" s="67">
        <v>4</v>
      </c>
      <c r="F58" s="68">
        <v>3</v>
      </c>
      <c r="G58" s="69">
        <v>1</v>
      </c>
      <c r="H58" s="68">
        <v>149</v>
      </c>
      <c r="I58" s="68">
        <v>83</v>
      </c>
      <c r="J58" s="68">
        <v>66</v>
      </c>
      <c r="K58" s="67">
        <v>227</v>
      </c>
      <c r="L58" s="79">
        <v>137</v>
      </c>
      <c r="M58" s="80">
        <v>90</v>
      </c>
    </row>
    <row r="59" spans="1:13">
      <c r="A59" s="15" t="s">
        <v>108</v>
      </c>
      <c r="B59" s="67">
        <v>-99</v>
      </c>
      <c r="C59" s="68">
        <v>-66</v>
      </c>
      <c r="D59" s="68">
        <v>-33</v>
      </c>
      <c r="E59" s="67">
        <v>4</v>
      </c>
      <c r="F59" s="68">
        <v>3</v>
      </c>
      <c r="G59" s="69">
        <v>1</v>
      </c>
      <c r="H59" s="68">
        <v>159</v>
      </c>
      <c r="I59" s="68">
        <v>81</v>
      </c>
      <c r="J59" s="68">
        <v>78</v>
      </c>
      <c r="K59" s="67">
        <v>254</v>
      </c>
      <c r="L59" s="79">
        <v>144</v>
      </c>
      <c r="M59" s="80">
        <v>110</v>
      </c>
    </row>
    <row r="60" spans="1:13" ht="21" customHeight="1">
      <c r="A60" s="36" t="s">
        <v>110</v>
      </c>
      <c r="B60" s="64">
        <v>-327</v>
      </c>
      <c r="C60" s="65">
        <v>-201</v>
      </c>
      <c r="D60" s="65">
        <v>-126</v>
      </c>
      <c r="E60" s="64">
        <v>18</v>
      </c>
      <c r="F60" s="65">
        <v>10</v>
      </c>
      <c r="G60" s="66">
        <v>8</v>
      </c>
      <c r="H60" s="65">
        <v>684</v>
      </c>
      <c r="I60" s="65">
        <v>406</v>
      </c>
      <c r="J60" s="65">
        <v>278</v>
      </c>
      <c r="K60" s="64">
        <v>993</v>
      </c>
      <c r="L60" s="77">
        <v>597</v>
      </c>
      <c r="M60" s="78">
        <v>396</v>
      </c>
    </row>
    <row r="61" spans="1:13">
      <c r="A61" s="15" t="s">
        <v>112</v>
      </c>
      <c r="B61" s="67">
        <v>-69</v>
      </c>
      <c r="C61" s="68">
        <v>-34</v>
      </c>
      <c r="D61" s="68">
        <v>-35</v>
      </c>
      <c r="E61" s="67">
        <v>1</v>
      </c>
      <c r="F61" s="68">
        <v>0</v>
      </c>
      <c r="G61" s="69">
        <v>1</v>
      </c>
      <c r="H61" s="68">
        <v>167</v>
      </c>
      <c r="I61" s="68">
        <v>105</v>
      </c>
      <c r="J61" s="68">
        <v>62</v>
      </c>
      <c r="K61" s="67">
        <v>235</v>
      </c>
      <c r="L61" s="79">
        <v>139</v>
      </c>
      <c r="M61" s="80">
        <v>96</v>
      </c>
    </row>
    <row r="62" spans="1:13">
      <c r="A62" s="15" t="s">
        <v>114</v>
      </c>
      <c r="B62" s="67">
        <v>-84</v>
      </c>
      <c r="C62" s="68">
        <v>-73</v>
      </c>
      <c r="D62" s="68">
        <v>-11</v>
      </c>
      <c r="E62" s="67">
        <v>3</v>
      </c>
      <c r="F62" s="68">
        <v>2</v>
      </c>
      <c r="G62" s="69">
        <v>1</v>
      </c>
      <c r="H62" s="68">
        <v>141</v>
      </c>
      <c r="I62" s="68">
        <v>71</v>
      </c>
      <c r="J62" s="68">
        <v>70</v>
      </c>
      <c r="K62" s="67">
        <v>222</v>
      </c>
      <c r="L62" s="79">
        <v>142</v>
      </c>
      <c r="M62" s="80">
        <v>80</v>
      </c>
    </row>
    <row r="63" spans="1:13">
      <c r="A63" s="15" t="s">
        <v>116</v>
      </c>
      <c r="B63" s="67">
        <v>-57</v>
      </c>
      <c r="C63" s="68">
        <v>-33</v>
      </c>
      <c r="D63" s="68">
        <v>-24</v>
      </c>
      <c r="E63" s="67">
        <v>5</v>
      </c>
      <c r="F63" s="68">
        <v>3</v>
      </c>
      <c r="G63" s="69">
        <v>2</v>
      </c>
      <c r="H63" s="68">
        <v>128</v>
      </c>
      <c r="I63" s="68">
        <v>82</v>
      </c>
      <c r="J63" s="68">
        <v>46</v>
      </c>
      <c r="K63" s="67">
        <v>180</v>
      </c>
      <c r="L63" s="79">
        <v>112</v>
      </c>
      <c r="M63" s="80">
        <v>68</v>
      </c>
    </row>
    <row r="64" spans="1:13">
      <c r="A64" s="15" t="s">
        <v>118</v>
      </c>
      <c r="B64" s="67">
        <v>-64</v>
      </c>
      <c r="C64" s="68">
        <v>-33</v>
      </c>
      <c r="D64" s="68">
        <v>-31</v>
      </c>
      <c r="E64" s="67">
        <v>5</v>
      </c>
      <c r="F64" s="68">
        <v>3</v>
      </c>
      <c r="G64" s="69">
        <v>2</v>
      </c>
      <c r="H64" s="68">
        <v>136</v>
      </c>
      <c r="I64" s="68">
        <v>78</v>
      </c>
      <c r="J64" s="68">
        <v>58</v>
      </c>
      <c r="K64" s="67">
        <v>195</v>
      </c>
      <c r="L64" s="79">
        <v>108</v>
      </c>
      <c r="M64" s="80">
        <v>87</v>
      </c>
    </row>
    <row r="65" spans="1:13">
      <c r="A65" s="19" t="s">
        <v>120</v>
      </c>
      <c r="B65" s="70">
        <v>-53</v>
      </c>
      <c r="C65" s="71">
        <v>-28</v>
      </c>
      <c r="D65" s="71">
        <v>-25</v>
      </c>
      <c r="E65" s="70">
        <v>4</v>
      </c>
      <c r="F65" s="71">
        <v>2</v>
      </c>
      <c r="G65" s="72">
        <v>2</v>
      </c>
      <c r="H65" s="71">
        <v>112</v>
      </c>
      <c r="I65" s="71">
        <v>70</v>
      </c>
      <c r="J65" s="71">
        <v>42</v>
      </c>
      <c r="K65" s="70">
        <v>161</v>
      </c>
      <c r="L65" s="81">
        <v>96</v>
      </c>
      <c r="M65" s="82">
        <v>6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2397</v>
      </c>
      <c r="C69" s="50">
        <v>1229</v>
      </c>
      <c r="D69" s="84">
        <v>1168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69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78</v>
      </c>
      <c r="C75" s="65">
        <v>-124</v>
      </c>
      <c r="D75" s="65">
        <v>-54</v>
      </c>
      <c r="E75" s="64">
        <v>34</v>
      </c>
      <c r="F75" s="65">
        <v>25</v>
      </c>
      <c r="G75" s="66">
        <v>9</v>
      </c>
      <c r="H75" s="65">
        <v>553</v>
      </c>
      <c r="I75" s="65">
        <v>287</v>
      </c>
      <c r="J75" s="65">
        <v>266</v>
      </c>
      <c r="K75" s="64">
        <v>697</v>
      </c>
      <c r="L75" s="77">
        <v>386</v>
      </c>
      <c r="M75" s="78">
        <v>311</v>
      </c>
    </row>
    <row r="76" spans="1:13">
      <c r="A76" s="27" t="s">
        <v>5</v>
      </c>
      <c r="B76" s="67">
        <v>-21</v>
      </c>
      <c r="C76" s="68">
        <v>-22</v>
      </c>
      <c r="D76" s="68">
        <v>1</v>
      </c>
      <c r="E76" s="67">
        <v>8</v>
      </c>
      <c r="F76" s="68">
        <v>6</v>
      </c>
      <c r="G76" s="69">
        <v>2</v>
      </c>
      <c r="H76" s="68">
        <v>139</v>
      </c>
      <c r="I76" s="68">
        <v>68</v>
      </c>
      <c r="J76" s="68">
        <v>71</v>
      </c>
      <c r="K76" s="67">
        <v>152</v>
      </c>
      <c r="L76" s="79">
        <v>84</v>
      </c>
      <c r="M76" s="80">
        <v>68</v>
      </c>
    </row>
    <row r="77" spans="1:13">
      <c r="A77" s="27" t="s">
        <v>7</v>
      </c>
      <c r="B77" s="67">
        <v>-20</v>
      </c>
      <c r="C77" s="68">
        <v>-22</v>
      </c>
      <c r="D77" s="68">
        <v>2</v>
      </c>
      <c r="E77" s="67">
        <v>6</v>
      </c>
      <c r="F77" s="68">
        <v>3</v>
      </c>
      <c r="G77" s="69">
        <v>3</v>
      </c>
      <c r="H77" s="68">
        <v>126</v>
      </c>
      <c r="I77" s="68">
        <v>58</v>
      </c>
      <c r="J77" s="68">
        <v>68</v>
      </c>
      <c r="K77" s="67">
        <v>140</v>
      </c>
      <c r="L77" s="79">
        <v>77</v>
      </c>
      <c r="M77" s="80">
        <v>63</v>
      </c>
    </row>
    <row r="78" spans="1:13">
      <c r="A78" s="27" t="s">
        <v>9</v>
      </c>
      <c r="B78" s="67">
        <v>-49</v>
      </c>
      <c r="C78" s="68">
        <v>-34</v>
      </c>
      <c r="D78" s="68">
        <v>-15</v>
      </c>
      <c r="E78" s="67">
        <v>6</v>
      </c>
      <c r="F78" s="68">
        <v>4</v>
      </c>
      <c r="G78" s="69">
        <v>2</v>
      </c>
      <c r="H78" s="68">
        <v>104</v>
      </c>
      <c r="I78" s="68">
        <v>56</v>
      </c>
      <c r="J78" s="68">
        <v>48</v>
      </c>
      <c r="K78" s="67">
        <v>147</v>
      </c>
      <c r="L78" s="79">
        <v>86</v>
      </c>
      <c r="M78" s="80">
        <v>61</v>
      </c>
    </row>
    <row r="79" spans="1:13">
      <c r="A79" s="27" t="s">
        <v>11</v>
      </c>
      <c r="B79" s="67">
        <v>-37</v>
      </c>
      <c r="C79" s="68">
        <v>-22</v>
      </c>
      <c r="D79" s="68">
        <v>-15</v>
      </c>
      <c r="E79" s="67">
        <v>3</v>
      </c>
      <c r="F79" s="68">
        <v>2</v>
      </c>
      <c r="G79" s="69">
        <v>1</v>
      </c>
      <c r="H79" s="68">
        <v>92</v>
      </c>
      <c r="I79" s="68">
        <v>51</v>
      </c>
      <c r="J79" s="68">
        <v>41</v>
      </c>
      <c r="K79" s="67">
        <v>126</v>
      </c>
      <c r="L79" s="79">
        <v>71</v>
      </c>
      <c r="M79" s="80">
        <v>55</v>
      </c>
    </row>
    <row r="80" spans="1:13">
      <c r="A80" s="27" t="s">
        <v>13</v>
      </c>
      <c r="B80" s="67">
        <v>-51</v>
      </c>
      <c r="C80" s="68">
        <v>-24</v>
      </c>
      <c r="D80" s="68">
        <v>-27</v>
      </c>
      <c r="E80" s="67">
        <v>11</v>
      </c>
      <c r="F80" s="68">
        <v>10</v>
      </c>
      <c r="G80" s="69">
        <v>1</v>
      </c>
      <c r="H80" s="68">
        <v>92</v>
      </c>
      <c r="I80" s="68">
        <v>54</v>
      </c>
      <c r="J80" s="68">
        <v>38</v>
      </c>
      <c r="K80" s="67">
        <v>132</v>
      </c>
      <c r="L80" s="79">
        <v>68</v>
      </c>
      <c r="M80" s="80">
        <v>64</v>
      </c>
    </row>
    <row r="81" spans="1:13" ht="21" customHeight="1">
      <c r="A81" s="38" t="s">
        <v>15</v>
      </c>
      <c r="B81" s="64">
        <v>-234</v>
      </c>
      <c r="C81" s="65">
        <v>-143</v>
      </c>
      <c r="D81" s="65">
        <v>-91</v>
      </c>
      <c r="E81" s="64">
        <v>64</v>
      </c>
      <c r="F81" s="65">
        <v>48</v>
      </c>
      <c r="G81" s="66">
        <v>16</v>
      </c>
      <c r="H81" s="65">
        <v>388</v>
      </c>
      <c r="I81" s="65">
        <v>224</v>
      </c>
      <c r="J81" s="65">
        <v>164</v>
      </c>
      <c r="K81" s="64">
        <v>558</v>
      </c>
      <c r="L81" s="77">
        <v>319</v>
      </c>
      <c r="M81" s="78">
        <v>239</v>
      </c>
    </row>
    <row r="82" spans="1:13">
      <c r="A82" s="27" t="s">
        <v>17</v>
      </c>
      <c r="B82" s="67">
        <v>-32</v>
      </c>
      <c r="C82" s="68">
        <v>-23</v>
      </c>
      <c r="D82" s="68">
        <v>-9</v>
      </c>
      <c r="E82" s="67">
        <v>13</v>
      </c>
      <c r="F82" s="68">
        <v>11</v>
      </c>
      <c r="G82" s="69">
        <v>2</v>
      </c>
      <c r="H82" s="68">
        <v>106</v>
      </c>
      <c r="I82" s="68">
        <v>59</v>
      </c>
      <c r="J82" s="68">
        <v>47</v>
      </c>
      <c r="K82" s="67">
        <v>125</v>
      </c>
      <c r="L82" s="79">
        <v>71</v>
      </c>
      <c r="M82" s="80">
        <v>54</v>
      </c>
    </row>
    <row r="83" spans="1:13">
      <c r="A83" s="27" t="s">
        <v>19</v>
      </c>
      <c r="B83" s="67">
        <v>-33</v>
      </c>
      <c r="C83" s="68">
        <v>-14</v>
      </c>
      <c r="D83" s="68">
        <v>-19</v>
      </c>
      <c r="E83" s="67">
        <v>13</v>
      </c>
      <c r="F83" s="68">
        <v>11</v>
      </c>
      <c r="G83" s="69">
        <v>2</v>
      </c>
      <c r="H83" s="68">
        <v>77</v>
      </c>
      <c r="I83" s="68">
        <v>54</v>
      </c>
      <c r="J83" s="68">
        <v>23</v>
      </c>
      <c r="K83" s="67">
        <v>97</v>
      </c>
      <c r="L83" s="79">
        <v>57</v>
      </c>
      <c r="M83" s="80">
        <v>40</v>
      </c>
    </row>
    <row r="84" spans="1:13">
      <c r="A84" s="27" t="s">
        <v>21</v>
      </c>
      <c r="B84" s="67">
        <v>-48</v>
      </c>
      <c r="C84" s="68">
        <v>-33</v>
      </c>
      <c r="D84" s="68">
        <v>-15</v>
      </c>
      <c r="E84" s="67">
        <v>14</v>
      </c>
      <c r="F84" s="68">
        <v>11</v>
      </c>
      <c r="G84" s="69">
        <v>3</v>
      </c>
      <c r="H84" s="68">
        <v>84</v>
      </c>
      <c r="I84" s="68">
        <v>45</v>
      </c>
      <c r="J84" s="68">
        <v>39</v>
      </c>
      <c r="K84" s="67">
        <v>118</v>
      </c>
      <c r="L84" s="79">
        <v>67</v>
      </c>
      <c r="M84" s="80">
        <v>51</v>
      </c>
    </row>
    <row r="85" spans="1:13">
      <c r="A85" s="27" t="s">
        <v>23</v>
      </c>
      <c r="B85" s="67">
        <v>-62</v>
      </c>
      <c r="C85" s="68">
        <v>-32</v>
      </c>
      <c r="D85" s="68">
        <v>-30</v>
      </c>
      <c r="E85" s="67">
        <v>12</v>
      </c>
      <c r="F85" s="68">
        <v>7</v>
      </c>
      <c r="G85" s="69">
        <v>5</v>
      </c>
      <c r="H85" s="68">
        <v>63</v>
      </c>
      <c r="I85" s="68">
        <v>35</v>
      </c>
      <c r="J85" s="68">
        <v>28</v>
      </c>
      <c r="K85" s="67">
        <v>113</v>
      </c>
      <c r="L85" s="79">
        <v>60</v>
      </c>
      <c r="M85" s="80">
        <v>53</v>
      </c>
    </row>
    <row r="86" spans="1:13">
      <c r="A86" s="27" t="s">
        <v>25</v>
      </c>
      <c r="B86" s="67">
        <v>-59</v>
      </c>
      <c r="C86" s="68">
        <v>-41</v>
      </c>
      <c r="D86" s="68">
        <v>-18</v>
      </c>
      <c r="E86" s="67">
        <v>12</v>
      </c>
      <c r="F86" s="68">
        <v>8</v>
      </c>
      <c r="G86" s="69">
        <v>4</v>
      </c>
      <c r="H86" s="68">
        <v>58</v>
      </c>
      <c r="I86" s="68">
        <v>31</v>
      </c>
      <c r="J86" s="68">
        <v>27</v>
      </c>
      <c r="K86" s="67">
        <v>105</v>
      </c>
      <c r="L86" s="79">
        <v>64</v>
      </c>
      <c r="M86" s="80">
        <v>41</v>
      </c>
    </row>
    <row r="87" spans="1:13" ht="21" customHeight="1">
      <c r="A87" s="38" t="s">
        <v>27</v>
      </c>
      <c r="B87" s="64">
        <v>-215</v>
      </c>
      <c r="C87" s="65">
        <v>-150</v>
      </c>
      <c r="D87" s="65">
        <v>-65</v>
      </c>
      <c r="E87" s="64">
        <v>75</v>
      </c>
      <c r="F87" s="65">
        <v>57</v>
      </c>
      <c r="G87" s="66">
        <v>18</v>
      </c>
      <c r="H87" s="65">
        <v>231</v>
      </c>
      <c r="I87" s="65">
        <v>132</v>
      </c>
      <c r="J87" s="65">
        <v>99</v>
      </c>
      <c r="K87" s="64">
        <v>371</v>
      </c>
      <c r="L87" s="77">
        <v>225</v>
      </c>
      <c r="M87" s="78">
        <v>146</v>
      </c>
    </row>
    <row r="88" spans="1:13">
      <c r="A88" s="27" t="s">
        <v>29</v>
      </c>
      <c r="B88" s="67">
        <v>-55</v>
      </c>
      <c r="C88" s="68">
        <v>-33</v>
      </c>
      <c r="D88" s="68">
        <v>-22</v>
      </c>
      <c r="E88" s="67">
        <v>14</v>
      </c>
      <c r="F88" s="68">
        <v>8</v>
      </c>
      <c r="G88" s="69">
        <v>6</v>
      </c>
      <c r="H88" s="68">
        <v>69</v>
      </c>
      <c r="I88" s="68">
        <v>41</v>
      </c>
      <c r="J88" s="68">
        <v>28</v>
      </c>
      <c r="K88" s="67">
        <v>110</v>
      </c>
      <c r="L88" s="79">
        <v>66</v>
      </c>
      <c r="M88" s="80">
        <v>44</v>
      </c>
    </row>
    <row r="89" spans="1:13">
      <c r="A89" s="27" t="s">
        <v>31</v>
      </c>
      <c r="B89" s="67">
        <v>-74</v>
      </c>
      <c r="C89" s="68">
        <v>-50</v>
      </c>
      <c r="D89" s="68">
        <v>-24</v>
      </c>
      <c r="E89" s="67">
        <v>18</v>
      </c>
      <c r="F89" s="68">
        <v>13</v>
      </c>
      <c r="G89" s="69">
        <v>5</v>
      </c>
      <c r="H89" s="68">
        <v>36</v>
      </c>
      <c r="I89" s="68">
        <v>19</v>
      </c>
      <c r="J89" s="68">
        <v>17</v>
      </c>
      <c r="K89" s="67">
        <v>92</v>
      </c>
      <c r="L89" s="79">
        <v>56</v>
      </c>
      <c r="M89" s="80">
        <v>36</v>
      </c>
    </row>
    <row r="90" spans="1:13">
      <c r="A90" s="27" t="s">
        <v>33</v>
      </c>
      <c r="B90" s="67">
        <v>-28</v>
      </c>
      <c r="C90" s="68">
        <v>-21</v>
      </c>
      <c r="D90" s="68">
        <v>-7</v>
      </c>
      <c r="E90" s="67">
        <v>15</v>
      </c>
      <c r="F90" s="68">
        <v>13</v>
      </c>
      <c r="G90" s="69">
        <v>2</v>
      </c>
      <c r="H90" s="68">
        <v>53</v>
      </c>
      <c r="I90" s="68">
        <v>32</v>
      </c>
      <c r="J90" s="68">
        <v>21</v>
      </c>
      <c r="K90" s="67">
        <v>66</v>
      </c>
      <c r="L90" s="79">
        <v>40</v>
      </c>
      <c r="M90" s="80">
        <v>26</v>
      </c>
    </row>
    <row r="91" spans="1:13">
      <c r="A91" s="27" t="s">
        <v>35</v>
      </c>
      <c r="B91" s="67">
        <v>-17</v>
      </c>
      <c r="C91" s="68">
        <v>-22</v>
      </c>
      <c r="D91" s="68">
        <v>5</v>
      </c>
      <c r="E91" s="67">
        <v>7</v>
      </c>
      <c r="F91" s="68">
        <v>6</v>
      </c>
      <c r="G91" s="69">
        <v>1</v>
      </c>
      <c r="H91" s="68">
        <v>44</v>
      </c>
      <c r="I91" s="68">
        <v>23</v>
      </c>
      <c r="J91" s="68">
        <v>21</v>
      </c>
      <c r="K91" s="67">
        <v>54</v>
      </c>
      <c r="L91" s="79">
        <v>39</v>
      </c>
      <c r="M91" s="80">
        <v>15</v>
      </c>
    </row>
    <row r="92" spans="1:13">
      <c r="A92" s="27" t="s">
        <v>37</v>
      </c>
      <c r="B92" s="67">
        <v>-41</v>
      </c>
      <c r="C92" s="68">
        <v>-24</v>
      </c>
      <c r="D92" s="68">
        <v>-17</v>
      </c>
      <c r="E92" s="67">
        <v>21</v>
      </c>
      <c r="F92" s="68">
        <v>17</v>
      </c>
      <c r="G92" s="69">
        <v>4</v>
      </c>
      <c r="H92" s="68">
        <v>29</v>
      </c>
      <c r="I92" s="68">
        <v>17</v>
      </c>
      <c r="J92" s="68">
        <v>12</v>
      </c>
      <c r="K92" s="67">
        <v>49</v>
      </c>
      <c r="L92" s="79">
        <v>24</v>
      </c>
      <c r="M92" s="80">
        <v>25</v>
      </c>
    </row>
    <row r="93" spans="1:13" ht="21" customHeight="1">
      <c r="A93" s="38" t="s">
        <v>39</v>
      </c>
      <c r="B93" s="64">
        <v>-146</v>
      </c>
      <c r="C93" s="65">
        <v>-105</v>
      </c>
      <c r="D93" s="65">
        <v>-41</v>
      </c>
      <c r="E93" s="64">
        <v>70</v>
      </c>
      <c r="F93" s="65">
        <v>57</v>
      </c>
      <c r="G93" s="66">
        <v>13</v>
      </c>
      <c r="H93" s="65">
        <v>141</v>
      </c>
      <c r="I93" s="65">
        <v>79</v>
      </c>
      <c r="J93" s="65">
        <v>62</v>
      </c>
      <c r="K93" s="64">
        <v>217</v>
      </c>
      <c r="L93" s="77">
        <v>127</v>
      </c>
      <c r="M93" s="78">
        <v>90</v>
      </c>
    </row>
    <row r="94" spans="1:13">
      <c r="A94" s="27" t="s">
        <v>41</v>
      </c>
      <c r="B94" s="67">
        <v>-26</v>
      </c>
      <c r="C94" s="68">
        <v>-20</v>
      </c>
      <c r="D94" s="68">
        <v>-6</v>
      </c>
      <c r="E94" s="67">
        <v>8</v>
      </c>
      <c r="F94" s="68">
        <v>8</v>
      </c>
      <c r="G94" s="69">
        <v>0</v>
      </c>
      <c r="H94" s="68">
        <v>33</v>
      </c>
      <c r="I94" s="68">
        <v>19</v>
      </c>
      <c r="J94" s="68">
        <v>14</v>
      </c>
      <c r="K94" s="67">
        <v>51</v>
      </c>
      <c r="L94" s="79">
        <v>31</v>
      </c>
      <c r="M94" s="80">
        <v>20</v>
      </c>
    </row>
    <row r="95" spans="1:13">
      <c r="A95" s="27" t="s">
        <v>43</v>
      </c>
      <c r="B95" s="67">
        <v>-52</v>
      </c>
      <c r="C95" s="68">
        <v>-38</v>
      </c>
      <c r="D95" s="68">
        <v>-14</v>
      </c>
      <c r="E95" s="67">
        <v>22</v>
      </c>
      <c r="F95" s="68">
        <v>18</v>
      </c>
      <c r="G95" s="69">
        <v>4</v>
      </c>
      <c r="H95" s="68">
        <v>26</v>
      </c>
      <c r="I95" s="68">
        <v>14</v>
      </c>
      <c r="J95" s="68">
        <v>12</v>
      </c>
      <c r="K95" s="67">
        <v>56</v>
      </c>
      <c r="L95" s="79">
        <v>34</v>
      </c>
      <c r="M95" s="80">
        <v>22</v>
      </c>
    </row>
    <row r="96" spans="1:13">
      <c r="A96" s="27" t="s">
        <v>45</v>
      </c>
      <c r="B96" s="67">
        <v>-15</v>
      </c>
      <c r="C96" s="68">
        <v>-15</v>
      </c>
      <c r="D96" s="68">
        <v>0</v>
      </c>
      <c r="E96" s="67">
        <v>13</v>
      </c>
      <c r="F96" s="68">
        <v>11</v>
      </c>
      <c r="G96" s="69">
        <v>2</v>
      </c>
      <c r="H96" s="68">
        <v>35</v>
      </c>
      <c r="I96" s="68">
        <v>18</v>
      </c>
      <c r="J96" s="68">
        <v>17</v>
      </c>
      <c r="K96" s="67">
        <v>37</v>
      </c>
      <c r="L96" s="79">
        <v>22</v>
      </c>
      <c r="M96" s="80">
        <v>15</v>
      </c>
    </row>
    <row r="97" spans="1:13">
      <c r="A97" s="27" t="s">
        <v>47</v>
      </c>
      <c r="B97" s="67">
        <v>-28</v>
      </c>
      <c r="C97" s="68">
        <v>-18</v>
      </c>
      <c r="D97" s="68">
        <v>-10</v>
      </c>
      <c r="E97" s="67">
        <v>10</v>
      </c>
      <c r="F97" s="68">
        <v>8</v>
      </c>
      <c r="G97" s="69">
        <v>2</v>
      </c>
      <c r="H97" s="68">
        <v>29</v>
      </c>
      <c r="I97" s="68">
        <v>20</v>
      </c>
      <c r="J97" s="68">
        <v>9</v>
      </c>
      <c r="K97" s="67">
        <v>47</v>
      </c>
      <c r="L97" s="79">
        <v>30</v>
      </c>
      <c r="M97" s="80">
        <v>17</v>
      </c>
    </row>
    <row r="98" spans="1:13">
      <c r="A98" s="27" t="s">
        <v>49</v>
      </c>
      <c r="B98" s="67">
        <v>-25</v>
      </c>
      <c r="C98" s="68">
        <v>-14</v>
      </c>
      <c r="D98" s="68">
        <v>-11</v>
      </c>
      <c r="E98" s="67">
        <v>17</v>
      </c>
      <c r="F98" s="68">
        <v>12</v>
      </c>
      <c r="G98" s="69">
        <v>5</v>
      </c>
      <c r="H98" s="68">
        <v>18</v>
      </c>
      <c r="I98" s="68">
        <v>8</v>
      </c>
      <c r="J98" s="68">
        <v>10</v>
      </c>
      <c r="K98" s="67">
        <v>26</v>
      </c>
      <c r="L98" s="79">
        <v>10</v>
      </c>
      <c r="M98" s="80">
        <v>16</v>
      </c>
    </row>
    <row r="99" spans="1:13" ht="21" customHeight="1">
      <c r="A99" s="38" t="s">
        <v>51</v>
      </c>
      <c r="B99" s="64">
        <v>-190</v>
      </c>
      <c r="C99" s="65">
        <v>-117</v>
      </c>
      <c r="D99" s="65">
        <v>-73</v>
      </c>
      <c r="E99" s="64">
        <v>146</v>
      </c>
      <c r="F99" s="65">
        <v>106</v>
      </c>
      <c r="G99" s="66">
        <v>40</v>
      </c>
      <c r="H99" s="65">
        <v>141</v>
      </c>
      <c r="I99" s="65">
        <v>77</v>
      </c>
      <c r="J99" s="65">
        <v>64</v>
      </c>
      <c r="K99" s="64">
        <v>185</v>
      </c>
      <c r="L99" s="77">
        <v>88</v>
      </c>
      <c r="M99" s="78">
        <v>97</v>
      </c>
    </row>
    <row r="100" spans="1:13">
      <c r="A100" s="27" t="s">
        <v>53</v>
      </c>
      <c r="B100" s="67">
        <v>-37</v>
      </c>
      <c r="C100" s="68">
        <v>-22</v>
      </c>
      <c r="D100" s="68">
        <v>-15</v>
      </c>
      <c r="E100" s="67">
        <v>31</v>
      </c>
      <c r="F100" s="68">
        <v>22</v>
      </c>
      <c r="G100" s="69">
        <v>9</v>
      </c>
      <c r="H100" s="68">
        <v>32</v>
      </c>
      <c r="I100" s="68">
        <v>19</v>
      </c>
      <c r="J100" s="68">
        <v>13</v>
      </c>
      <c r="K100" s="67">
        <v>38</v>
      </c>
      <c r="L100" s="79">
        <v>19</v>
      </c>
      <c r="M100" s="80">
        <v>19</v>
      </c>
    </row>
    <row r="101" spans="1:13">
      <c r="A101" s="27" t="s">
        <v>55</v>
      </c>
      <c r="B101" s="67">
        <v>-27</v>
      </c>
      <c r="C101" s="68">
        <v>-15</v>
      </c>
      <c r="D101" s="68">
        <v>-12</v>
      </c>
      <c r="E101" s="67">
        <v>21</v>
      </c>
      <c r="F101" s="68">
        <v>17</v>
      </c>
      <c r="G101" s="69">
        <v>4</v>
      </c>
      <c r="H101" s="68">
        <v>29</v>
      </c>
      <c r="I101" s="68">
        <v>15</v>
      </c>
      <c r="J101" s="68">
        <v>14</v>
      </c>
      <c r="K101" s="67">
        <v>35</v>
      </c>
      <c r="L101" s="79">
        <v>13</v>
      </c>
      <c r="M101" s="80">
        <v>22</v>
      </c>
    </row>
    <row r="102" spans="1:13">
      <c r="A102" s="27" t="s">
        <v>57</v>
      </c>
      <c r="B102" s="67">
        <v>-39</v>
      </c>
      <c r="C102" s="68">
        <v>-25</v>
      </c>
      <c r="D102" s="68">
        <v>-14</v>
      </c>
      <c r="E102" s="67">
        <v>28</v>
      </c>
      <c r="F102" s="68">
        <v>23</v>
      </c>
      <c r="G102" s="69">
        <v>5</v>
      </c>
      <c r="H102" s="68">
        <v>27</v>
      </c>
      <c r="I102" s="68">
        <v>18</v>
      </c>
      <c r="J102" s="68">
        <v>9</v>
      </c>
      <c r="K102" s="67">
        <v>38</v>
      </c>
      <c r="L102" s="79">
        <v>20</v>
      </c>
      <c r="M102" s="80">
        <v>18</v>
      </c>
    </row>
    <row r="103" spans="1:13">
      <c r="A103" s="27" t="s">
        <v>59</v>
      </c>
      <c r="B103" s="67">
        <v>-41</v>
      </c>
      <c r="C103" s="68">
        <v>-32</v>
      </c>
      <c r="D103" s="68">
        <v>-9</v>
      </c>
      <c r="E103" s="67">
        <v>34</v>
      </c>
      <c r="F103" s="68">
        <v>25</v>
      </c>
      <c r="G103" s="69">
        <v>9</v>
      </c>
      <c r="H103" s="68">
        <v>34</v>
      </c>
      <c r="I103" s="68">
        <v>13</v>
      </c>
      <c r="J103" s="68">
        <v>21</v>
      </c>
      <c r="K103" s="67">
        <v>41</v>
      </c>
      <c r="L103" s="79">
        <v>20</v>
      </c>
      <c r="M103" s="80">
        <v>21</v>
      </c>
    </row>
    <row r="104" spans="1:13">
      <c r="A104" s="27" t="s">
        <v>61</v>
      </c>
      <c r="B104" s="67">
        <v>-46</v>
      </c>
      <c r="C104" s="68">
        <v>-23</v>
      </c>
      <c r="D104" s="68">
        <v>-23</v>
      </c>
      <c r="E104" s="67">
        <v>32</v>
      </c>
      <c r="F104" s="68">
        <v>19</v>
      </c>
      <c r="G104" s="69">
        <v>13</v>
      </c>
      <c r="H104" s="68">
        <v>19</v>
      </c>
      <c r="I104" s="68">
        <v>12</v>
      </c>
      <c r="J104" s="68">
        <v>7</v>
      </c>
      <c r="K104" s="67">
        <v>33</v>
      </c>
      <c r="L104" s="79">
        <v>16</v>
      </c>
      <c r="M104" s="80">
        <v>17</v>
      </c>
    </row>
    <row r="105" spans="1:13" ht="21" customHeight="1">
      <c r="A105" s="38" t="s">
        <v>63</v>
      </c>
      <c r="B105" s="64">
        <v>-192</v>
      </c>
      <c r="C105" s="65">
        <v>-142</v>
      </c>
      <c r="D105" s="65">
        <v>-50</v>
      </c>
      <c r="E105" s="64">
        <v>194</v>
      </c>
      <c r="F105" s="65">
        <v>133</v>
      </c>
      <c r="G105" s="66">
        <v>61</v>
      </c>
      <c r="H105" s="65">
        <v>115</v>
      </c>
      <c r="I105" s="65">
        <v>51</v>
      </c>
      <c r="J105" s="65">
        <v>64</v>
      </c>
      <c r="K105" s="64">
        <v>113</v>
      </c>
      <c r="L105" s="77">
        <v>60</v>
      </c>
      <c r="M105" s="78">
        <v>53</v>
      </c>
    </row>
    <row r="106" spans="1:13">
      <c r="A106" s="27" t="s">
        <v>65</v>
      </c>
      <c r="B106" s="67">
        <v>-34</v>
      </c>
      <c r="C106" s="68">
        <v>-38</v>
      </c>
      <c r="D106" s="68">
        <v>4</v>
      </c>
      <c r="E106" s="67">
        <v>35</v>
      </c>
      <c r="F106" s="68">
        <v>27</v>
      </c>
      <c r="G106" s="69">
        <v>8</v>
      </c>
      <c r="H106" s="68">
        <v>31</v>
      </c>
      <c r="I106" s="68">
        <v>12</v>
      </c>
      <c r="J106" s="68">
        <v>19</v>
      </c>
      <c r="K106" s="67">
        <v>30</v>
      </c>
      <c r="L106" s="79">
        <v>23</v>
      </c>
      <c r="M106" s="80">
        <v>7</v>
      </c>
    </row>
    <row r="107" spans="1:13">
      <c r="A107" s="27" t="s">
        <v>67</v>
      </c>
      <c r="B107" s="67">
        <v>-44</v>
      </c>
      <c r="C107" s="68">
        <v>-34</v>
      </c>
      <c r="D107" s="68">
        <v>-10</v>
      </c>
      <c r="E107" s="67">
        <v>43</v>
      </c>
      <c r="F107" s="68">
        <v>33</v>
      </c>
      <c r="G107" s="69">
        <v>10</v>
      </c>
      <c r="H107" s="68">
        <v>17</v>
      </c>
      <c r="I107" s="68">
        <v>7</v>
      </c>
      <c r="J107" s="68">
        <v>10</v>
      </c>
      <c r="K107" s="67">
        <v>18</v>
      </c>
      <c r="L107" s="79">
        <v>8</v>
      </c>
      <c r="M107" s="80">
        <v>10</v>
      </c>
    </row>
    <row r="108" spans="1:13">
      <c r="A108" s="27" t="s">
        <v>69</v>
      </c>
      <c r="B108" s="67">
        <v>-25</v>
      </c>
      <c r="C108" s="68">
        <v>-14</v>
      </c>
      <c r="D108" s="68">
        <v>-11</v>
      </c>
      <c r="E108" s="67">
        <v>28</v>
      </c>
      <c r="F108" s="68">
        <v>16</v>
      </c>
      <c r="G108" s="69">
        <v>12</v>
      </c>
      <c r="H108" s="68">
        <v>22</v>
      </c>
      <c r="I108" s="68">
        <v>12</v>
      </c>
      <c r="J108" s="68">
        <v>10</v>
      </c>
      <c r="K108" s="67">
        <v>19</v>
      </c>
      <c r="L108" s="79">
        <v>10</v>
      </c>
      <c r="M108" s="80">
        <v>9</v>
      </c>
    </row>
    <row r="109" spans="1:13">
      <c r="A109" s="27" t="s">
        <v>71</v>
      </c>
      <c r="B109" s="67">
        <v>-45</v>
      </c>
      <c r="C109" s="68">
        <v>-27</v>
      </c>
      <c r="D109" s="68">
        <v>-18</v>
      </c>
      <c r="E109" s="67">
        <v>41</v>
      </c>
      <c r="F109" s="68">
        <v>28</v>
      </c>
      <c r="G109" s="69">
        <v>13</v>
      </c>
      <c r="H109" s="68">
        <v>17</v>
      </c>
      <c r="I109" s="68">
        <v>8</v>
      </c>
      <c r="J109" s="68">
        <v>9</v>
      </c>
      <c r="K109" s="67">
        <v>21</v>
      </c>
      <c r="L109" s="79">
        <v>7</v>
      </c>
      <c r="M109" s="80">
        <v>14</v>
      </c>
    </row>
    <row r="110" spans="1:13">
      <c r="A110" s="27" t="s">
        <v>73</v>
      </c>
      <c r="B110" s="67">
        <v>-44</v>
      </c>
      <c r="C110" s="68">
        <v>-29</v>
      </c>
      <c r="D110" s="68">
        <v>-15</v>
      </c>
      <c r="E110" s="67">
        <v>47</v>
      </c>
      <c r="F110" s="68">
        <v>29</v>
      </c>
      <c r="G110" s="69">
        <v>18</v>
      </c>
      <c r="H110" s="68">
        <v>28</v>
      </c>
      <c r="I110" s="68">
        <v>12</v>
      </c>
      <c r="J110" s="68">
        <v>16</v>
      </c>
      <c r="K110" s="67">
        <v>25</v>
      </c>
      <c r="L110" s="79">
        <v>12</v>
      </c>
      <c r="M110" s="80">
        <v>13</v>
      </c>
    </row>
    <row r="111" spans="1:13" ht="21" customHeight="1">
      <c r="A111" s="38" t="s">
        <v>75</v>
      </c>
      <c r="B111" s="64">
        <v>-271</v>
      </c>
      <c r="C111" s="65">
        <v>-166</v>
      </c>
      <c r="D111" s="65">
        <v>-105</v>
      </c>
      <c r="E111" s="64">
        <v>263</v>
      </c>
      <c r="F111" s="65">
        <v>159</v>
      </c>
      <c r="G111" s="66">
        <v>104</v>
      </c>
      <c r="H111" s="65">
        <v>101</v>
      </c>
      <c r="I111" s="65">
        <v>33</v>
      </c>
      <c r="J111" s="65">
        <v>68</v>
      </c>
      <c r="K111" s="64">
        <v>109</v>
      </c>
      <c r="L111" s="77">
        <v>40</v>
      </c>
      <c r="M111" s="78">
        <v>69</v>
      </c>
    </row>
    <row r="112" spans="1:13">
      <c r="A112" s="27" t="s">
        <v>77</v>
      </c>
      <c r="B112" s="67">
        <v>-53</v>
      </c>
      <c r="C112" s="68">
        <v>-27</v>
      </c>
      <c r="D112" s="68">
        <v>-26</v>
      </c>
      <c r="E112" s="67">
        <v>46</v>
      </c>
      <c r="F112" s="68">
        <v>28</v>
      </c>
      <c r="G112" s="69">
        <v>18</v>
      </c>
      <c r="H112" s="68">
        <v>20</v>
      </c>
      <c r="I112" s="68">
        <v>9</v>
      </c>
      <c r="J112" s="68">
        <v>11</v>
      </c>
      <c r="K112" s="67">
        <v>27</v>
      </c>
      <c r="L112" s="79">
        <v>8</v>
      </c>
      <c r="M112" s="80">
        <v>19</v>
      </c>
    </row>
    <row r="113" spans="1:13">
      <c r="A113" s="27" t="s">
        <v>79</v>
      </c>
      <c r="B113" s="67">
        <v>-62</v>
      </c>
      <c r="C113" s="68">
        <v>-32</v>
      </c>
      <c r="D113" s="68">
        <v>-30</v>
      </c>
      <c r="E113" s="67">
        <v>50</v>
      </c>
      <c r="F113" s="68">
        <v>30</v>
      </c>
      <c r="G113" s="69">
        <v>20</v>
      </c>
      <c r="H113" s="68">
        <v>16</v>
      </c>
      <c r="I113" s="68">
        <v>8</v>
      </c>
      <c r="J113" s="68">
        <v>8</v>
      </c>
      <c r="K113" s="67">
        <v>28</v>
      </c>
      <c r="L113" s="79">
        <v>10</v>
      </c>
      <c r="M113" s="80">
        <v>18</v>
      </c>
    </row>
    <row r="114" spans="1:13">
      <c r="A114" s="27" t="s">
        <v>81</v>
      </c>
      <c r="B114" s="67">
        <v>-50</v>
      </c>
      <c r="C114" s="68">
        <v>-38</v>
      </c>
      <c r="D114" s="68">
        <v>-12</v>
      </c>
      <c r="E114" s="67">
        <v>57</v>
      </c>
      <c r="F114" s="68">
        <v>34</v>
      </c>
      <c r="G114" s="69">
        <v>23</v>
      </c>
      <c r="H114" s="68">
        <v>20</v>
      </c>
      <c r="I114" s="68">
        <v>4</v>
      </c>
      <c r="J114" s="68">
        <v>16</v>
      </c>
      <c r="K114" s="67">
        <v>13</v>
      </c>
      <c r="L114" s="79">
        <v>8</v>
      </c>
      <c r="M114" s="80">
        <v>5</v>
      </c>
    </row>
    <row r="115" spans="1:13">
      <c r="A115" s="27" t="s">
        <v>83</v>
      </c>
      <c r="B115" s="67">
        <v>-46</v>
      </c>
      <c r="C115" s="68">
        <v>-29</v>
      </c>
      <c r="D115" s="68">
        <v>-17</v>
      </c>
      <c r="E115" s="67">
        <v>48</v>
      </c>
      <c r="F115" s="68">
        <v>28</v>
      </c>
      <c r="G115" s="69">
        <v>20</v>
      </c>
      <c r="H115" s="68">
        <v>22</v>
      </c>
      <c r="I115" s="68">
        <v>7</v>
      </c>
      <c r="J115" s="68">
        <v>15</v>
      </c>
      <c r="K115" s="67">
        <v>20</v>
      </c>
      <c r="L115" s="79">
        <v>8</v>
      </c>
      <c r="M115" s="80">
        <v>12</v>
      </c>
    </row>
    <row r="116" spans="1:13">
      <c r="A116" s="27" t="s">
        <v>85</v>
      </c>
      <c r="B116" s="67">
        <v>-60</v>
      </c>
      <c r="C116" s="68">
        <v>-40</v>
      </c>
      <c r="D116" s="68">
        <v>-20</v>
      </c>
      <c r="E116" s="67">
        <v>62</v>
      </c>
      <c r="F116" s="68">
        <v>39</v>
      </c>
      <c r="G116" s="69">
        <v>23</v>
      </c>
      <c r="H116" s="68">
        <v>23</v>
      </c>
      <c r="I116" s="68">
        <v>5</v>
      </c>
      <c r="J116" s="68">
        <v>18</v>
      </c>
      <c r="K116" s="67">
        <v>21</v>
      </c>
      <c r="L116" s="79">
        <v>6</v>
      </c>
      <c r="M116" s="80">
        <v>15</v>
      </c>
    </row>
    <row r="117" spans="1:13" ht="21" customHeight="1">
      <c r="A117" s="38" t="s">
        <v>87</v>
      </c>
      <c r="B117" s="64">
        <v>-311</v>
      </c>
      <c r="C117" s="65">
        <v>-141</v>
      </c>
      <c r="D117" s="65">
        <v>-170</v>
      </c>
      <c r="E117" s="64">
        <v>336</v>
      </c>
      <c r="F117" s="65">
        <v>153</v>
      </c>
      <c r="G117" s="66">
        <v>183</v>
      </c>
      <c r="H117" s="65">
        <v>108</v>
      </c>
      <c r="I117" s="65">
        <v>35</v>
      </c>
      <c r="J117" s="65">
        <v>73</v>
      </c>
      <c r="K117" s="64">
        <v>83</v>
      </c>
      <c r="L117" s="77">
        <v>23</v>
      </c>
      <c r="M117" s="78">
        <v>60</v>
      </c>
    </row>
    <row r="118" spans="1:13">
      <c r="A118" s="27" t="s">
        <v>89</v>
      </c>
      <c r="B118" s="67">
        <v>-61</v>
      </c>
      <c r="C118" s="68">
        <v>-25</v>
      </c>
      <c r="D118" s="68">
        <v>-36</v>
      </c>
      <c r="E118" s="67">
        <v>67</v>
      </c>
      <c r="F118" s="68">
        <v>28</v>
      </c>
      <c r="G118" s="69">
        <v>39</v>
      </c>
      <c r="H118" s="68">
        <v>25</v>
      </c>
      <c r="I118" s="68">
        <v>8</v>
      </c>
      <c r="J118" s="68">
        <v>17</v>
      </c>
      <c r="K118" s="67">
        <v>19</v>
      </c>
      <c r="L118" s="79">
        <v>5</v>
      </c>
      <c r="M118" s="80">
        <v>14</v>
      </c>
    </row>
    <row r="119" spans="1:13">
      <c r="A119" s="27" t="s">
        <v>91</v>
      </c>
      <c r="B119" s="67">
        <v>-58</v>
      </c>
      <c r="C119" s="68">
        <v>-36</v>
      </c>
      <c r="D119" s="68">
        <v>-22</v>
      </c>
      <c r="E119" s="67">
        <v>64</v>
      </c>
      <c r="F119" s="68">
        <v>38</v>
      </c>
      <c r="G119" s="69">
        <v>26</v>
      </c>
      <c r="H119" s="68">
        <v>27</v>
      </c>
      <c r="I119" s="68">
        <v>9</v>
      </c>
      <c r="J119" s="68">
        <v>18</v>
      </c>
      <c r="K119" s="67">
        <v>21</v>
      </c>
      <c r="L119" s="79">
        <v>7</v>
      </c>
      <c r="M119" s="80">
        <v>14</v>
      </c>
    </row>
    <row r="120" spans="1:13">
      <c r="A120" s="27" t="s">
        <v>93</v>
      </c>
      <c r="B120" s="67">
        <v>-64</v>
      </c>
      <c r="C120" s="68">
        <v>-24</v>
      </c>
      <c r="D120" s="68">
        <v>-40</v>
      </c>
      <c r="E120" s="67">
        <v>68</v>
      </c>
      <c r="F120" s="68">
        <v>29</v>
      </c>
      <c r="G120" s="69">
        <v>39</v>
      </c>
      <c r="H120" s="68">
        <v>22</v>
      </c>
      <c r="I120" s="68">
        <v>8</v>
      </c>
      <c r="J120" s="68">
        <v>14</v>
      </c>
      <c r="K120" s="67">
        <v>18</v>
      </c>
      <c r="L120" s="79">
        <v>3</v>
      </c>
      <c r="M120" s="80">
        <v>15</v>
      </c>
    </row>
    <row r="121" spans="1:13">
      <c r="A121" s="27" t="s">
        <v>95</v>
      </c>
      <c r="B121" s="67">
        <v>-60</v>
      </c>
      <c r="C121" s="68">
        <v>-27</v>
      </c>
      <c r="D121" s="68">
        <v>-33</v>
      </c>
      <c r="E121" s="67">
        <v>65</v>
      </c>
      <c r="F121" s="68">
        <v>29</v>
      </c>
      <c r="G121" s="69">
        <v>36</v>
      </c>
      <c r="H121" s="68">
        <v>14</v>
      </c>
      <c r="I121" s="68">
        <v>4</v>
      </c>
      <c r="J121" s="68">
        <v>10</v>
      </c>
      <c r="K121" s="67">
        <v>9</v>
      </c>
      <c r="L121" s="79">
        <v>2</v>
      </c>
      <c r="M121" s="80">
        <v>7</v>
      </c>
    </row>
    <row r="122" spans="1:13">
      <c r="A122" s="27" t="s">
        <v>97</v>
      </c>
      <c r="B122" s="67">
        <v>-68</v>
      </c>
      <c r="C122" s="68">
        <v>-29</v>
      </c>
      <c r="D122" s="68">
        <v>-39</v>
      </c>
      <c r="E122" s="67">
        <v>72</v>
      </c>
      <c r="F122" s="68">
        <v>29</v>
      </c>
      <c r="G122" s="69">
        <v>43</v>
      </c>
      <c r="H122" s="68">
        <v>20</v>
      </c>
      <c r="I122" s="68">
        <v>6</v>
      </c>
      <c r="J122" s="68">
        <v>14</v>
      </c>
      <c r="K122" s="67">
        <v>16</v>
      </c>
      <c r="L122" s="79">
        <v>6</v>
      </c>
      <c r="M122" s="80">
        <v>10</v>
      </c>
    </row>
    <row r="123" spans="1:13" ht="21" customHeight="1">
      <c r="A123" s="38" t="s">
        <v>99</v>
      </c>
      <c r="B123" s="64">
        <v>-304</v>
      </c>
      <c r="C123" s="65">
        <v>-114</v>
      </c>
      <c r="D123" s="65">
        <v>-190</v>
      </c>
      <c r="E123" s="64">
        <v>341</v>
      </c>
      <c r="F123" s="65">
        <v>126</v>
      </c>
      <c r="G123" s="66">
        <v>215</v>
      </c>
      <c r="H123" s="65">
        <v>75</v>
      </c>
      <c r="I123" s="65">
        <v>18</v>
      </c>
      <c r="J123" s="65">
        <v>57</v>
      </c>
      <c r="K123" s="64">
        <v>38</v>
      </c>
      <c r="L123" s="77">
        <v>6</v>
      </c>
      <c r="M123" s="78">
        <v>32</v>
      </c>
    </row>
    <row r="124" spans="1:13">
      <c r="A124" s="27" t="s">
        <v>101</v>
      </c>
      <c r="B124" s="67">
        <v>-53</v>
      </c>
      <c r="C124" s="68">
        <v>-21</v>
      </c>
      <c r="D124" s="68">
        <v>-32</v>
      </c>
      <c r="E124" s="67">
        <v>69</v>
      </c>
      <c r="F124" s="68">
        <v>26</v>
      </c>
      <c r="G124" s="69">
        <v>43</v>
      </c>
      <c r="H124" s="68">
        <v>24</v>
      </c>
      <c r="I124" s="68">
        <v>7</v>
      </c>
      <c r="J124" s="68">
        <v>17</v>
      </c>
      <c r="K124" s="67">
        <v>8</v>
      </c>
      <c r="L124" s="79">
        <v>2</v>
      </c>
      <c r="M124" s="80">
        <v>6</v>
      </c>
    </row>
    <row r="125" spans="1:13">
      <c r="A125" s="27" t="s">
        <v>103</v>
      </c>
      <c r="B125" s="67">
        <v>-60</v>
      </c>
      <c r="C125" s="68">
        <v>-24</v>
      </c>
      <c r="D125" s="68">
        <v>-36</v>
      </c>
      <c r="E125" s="67">
        <v>68</v>
      </c>
      <c r="F125" s="68">
        <v>26</v>
      </c>
      <c r="G125" s="69">
        <v>42</v>
      </c>
      <c r="H125" s="68">
        <v>19</v>
      </c>
      <c r="I125" s="68">
        <v>4</v>
      </c>
      <c r="J125" s="68">
        <v>15</v>
      </c>
      <c r="K125" s="67">
        <v>11</v>
      </c>
      <c r="L125" s="79">
        <v>2</v>
      </c>
      <c r="M125" s="80">
        <v>9</v>
      </c>
    </row>
    <row r="126" spans="1:13">
      <c r="A126" s="27" t="s">
        <v>105</v>
      </c>
      <c r="B126" s="67">
        <v>-64</v>
      </c>
      <c r="C126" s="68">
        <v>-21</v>
      </c>
      <c r="D126" s="68">
        <v>-43</v>
      </c>
      <c r="E126" s="67">
        <v>68</v>
      </c>
      <c r="F126" s="68">
        <v>26</v>
      </c>
      <c r="G126" s="69">
        <v>42</v>
      </c>
      <c r="H126" s="68">
        <v>12</v>
      </c>
      <c r="I126" s="68">
        <v>5</v>
      </c>
      <c r="J126" s="68">
        <v>7</v>
      </c>
      <c r="K126" s="67">
        <v>8</v>
      </c>
      <c r="L126" s="79">
        <v>0</v>
      </c>
      <c r="M126" s="80">
        <v>8</v>
      </c>
    </row>
    <row r="127" spans="1:13">
      <c r="A127" s="27" t="s">
        <v>107</v>
      </c>
      <c r="B127" s="67">
        <v>-68</v>
      </c>
      <c r="C127" s="68">
        <v>-37</v>
      </c>
      <c r="D127" s="68">
        <v>-31</v>
      </c>
      <c r="E127" s="67">
        <v>74</v>
      </c>
      <c r="F127" s="68">
        <v>39</v>
      </c>
      <c r="G127" s="69">
        <v>35</v>
      </c>
      <c r="H127" s="68">
        <v>12</v>
      </c>
      <c r="I127" s="68">
        <v>2</v>
      </c>
      <c r="J127" s="68">
        <v>10</v>
      </c>
      <c r="K127" s="67">
        <v>6</v>
      </c>
      <c r="L127" s="79">
        <v>0</v>
      </c>
      <c r="M127" s="80">
        <v>6</v>
      </c>
    </row>
    <row r="128" spans="1:13">
      <c r="A128" s="27" t="s">
        <v>109</v>
      </c>
      <c r="B128" s="67">
        <v>-59</v>
      </c>
      <c r="C128" s="68">
        <v>-11</v>
      </c>
      <c r="D128" s="68">
        <v>-48</v>
      </c>
      <c r="E128" s="67">
        <v>62</v>
      </c>
      <c r="F128" s="68">
        <v>9</v>
      </c>
      <c r="G128" s="69">
        <v>53</v>
      </c>
      <c r="H128" s="68">
        <v>8</v>
      </c>
      <c r="I128" s="68">
        <v>0</v>
      </c>
      <c r="J128" s="68">
        <v>8</v>
      </c>
      <c r="K128" s="67">
        <v>5</v>
      </c>
      <c r="L128" s="79">
        <v>2</v>
      </c>
      <c r="M128" s="80">
        <v>3</v>
      </c>
    </row>
    <row r="129" spans="1:14" ht="21" customHeight="1">
      <c r="A129" s="38" t="s">
        <v>111</v>
      </c>
      <c r="B129" s="64">
        <v>-198</v>
      </c>
      <c r="C129" s="65">
        <v>-58</v>
      </c>
      <c r="D129" s="65">
        <v>-140</v>
      </c>
      <c r="E129" s="64">
        <v>188</v>
      </c>
      <c r="F129" s="65">
        <v>53</v>
      </c>
      <c r="G129" s="66">
        <v>135</v>
      </c>
      <c r="H129" s="65">
        <v>13</v>
      </c>
      <c r="I129" s="65">
        <v>2</v>
      </c>
      <c r="J129" s="65">
        <v>11</v>
      </c>
      <c r="K129" s="64">
        <v>23</v>
      </c>
      <c r="L129" s="77">
        <v>7</v>
      </c>
      <c r="M129" s="78">
        <v>16</v>
      </c>
    </row>
    <row r="130" spans="1:14">
      <c r="A130" s="27" t="s">
        <v>113</v>
      </c>
      <c r="B130" s="67">
        <v>-60</v>
      </c>
      <c r="C130" s="68">
        <v>-20</v>
      </c>
      <c r="D130" s="68">
        <v>-40</v>
      </c>
      <c r="E130" s="67">
        <v>57</v>
      </c>
      <c r="F130" s="68">
        <v>20</v>
      </c>
      <c r="G130" s="69">
        <v>37</v>
      </c>
      <c r="H130" s="68">
        <v>5</v>
      </c>
      <c r="I130" s="68">
        <v>2</v>
      </c>
      <c r="J130" s="68">
        <v>3</v>
      </c>
      <c r="K130" s="67">
        <v>8</v>
      </c>
      <c r="L130" s="79">
        <v>2</v>
      </c>
      <c r="M130" s="80">
        <v>6</v>
      </c>
    </row>
    <row r="131" spans="1:14">
      <c r="A131" s="27" t="s">
        <v>115</v>
      </c>
      <c r="B131" s="67">
        <v>-36</v>
      </c>
      <c r="C131" s="68">
        <v>-9</v>
      </c>
      <c r="D131" s="68">
        <v>-27</v>
      </c>
      <c r="E131" s="67">
        <v>31</v>
      </c>
      <c r="F131" s="68">
        <v>6</v>
      </c>
      <c r="G131" s="69">
        <v>25</v>
      </c>
      <c r="H131" s="68">
        <v>3</v>
      </c>
      <c r="I131" s="68">
        <v>0</v>
      </c>
      <c r="J131" s="68">
        <v>3</v>
      </c>
      <c r="K131" s="67">
        <v>8</v>
      </c>
      <c r="L131" s="79">
        <v>3</v>
      </c>
      <c r="M131" s="80">
        <v>5</v>
      </c>
    </row>
    <row r="132" spans="1:14">
      <c r="A132" s="27" t="s">
        <v>117</v>
      </c>
      <c r="B132" s="67">
        <v>-37</v>
      </c>
      <c r="C132" s="68">
        <v>-13</v>
      </c>
      <c r="D132" s="68">
        <v>-24</v>
      </c>
      <c r="E132" s="67">
        <v>38</v>
      </c>
      <c r="F132" s="68">
        <v>12</v>
      </c>
      <c r="G132" s="69">
        <v>26</v>
      </c>
      <c r="H132" s="68">
        <v>2</v>
      </c>
      <c r="I132" s="68">
        <v>0</v>
      </c>
      <c r="J132" s="68">
        <v>2</v>
      </c>
      <c r="K132" s="67">
        <v>1</v>
      </c>
      <c r="L132" s="79">
        <v>1</v>
      </c>
      <c r="M132" s="80">
        <v>0</v>
      </c>
    </row>
    <row r="133" spans="1:14">
      <c r="A133" s="27" t="s">
        <v>119</v>
      </c>
      <c r="B133" s="67">
        <v>-39</v>
      </c>
      <c r="C133" s="68">
        <v>-9</v>
      </c>
      <c r="D133" s="68">
        <v>-30</v>
      </c>
      <c r="E133" s="67">
        <v>38</v>
      </c>
      <c r="F133" s="68">
        <v>9</v>
      </c>
      <c r="G133" s="69">
        <v>29</v>
      </c>
      <c r="H133" s="68">
        <v>3</v>
      </c>
      <c r="I133" s="68">
        <v>0</v>
      </c>
      <c r="J133" s="68">
        <v>3</v>
      </c>
      <c r="K133" s="67">
        <v>4</v>
      </c>
      <c r="L133" s="79">
        <v>0</v>
      </c>
      <c r="M133" s="80">
        <v>4</v>
      </c>
    </row>
    <row r="134" spans="1:14">
      <c r="A134" s="27" t="s">
        <v>121</v>
      </c>
      <c r="B134" s="67">
        <v>-26</v>
      </c>
      <c r="C134" s="68">
        <v>-7</v>
      </c>
      <c r="D134" s="68">
        <v>-19</v>
      </c>
      <c r="E134" s="67">
        <v>24</v>
      </c>
      <c r="F134" s="68">
        <v>6</v>
      </c>
      <c r="G134" s="69">
        <v>18</v>
      </c>
      <c r="H134" s="68">
        <v>0</v>
      </c>
      <c r="I134" s="68">
        <v>0</v>
      </c>
      <c r="J134" s="68">
        <v>0</v>
      </c>
      <c r="K134" s="67">
        <v>2</v>
      </c>
      <c r="L134" s="79">
        <v>1</v>
      </c>
      <c r="M134" s="80">
        <v>1</v>
      </c>
    </row>
    <row r="135" spans="1:14" ht="21" customHeight="1">
      <c r="A135" s="39" t="s">
        <v>122</v>
      </c>
      <c r="B135" s="42">
        <v>-70</v>
      </c>
      <c r="C135" s="40">
        <v>-8</v>
      </c>
      <c r="D135" s="40">
        <v>-62</v>
      </c>
      <c r="E135" s="42">
        <v>66</v>
      </c>
      <c r="F135" s="40">
        <v>8</v>
      </c>
      <c r="G135" s="43">
        <v>58</v>
      </c>
      <c r="H135" s="40">
        <v>1</v>
      </c>
      <c r="I135" s="40">
        <v>1</v>
      </c>
      <c r="J135" s="40">
        <v>0</v>
      </c>
      <c r="K135" s="42">
        <v>5</v>
      </c>
      <c r="L135" s="44">
        <v>1</v>
      </c>
      <c r="M135" s="85">
        <v>4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70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1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598</v>
      </c>
      <c r="C5" s="62">
        <v>-552</v>
      </c>
      <c r="D5" s="62">
        <v>-46</v>
      </c>
      <c r="E5" s="61">
        <v>1949</v>
      </c>
      <c r="F5" s="62">
        <v>1070</v>
      </c>
      <c r="G5" s="63">
        <v>879</v>
      </c>
      <c r="H5" s="62">
        <v>15832</v>
      </c>
      <c r="I5" s="62">
        <v>8170</v>
      </c>
      <c r="J5" s="62">
        <v>7662</v>
      </c>
      <c r="K5" s="61">
        <v>16288</v>
      </c>
      <c r="L5" s="75">
        <v>8550</v>
      </c>
      <c r="M5" s="76">
        <v>7738</v>
      </c>
    </row>
    <row r="6" spans="1:13" ht="23.25" customHeight="1">
      <c r="A6" s="36" t="s">
        <v>2</v>
      </c>
      <c r="B6" s="64">
        <v>1388</v>
      </c>
      <c r="C6" s="65">
        <v>682</v>
      </c>
      <c r="D6" s="65">
        <v>706</v>
      </c>
      <c r="E6" s="64">
        <v>4</v>
      </c>
      <c r="F6" s="65">
        <v>2</v>
      </c>
      <c r="G6" s="66">
        <v>2</v>
      </c>
      <c r="H6" s="65">
        <v>563</v>
      </c>
      <c r="I6" s="65">
        <v>273</v>
      </c>
      <c r="J6" s="65">
        <v>290</v>
      </c>
      <c r="K6" s="64">
        <v>978</v>
      </c>
      <c r="L6" s="77">
        <v>487</v>
      </c>
      <c r="M6" s="78">
        <v>491</v>
      </c>
    </row>
    <row r="7" spans="1:13">
      <c r="A7" s="15" t="s">
        <v>4</v>
      </c>
      <c r="B7" s="67">
        <v>1761</v>
      </c>
      <c r="C7" s="68">
        <v>874</v>
      </c>
      <c r="D7" s="68">
        <v>887</v>
      </c>
      <c r="E7" s="67">
        <v>3</v>
      </c>
      <c r="F7" s="68">
        <v>2</v>
      </c>
      <c r="G7" s="69">
        <v>1</v>
      </c>
      <c r="H7" s="68">
        <v>94</v>
      </c>
      <c r="I7" s="68">
        <v>50</v>
      </c>
      <c r="J7" s="68">
        <v>44</v>
      </c>
      <c r="K7" s="67">
        <v>137</v>
      </c>
      <c r="L7" s="79">
        <v>72</v>
      </c>
      <c r="M7" s="80">
        <v>65</v>
      </c>
    </row>
    <row r="8" spans="1:13">
      <c r="A8" s="15" t="s">
        <v>6</v>
      </c>
      <c r="B8" s="67">
        <v>-122</v>
      </c>
      <c r="C8" s="68">
        <v>-49</v>
      </c>
      <c r="D8" s="68">
        <v>-73</v>
      </c>
      <c r="E8" s="67">
        <v>1</v>
      </c>
      <c r="F8" s="68">
        <v>0</v>
      </c>
      <c r="G8" s="69">
        <v>1</v>
      </c>
      <c r="H8" s="68">
        <v>155</v>
      </c>
      <c r="I8" s="68">
        <v>82</v>
      </c>
      <c r="J8" s="68">
        <v>73</v>
      </c>
      <c r="K8" s="67">
        <v>276</v>
      </c>
      <c r="L8" s="79">
        <v>131</v>
      </c>
      <c r="M8" s="80">
        <v>145</v>
      </c>
    </row>
    <row r="9" spans="1:13">
      <c r="A9" s="15" t="s">
        <v>8</v>
      </c>
      <c r="B9" s="67">
        <v>-98</v>
      </c>
      <c r="C9" s="68">
        <v>-51</v>
      </c>
      <c r="D9" s="68">
        <v>-47</v>
      </c>
      <c r="E9" s="67">
        <v>0</v>
      </c>
      <c r="F9" s="68">
        <v>0</v>
      </c>
      <c r="G9" s="69">
        <v>0</v>
      </c>
      <c r="H9" s="68">
        <v>127</v>
      </c>
      <c r="I9" s="68">
        <v>63</v>
      </c>
      <c r="J9" s="68">
        <v>64</v>
      </c>
      <c r="K9" s="67">
        <v>225</v>
      </c>
      <c r="L9" s="79">
        <v>114</v>
      </c>
      <c r="M9" s="80">
        <v>111</v>
      </c>
    </row>
    <row r="10" spans="1:13">
      <c r="A10" s="15" t="s">
        <v>10</v>
      </c>
      <c r="B10" s="67">
        <v>-78</v>
      </c>
      <c r="C10" s="68">
        <v>-51</v>
      </c>
      <c r="D10" s="68">
        <v>-27</v>
      </c>
      <c r="E10" s="67">
        <v>0</v>
      </c>
      <c r="F10" s="68">
        <v>0</v>
      </c>
      <c r="G10" s="69">
        <v>0</v>
      </c>
      <c r="H10" s="68">
        <v>122</v>
      </c>
      <c r="I10" s="68">
        <v>54</v>
      </c>
      <c r="J10" s="68">
        <v>68</v>
      </c>
      <c r="K10" s="67">
        <v>200</v>
      </c>
      <c r="L10" s="79">
        <v>105</v>
      </c>
      <c r="M10" s="80">
        <v>95</v>
      </c>
    </row>
    <row r="11" spans="1:13">
      <c r="A11" s="15" t="s">
        <v>12</v>
      </c>
      <c r="B11" s="67">
        <v>-75</v>
      </c>
      <c r="C11" s="68">
        <v>-41</v>
      </c>
      <c r="D11" s="68">
        <v>-34</v>
      </c>
      <c r="E11" s="67">
        <v>0</v>
      </c>
      <c r="F11" s="68">
        <v>0</v>
      </c>
      <c r="G11" s="69">
        <v>0</v>
      </c>
      <c r="H11" s="68">
        <v>65</v>
      </c>
      <c r="I11" s="68">
        <v>24</v>
      </c>
      <c r="J11" s="68">
        <v>41</v>
      </c>
      <c r="K11" s="67">
        <v>140</v>
      </c>
      <c r="L11" s="79">
        <v>65</v>
      </c>
      <c r="M11" s="80">
        <v>75</v>
      </c>
    </row>
    <row r="12" spans="1:13" ht="21" customHeight="1">
      <c r="A12" s="36" t="s">
        <v>14</v>
      </c>
      <c r="B12" s="64">
        <v>-209</v>
      </c>
      <c r="C12" s="65">
        <v>-120</v>
      </c>
      <c r="D12" s="65">
        <v>-89</v>
      </c>
      <c r="E12" s="64">
        <v>2</v>
      </c>
      <c r="F12" s="65">
        <v>2</v>
      </c>
      <c r="G12" s="66">
        <v>0</v>
      </c>
      <c r="H12" s="65">
        <v>278</v>
      </c>
      <c r="I12" s="65">
        <v>143</v>
      </c>
      <c r="J12" s="65">
        <v>135</v>
      </c>
      <c r="K12" s="64">
        <v>485</v>
      </c>
      <c r="L12" s="77">
        <v>261</v>
      </c>
      <c r="M12" s="78">
        <v>224</v>
      </c>
    </row>
    <row r="13" spans="1:13">
      <c r="A13" s="15" t="s">
        <v>16</v>
      </c>
      <c r="B13" s="67">
        <v>-70</v>
      </c>
      <c r="C13" s="68">
        <v>-40</v>
      </c>
      <c r="D13" s="68">
        <v>-30</v>
      </c>
      <c r="E13" s="67">
        <v>0</v>
      </c>
      <c r="F13" s="68">
        <v>0</v>
      </c>
      <c r="G13" s="69">
        <v>0</v>
      </c>
      <c r="H13" s="68">
        <v>58</v>
      </c>
      <c r="I13" s="68">
        <v>31</v>
      </c>
      <c r="J13" s="68">
        <v>27</v>
      </c>
      <c r="K13" s="67">
        <v>128</v>
      </c>
      <c r="L13" s="79">
        <v>71</v>
      </c>
      <c r="M13" s="80">
        <v>57</v>
      </c>
    </row>
    <row r="14" spans="1:13">
      <c r="A14" s="15" t="s">
        <v>18</v>
      </c>
      <c r="B14" s="67">
        <v>-43</v>
      </c>
      <c r="C14" s="68">
        <v>-21</v>
      </c>
      <c r="D14" s="68">
        <v>-22</v>
      </c>
      <c r="E14" s="67">
        <v>0</v>
      </c>
      <c r="F14" s="68">
        <v>0</v>
      </c>
      <c r="G14" s="69">
        <v>0</v>
      </c>
      <c r="H14" s="68">
        <v>81</v>
      </c>
      <c r="I14" s="68">
        <v>43</v>
      </c>
      <c r="J14" s="68">
        <v>38</v>
      </c>
      <c r="K14" s="67">
        <v>124</v>
      </c>
      <c r="L14" s="79">
        <v>64</v>
      </c>
      <c r="M14" s="80">
        <v>60</v>
      </c>
    </row>
    <row r="15" spans="1:13">
      <c r="A15" s="15" t="s">
        <v>20</v>
      </c>
      <c r="B15" s="67">
        <v>-66</v>
      </c>
      <c r="C15" s="68">
        <v>-42</v>
      </c>
      <c r="D15" s="68">
        <v>-24</v>
      </c>
      <c r="E15" s="67">
        <v>0</v>
      </c>
      <c r="F15" s="68">
        <v>0</v>
      </c>
      <c r="G15" s="69">
        <v>0</v>
      </c>
      <c r="H15" s="68">
        <v>62</v>
      </c>
      <c r="I15" s="68">
        <v>32</v>
      </c>
      <c r="J15" s="68">
        <v>30</v>
      </c>
      <c r="K15" s="67">
        <v>128</v>
      </c>
      <c r="L15" s="79">
        <v>74</v>
      </c>
      <c r="M15" s="80">
        <v>54</v>
      </c>
    </row>
    <row r="16" spans="1:13">
      <c r="A16" s="15" t="s">
        <v>22</v>
      </c>
      <c r="B16" s="67">
        <v>-17</v>
      </c>
      <c r="C16" s="68">
        <v>-14</v>
      </c>
      <c r="D16" s="68">
        <v>-3</v>
      </c>
      <c r="E16" s="67">
        <v>1</v>
      </c>
      <c r="F16" s="68">
        <v>1</v>
      </c>
      <c r="G16" s="69">
        <v>0</v>
      </c>
      <c r="H16" s="68">
        <v>44</v>
      </c>
      <c r="I16" s="68">
        <v>20</v>
      </c>
      <c r="J16" s="68">
        <v>24</v>
      </c>
      <c r="K16" s="67">
        <v>60</v>
      </c>
      <c r="L16" s="79">
        <v>33</v>
      </c>
      <c r="M16" s="80">
        <v>27</v>
      </c>
    </row>
    <row r="17" spans="1:13">
      <c r="A17" s="15" t="s">
        <v>24</v>
      </c>
      <c r="B17" s="67">
        <v>-13</v>
      </c>
      <c r="C17" s="68">
        <v>-3</v>
      </c>
      <c r="D17" s="68">
        <v>-10</v>
      </c>
      <c r="E17" s="67">
        <v>1</v>
      </c>
      <c r="F17" s="68">
        <v>1</v>
      </c>
      <c r="G17" s="69">
        <v>0</v>
      </c>
      <c r="H17" s="68">
        <v>33</v>
      </c>
      <c r="I17" s="68">
        <v>17</v>
      </c>
      <c r="J17" s="68">
        <v>16</v>
      </c>
      <c r="K17" s="67">
        <v>45</v>
      </c>
      <c r="L17" s="79">
        <v>19</v>
      </c>
      <c r="M17" s="80">
        <v>26</v>
      </c>
    </row>
    <row r="18" spans="1:13" ht="21" customHeight="1">
      <c r="A18" s="36" t="s">
        <v>26</v>
      </c>
      <c r="B18" s="64">
        <v>11</v>
      </c>
      <c r="C18" s="65">
        <v>10</v>
      </c>
      <c r="D18" s="65">
        <v>1</v>
      </c>
      <c r="E18" s="64">
        <v>1</v>
      </c>
      <c r="F18" s="65">
        <v>1</v>
      </c>
      <c r="G18" s="66">
        <v>0</v>
      </c>
      <c r="H18" s="65">
        <v>181</v>
      </c>
      <c r="I18" s="65">
        <v>93</v>
      </c>
      <c r="J18" s="65">
        <v>88</v>
      </c>
      <c r="K18" s="64">
        <v>169</v>
      </c>
      <c r="L18" s="77">
        <v>82</v>
      </c>
      <c r="M18" s="78">
        <v>87</v>
      </c>
    </row>
    <row r="19" spans="1:13">
      <c r="A19" s="15" t="s">
        <v>28</v>
      </c>
      <c r="B19" s="67">
        <v>3</v>
      </c>
      <c r="C19" s="68">
        <v>-2</v>
      </c>
      <c r="D19" s="68">
        <v>5</v>
      </c>
      <c r="E19" s="67">
        <v>1</v>
      </c>
      <c r="F19" s="68">
        <v>1</v>
      </c>
      <c r="G19" s="69">
        <v>0</v>
      </c>
      <c r="H19" s="68">
        <v>32</v>
      </c>
      <c r="I19" s="68">
        <v>14</v>
      </c>
      <c r="J19" s="68">
        <v>18</v>
      </c>
      <c r="K19" s="67">
        <v>28</v>
      </c>
      <c r="L19" s="79">
        <v>15</v>
      </c>
      <c r="M19" s="80">
        <v>13</v>
      </c>
    </row>
    <row r="20" spans="1:13">
      <c r="A20" s="15" t="s">
        <v>30</v>
      </c>
      <c r="B20" s="67">
        <v>-10</v>
      </c>
      <c r="C20" s="68">
        <v>0</v>
      </c>
      <c r="D20" s="68">
        <v>-10</v>
      </c>
      <c r="E20" s="67">
        <v>0</v>
      </c>
      <c r="F20" s="68">
        <v>0</v>
      </c>
      <c r="G20" s="69">
        <v>0</v>
      </c>
      <c r="H20" s="68">
        <v>34</v>
      </c>
      <c r="I20" s="68">
        <v>18</v>
      </c>
      <c r="J20" s="68">
        <v>16</v>
      </c>
      <c r="K20" s="67">
        <v>44</v>
      </c>
      <c r="L20" s="79">
        <v>18</v>
      </c>
      <c r="M20" s="80">
        <v>26</v>
      </c>
    </row>
    <row r="21" spans="1:13">
      <c r="A21" s="15" t="s">
        <v>32</v>
      </c>
      <c r="B21" s="67">
        <v>7</v>
      </c>
      <c r="C21" s="68">
        <v>8</v>
      </c>
      <c r="D21" s="68">
        <v>-1</v>
      </c>
      <c r="E21" s="67">
        <v>0</v>
      </c>
      <c r="F21" s="68">
        <v>0</v>
      </c>
      <c r="G21" s="69">
        <v>0</v>
      </c>
      <c r="H21" s="68">
        <v>37</v>
      </c>
      <c r="I21" s="68">
        <v>24</v>
      </c>
      <c r="J21" s="68">
        <v>13</v>
      </c>
      <c r="K21" s="67">
        <v>30</v>
      </c>
      <c r="L21" s="79">
        <v>16</v>
      </c>
      <c r="M21" s="80">
        <v>14</v>
      </c>
    </row>
    <row r="22" spans="1:13">
      <c r="A22" s="15" t="s">
        <v>34</v>
      </c>
      <c r="B22" s="67">
        <v>3</v>
      </c>
      <c r="C22" s="68">
        <v>-3</v>
      </c>
      <c r="D22" s="68">
        <v>6</v>
      </c>
      <c r="E22" s="67">
        <v>0</v>
      </c>
      <c r="F22" s="68">
        <v>0</v>
      </c>
      <c r="G22" s="69">
        <v>0</v>
      </c>
      <c r="H22" s="68">
        <v>41</v>
      </c>
      <c r="I22" s="68">
        <v>19</v>
      </c>
      <c r="J22" s="68">
        <v>22</v>
      </c>
      <c r="K22" s="67">
        <v>38</v>
      </c>
      <c r="L22" s="79">
        <v>22</v>
      </c>
      <c r="M22" s="80">
        <v>16</v>
      </c>
    </row>
    <row r="23" spans="1:13">
      <c r="A23" s="15" t="s">
        <v>36</v>
      </c>
      <c r="B23" s="67">
        <v>8</v>
      </c>
      <c r="C23" s="68">
        <v>7</v>
      </c>
      <c r="D23" s="68">
        <v>1</v>
      </c>
      <c r="E23" s="67">
        <v>0</v>
      </c>
      <c r="F23" s="68">
        <v>0</v>
      </c>
      <c r="G23" s="69">
        <v>0</v>
      </c>
      <c r="H23" s="68">
        <v>37</v>
      </c>
      <c r="I23" s="68">
        <v>18</v>
      </c>
      <c r="J23" s="68">
        <v>19</v>
      </c>
      <c r="K23" s="67">
        <v>29</v>
      </c>
      <c r="L23" s="79">
        <v>11</v>
      </c>
      <c r="M23" s="80">
        <v>18</v>
      </c>
    </row>
    <row r="24" spans="1:13" ht="21" customHeight="1">
      <c r="A24" s="36" t="s">
        <v>38</v>
      </c>
      <c r="B24" s="64">
        <v>202</v>
      </c>
      <c r="C24" s="65">
        <v>83</v>
      </c>
      <c r="D24" s="65">
        <v>119</v>
      </c>
      <c r="E24" s="64">
        <v>1</v>
      </c>
      <c r="F24" s="65">
        <v>1</v>
      </c>
      <c r="G24" s="66">
        <v>0</v>
      </c>
      <c r="H24" s="65">
        <v>472</v>
      </c>
      <c r="I24" s="65">
        <v>237</v>
      </c>
      <c r="J24" s="65">
        <v>235</v>
      </c>
      <c r="K24" s="64">
        <v>269</v>
      </c>
      <c r="L24" s="77">
        <v>153</v>
      </c>
      <c r="M24" s="78">
        <v>116</v>
      </c>
    </row>
    <row r="25" spans="1:13">
      <c r="A25" s="15" t="s">
        <v>40</v>
      </c>
      <c r="B25" s="67">
        <v>-7</v>
      </c>
      <c r="C25" s="68">
        <v>-7</v>
      </c>
      <c r="D25" s="68">
        <v>0</v>
      </c>
      <c r="E25" s="67">
        <v>0</v>
      </c>
      <c r="F25" s="68">
        <v>0</v>
      </c>
      <c r="G25" s="69">
        <v>0</v>
      </c>
      <c r="H25" s="68">
        <v>33</v>
      </c>
      <c r="I25" s="68">
        <v>14</v>
      </c>
      <c r="J25" s="68">
        <v>19</v>
      </c>
      <c r="K25" s="67">
        <v>40</v>
      </c>
      <c r="L25" s="79">
        <v>21</v>
      </c>
      <c r="M25" s="80">
        <v>19</v>
      </c>
    </row>
    <row r="26" spans="1:13">
      <c r="A26" s="15" t="s">
        <v>42</v>
      </c>
      <c r="B26" s="67">
        <v>-1</v>
      </c>
      <c r="C26" s="68">
        <v>-1</v>
      </c>
      <c r="D26" s="68">
        <v>0</v>
      </c>
      <c r="E26" s="67">
        <v>0</v>
      </c>
      <c r="F26" s="68">
        <v>0</v>
      </c>
      <c r="G26" s="69">
        <v>0</v>
      </c>
      <c r="H26" s="68">
        <v>38</v>
      </c>
      <c r="I26" s="68">
        <v>18</v>
      </c>
      <c r="J26" s="68">
        <v>20</v>
      </c>
      <c r="K26" s="67">
        <v>39</v>
      </c>
      <c r="L26" s="79">
        <v>19</v>
      </c>
      <c r="M26" s="80">
        <v>20</v>
      </c>
    </row>
    <row r="27" spans="1:13">
      <c r="A27" s="15" t="s">
        <v>44</v>
      </c>
      <c r="B27" s="67">
        <v>3</v>
      </c>
      <c r="C27" s="68">
        <v>5</v>
      </c>
      <c r="D27" s="68">
        <v>-2</v>
      </c>
      <c r="E27" s="67">
        <v>1</v>
      </c>
      <c r="F27" s="68">
        <v>1</v>
      </c>
      <c r="G27" s="69">
        <v>0</v>
      </c>
      <c r="H27" s="68">
        <v>37</v>
      </c>
      <c r="I27" s="68">
        <v>22</v>
      </c>
      <c r="J27" s="68">
        <v>15</v>
      </c>
      <c r="K27" s="67">
        <v>33</v>
      </c>
      <c r="L27" s="79">
        <v>16</v>
      </c>
      <c r="M27" s="80">
        <v>17</v>
      </c>
    </row>
    <row r="28" spans="1:13">
      <c r="A28" s="15" t="s">
        <v>46</v>
      </c>
      <c r="B28" s="67">
        <v>33</v>
      </c>
      <c r="C28" s="68">
        <v>6</v>
      </c>
      <c r="D28" s="68">
        <v>27</v>
      </c>
      <c r="E28" s="67">
        <v>0</v>
      </c>
      <c r="F28" s="68">
        <v>0</v>
      </c>
      <c r="G28" s="69">
        <v>0</v>
      </c>
      <c r="H28" s="68">
        <v>88</v>
      </c>
      <c r="I28" s="68">
        <v>42</v>
      </c>
      <c r="J28" s="68">
        <v>46</v>
      </c>
      <c r="K28" s="67">
        <v>55</v>
      </c>
      <c r="L28" s="79">
        <v>36</v>
      </c>
      <c r="M28" s="80">
        <v>19</v>
      </c>
    </row>
    <row r="29" spans="1:13">
      <c r="A29" s="15" t="s">
        <v>48</v>
      </c>
      <c r="B29" s="67">
        <v>174</v>
      </c>
      <c r="C29" s="68">
        <v>80</v>
      </c>
      <c r="D29" s="68">
        <v>94</v>
      </c>
      <c r="E29" s="67">
        <v>0</v>
      </c>
      <c r="F29" s="68">
        <v>0</v>
      </c>
      <c r="G29" s="69">
        <v>0</v>
      </c>
      <c r="H29" s="68">
        <v>276</v>
      </c>
      <c r="I29" s="68">
        <v>141</v>
      </c>
      <c r="J29" s="68">
        <v>135</v>
      </c>
      <c r="K29" s="67">
        <v>102</v>
      </c>
      <c r="L29" s="79">
        <v>61</v>
      </c>
      <c r="M29" s="80">
        <v>41</v>
      </c>
    </row>
    <row r="30" spans="1:13" ht="21" customHeight="1">
      <c r="A30" s="36" t="s">
        <v>50</v>
      </c>
      <c r="B30" s="64">
        <v>1147</v>
      </c>
      <c r="C30" s="65">
        <v>548</v>
      </c>
      <c r="D30" s="65">
        <v>599</v>
      </c>
      <c r="E30" s="64">
        <v>4</v>
      </c>
      <c r="F30" s="65">
        <v>3</v>
      </c>
      <c r="G30" s="66">
        <v>1</v>
      </c>
      <c r="H30" s="65">
        <v>3046</v>
      </c>
      <c r="I30" s="65">
        <v>1540</v>
      </c>
      <c r="J30" s="65">
        <v>1506</v>
      </c>
      <c r="K30" s="64">
        <v>1895</v>
      </c>
      <c r="L30" s="77">
        <v>989</v>
      </c>
      <c r="M30" s="78">
        <v>906</v>
      </c>
    </row>
    <row r="31" spans="1:13">
      <c r="A31" s="15" t="s">
        <v>52</v>
      </c>
      <c r="B31" s="67">
        <v>95</v>
      </c>
      <c r="C31" s="68">
        <v>39</v>
      </c>
      <c r="D31" s="68">
        <v>56</v>
      </c>
      <c r="E31" s="67">
        <v>0</v>
      </c>
      <c r="F31" s="68">
        <v>0</v>
      </c>
      <c r="G31" s="69">
        <v>0</v>
      </c>
      <c r="H31" s="68">
        <v>222</v>
      </c>
      <c r="I31" s="68">
        <v>114</v>
      </c>
      <c r="J31" s="68">
        <v>108</v>
      </c>
      <c r="K31" s="67">
        <v>127</v>
      </c>
      <c r="L31" s="79">
        <v>75</v>
      </c>
      <c r="M31" s="80">
        <v>52</v>
      </c>
    </row>
    <row r="32" spans="1:13">
      <c r="A32" s="15" t="s">
        <v>54</v>
      </c>
      <c r="B32" s="67">
        <v>146</v>
      </c>
      <c r="C32" s="68">
        <v>64</v>
      </c>
      <c r="D32" s="68">
        <v>82</v>
      </c>
      <c r="E32" s="67">
        <v>0</v>
      </c>
      <c r="F32" s="68">
        <v>0</v>
      </c>
      <c r="G32" s="69">
        <v>0</v>
      </c>
      <c r="H32" s="68">
        <v>365</v>
      </c>
      <c r="I32" s="68">
        <v>168</v>
      </c>
      <c r="J32" s="68">
        <v>197</v>
      </c>
      <c r="K32" s="67">
        <v>219</v>
      </c>
      <c r="L32" s="79">
        <v>104</v>
      </c>
      <c r="M32" s="80">
        <v>115</v>
      </c>
    </row>
    <row r="33" spans="1:13">
      <c r="A33" s="15" t="s">
        <v>56</v>
      </c>
      <c r="B33" s="67">
        <v>165</v>
      </c>
      <c r="C33" s="68">
        <v>75</v>
      </c>
      <c r="D33" s="68">
        <v>90</v>
      </c>
      <c r="E33" s="67">
        <v>1</v>
      </c>
      <c r="F33" s="68">
        <v>1</v>
      </c>
      <c r="G33" s="69">
        <v>0</v>
      </c>
      <c r="H33" s="68">
        <v>503</v>
      </c>
      <c r="I33" s="68">
        <v>247</v>
      </c>
      <c r="J33" s="68">
        <v>256</v>
      </c>
      <c r="K33" s="67">
        <v>337</v>
      </c>
      <c r="L33" s="79">
        <v>171</v>
      </c>
      <c r="M33" s="80">
        <v>166</v>
      </c>
    </row>
    <row r="34" spans="1:13">
      <c r="A34" s="15" t="s">
        <v>58</v>
      </c>
      <c r="B34" s="67">
        <v>408</v>
      </c>
      <c r="C34" s="68">
        <v>178</v>
      </c>
      <c r="D34" s="68">
        <v>230</v>
      </c>
      <c r="E34" s="67">
        <v>2</v>
      </c>
      <c r="F34" s="68">
        <v>1</v>
      </c>
      <c r="G34" s="69">
        <v>1</v>
      </c>
      <c r="H34" s="68">
        <v>1015</v>
      </c>
      <c r="I34" s="68">
        <v>492</v>
      </c>
      <c r="J34" s="68">
        <v>523</v>
      </c>
      <c r="K34" s="67">
        <v>605</v>
      </c>
      <c r="L34" s="79">
        <v>313</v>
      </c>
      <c r="M34" s="80">
        <v>292</v>
      </c>
    </row>
    <row r="35" spans="1:13">
      <c r="A35" s="15" t="s">
        <v>60</v>
      </c>
      <c r="B35" s="67">
        <v>333</v>
      </c>
      <c r="C35" s="68">
        <v>192</v>
      </c>
      <c r="D35" s="68">
        <v>141</v>
      </c>
      <c r="E35" s="67">
        <v>1</v>
      </c>
      <c r="F35" s="68">
        <v>1</v>
      </c>
      <c r="G35" s="69">
        <v>0</v>
      </c>
      <c r="H35" s="68">
        <v>941</v>
      </c>
      <c r="I35" s="68">
        <v>519</v>
      </c>
      <c r="J35" s="68">
        <v>422</v>
      </c>
      <c r="K35" s="67">
        <v>607</v>
      </c>
      <c r="L35" s="79">
        <v>326</v>
      </c>
      <c r="M35" s="80">
        <v>281</v>
      </c>
    </row>
    <row r="36" spans="1:13" ht="21" customHeight="1">
      <c r="A36" s="36" t="s">
        <v>62</v>
      </c>
      <c r="B36" s="64">
        <v>363</v>
      </c>
      <c r="C36" s="65">
        <v>164</v>
      </c>
      <c r="D36" s="65">
        <v>199</v>
      </c>
      <c r="E36" s="64">
        <v>6</v>
      </c>
      <c r="F36" s="65">
        <v>2</v>
      </c>
      <c r="G36" s="66">
        <v>4</v>
      </c>
      <c r="H36" s="65">
        <v>4219</v>
      </c>
      <c r="I36" s="65">
        <v>2150</v>
      </c>
      <c r="J36" s="65">
        <v>2069</v>
      </c>
      <c r="K36" s="64">
        <v>3850</v>
      </c>
      <c r="L36" s="77">
        <v>1984</v>
      </c>
      <c r="M36" s="78">
        <v>1866</v>
      </c>
    </row>
    <row r="37" spans="1:13">
      <c r="A37" s="15" t="s">
        <v>64</v>
      </c>
      <c r="B37" s="67">
        <v>232</v>
      </c>
      <c r="C37" s="68">
        <v>89</v>
      </c>
      <c r="D37" s="68">
        <v>143</v>
      </c>
      <c r="E37" s="67">
        <v>2</v>
      </c>
      <c r="F37" s="68">
        <v>1</v>
      </c>
      <c r="G37" s="69">
        <v>1</v>
      </c>
      <c r="H37" s="68">
        <v>981</v>
      </c>
      <c r="I37" s="68">
        <v>498</v>
      </c>
      <c r="J37" s="68">
        <v>483</v>
      </c>
      <c r="K37" s="67">
        <v>747</v>
      </c>
      <c r="L37" s="79">
        <v>408</v>
      </c>
      <c r="M37" s="80">
        <v>339</v>
      </c>
    </row>
    <row r="38" spans="1:13">
      <c r="A38" s="15" t="s">
        <v>66</v>
      </c>
      <c r="B38" s="67">
        <v>151</v>
      </c>
      <c r="C38" s="68">
        <v>69</v>
      </c>
      <c r="D38" s="68">
        <v>82</v>
      </c>
      <c r="E38" s="67">
        <v>0</v>
      </c>
      <c r="F38" s="68">
        <v>0</v>
      </c>
      <c r="G38" s="69">
        <v>0</v>
      </c>
      <c r="H38" s="68">
        <v>975</v>
      </c>
      <c r="I38" s="68">
        <v>495</v>
      </c>
      <c r="J38" s="68">
        <v>480</v>
      </c>
      <c r="K38" s="67">
        <v>824</v>
      </c>
      <c r="L38" s="79">
        <v>426</v>
      </c>
      <c r="M38" s="80">
        <v>398</v>
      </c>
    </row>
    <row r="39" spans="1:13">
      <c r="A39" s="15" t="s">
        <v>68</v>
      </c>
      <c r="B39" s="67">
        <v>43</v>
      </c>
      <c r="C39" s="68">
        <v>52</v>
      </c>
      <c r="D39" s="68">
        <v>-9</v>
      </c>
      <c r="E39" s="67">
        <v>1</v>
      </c>
      <c r="F39" s="68">
        <v>0</v>
      </c>
      <c r="G39" s="69">
        <v>1</v>
      </c>
      <c r="H39" s="68">
        <v>830</v>
      </c>
      <c r="I39" s="68">
        <v>430</v>
      </c>
      <c r="J39" s="68">
        <v>400</v>
      </c>
      <c r="K39" s="67">
        <v>786</v>
      </c>
      <c r="L39" s="79">
        <v>378</v>
      </c>
      <c r="M39" s="80">
        <v>408</v>
      </c>
    </row>
    <row r="40" spans="1:13">
      <c r="A40" s="15" t="s">
        <v>70</v>
      </c>
      <c r="B40" s="67">
        <v>4</v>
      </c>
      <c r="C40" s="68">
        <v>-6</v>
      </c>
      <c r="D40" s="68">
        <v>10</v>
      </c>
      <c r="E40" s="67">
        <v>1</v>
      </c>
      <c r="F40" s="68">
        <v>0</v>
      </c>
      <c r="G40" s="69">
        <v>1</v>
      </c>
      <c r="H40" s="68">
        <v>808</v>
      </c>
      <c r="I40" s="68">
        <v>394</v>
      </c>
      <c r="J40" s="68">
        <v>414</v>
      </c>
      <c r="K40" s="67">
        <v>803</v>
      </c>
      <c r="L40" s="79">
        <v>400</v>
      </c>
      <c r="M40" s="80">
        <v>403</v>
      </c>
    </row>
    <row r="41" spans="1:13">
      <c r="A41" s="15" t="s">
        <v>72</v>
      </c>
      <c r="B41" s="67">
        <v>-67</v>
      </c>
      <c r="C41" s="68">
        <v>-40</v>
      </c>
      <c r="D41" s="68">
        <v>-27</v>
      </c>
      <c r="E41" s="67">
        <v>2</v>
      </c>
      <c r="F41" s="68">
        <v>1</v>
      </c>
      <c r="G41" s="69">
        <v>1</v>
      </c>
      <c r="H41" s="68">
        <v>625</v>
      </c>
      <c r="I41" s="68">
        <v>333</v>
      </c>
      <c r="J41" s="68">
        <v>292</v>
      </c>
      <c r="K41" s="67">
        <v>690</v>
      </c>
      <c r="L41" s="79">
        <v>372</v>
      </c>
      <c r="M41" s="80">
        <v>318</v>
      </c>
    </row>
    <row r="42" spans="1:13" ht="21" customHeight="1">
      <c r="A42" s="36" t="s">
        <v>74</v>
      </c>
      <c r="B42" s="64">
        <v>-347</v>
      </c>
      <c r="C42" s="65">
        <v>-191</v>
      </c>
      <c r="D42" s="65">
        <v>-156</v>
      </c>
      <c r="E42" s="64">
        <v>6</v>
      </c>
      <c r="F42" s="65">
        <v>6</v>
      </c>
      <c r="G42" s="66">
        <v>0</v>
      </c>
      <c r="H42" s="65">
        <v>2470</v>
      </c>
      <c r="I42" s="65">
        <v>1291</v>
      </c>
      <c r="J42" s="65">
        <v>1179</v>
      </c>
      <c r="K42" s="64">
        <v>2811</v>
      </c>
      <c r="L42" s="77">
        <v>1476</v>
      </c>
      <c r="M42" s="78">
        <v>1335</v>
      </c>
    </row>
    <row r="43" spans="1:13">
      <c r="A43" s="15" t="s">
        <v>76</v>
      </c>
      <c r="B43" s="67">
        <v>-26</v>
      </c>
      <c r="C43" s="68">
        <v>-31</v>
      </c>
      <c r="D43" s="68">
        <v>5</v>
      </c>
      <c r="E43" s="67">
        <v>2</v>
      </c>
      <c r="F43" s="68">
        <v>2</v>
      </c>
      <c r="G43" s="69">
        <v>0</v>
      </c>
      <c r="H43" s="68">
        <v>663</v>
      </c>
      <c r="I43" s="68">
        <v>323</v>
      </c>
      <c r="J43" s="68">
        <v>340</v>
      </c>
      <c r="K43" s="67">
        <v>687</v>
      </c>
      <c r="L43" s="79">
        <v>352</v>
      </c>
      <c r="M43" s="80">
        <v>335</v>
      </c>
    </row>
    <row r="44" spans="1:13">
      <c r="A44" s="15" t="s">
        <v>78</v>
      </c>
      <c r="B44" s="67">
        <v>-60</v>
      </c>
      <c r="C44" s="68">
        <v>-28</v>
      </c>
      <c r="D44" s="68">
        <v>-32</v>
      </c>
      <c r="E44" s="67">
        <v>0</v>
      </c>
      <c r="F44" s="68">
        <v>0</v>
      </c>
      <c r="G44" s="69">
        <v>0</v>
      </c>
      <c r="H44" s="68">
        <v>533</v>
      </c>
      <c r="I44" s="68">
        <v>289</v>
      </c>
      <c r="J44" s="68">
        <v>244</v>
      </c>
      <c r="K44" s="67">
        <v>593</v>
      </c>
      <c r="L44" s="79">
        <v>317</v>
      </c>
      <c r="M44" s="80">
        <v>276</v>
      </c>
    </row>
    <row r="45" spans="1:13">
      <c r="A45" s="15" t="s">
        <v>80</v>
      </c>
      <c r="B45" s="67">
        <v>-121</v>
      </c>
      <c r="C45" s="68">
        <v>-62</v>
      </c>
      <c r="D45" s="68">
        <v>-59</v>
      </c>
      <c r="E45" s="67">
        <v>1</v>
      </c>
      <c r="F45" s="68">
        <v>1</v>
      </c>
      <c r="G45" s="69">
        <v>0</v>
      </c>
      <c r="H45" s="68">
        <v>464</v>
      </c>
      <c r="I45" s="68">
        <v>244</v>
      </c>
      <c r="J45" s="68">
        <v>220</v>
      </c>
      <c r="K45" s="67">
        <v>584</v>
      </c>
      <c r="L45" s="79">
        <v>305</v>
      </c>
      <c r="M45" s="80">
        <v>279</v>
      </c>
    </row>
    <row r="46" spans="1:13">
      <c r="A46" s="15" t="s">
        <v>82</v>
      </c>
      <c r="B46" s="67">
        <v>-106</v>
      </c>
      <c r="C46" s="68">
        <v>-38</v>
      </c>
      <c r="D46" s="68">
        <v>-68</v>
      </c>
      <c r="E46" s="67">
        <v>0</v>
      </c>
      <c r="F46" s="68">
        <v>0</v>
      </c>
      <c r="G46" s="69">
        <v>0</v>
      </c>
      <c r="H46" s="68">
        <v>398</v>
      </c>
      <c r="I46" s="68">
        <v>221</v>
      </c>
      <c r="J46" s="68">
        <v>177</v>
      </c>
      <c r="K46" s="67">
        <v>504</v>
      </c>
      <c r="L46" s="79">
        <v>259</v>
      </c>
      <c r="M46" s="80">
        <v>245</v>
      </c>
    </row>
    <row r="47" spans="1:13">
      <c r="A47" s="15" t="s">
        <v>84</v>
      </c>
      <c r="B47" s="67">
        <v>-34</v>
      </c>
      <c r="C47" s="68">
        <v>-32</v>
      </c>
      <c r="D47" s="68">
        <v>-2</v>
      </c>
      <c r="E47" s="67">
        <v>3</v>
      </c>
      <c r="F47" s="68">
        <v>3</v>
      </c>
      <c r="G47" s="69">
        <v>0</v>
      </c>
      <c r="H47" s="68">
        <v>412</v>
      </c>
      <c r="I47" s="68">
        <v>214</v>
      </c>
      <c r="J47" s="68">
        <v>198</v>
      </c>
      <c r="K47" s="67">
        <v>443</v>
      </c>
      <c r="L47" s="79">
        <v>243</v>
      </c>
      <c r="M47" s="80">
        <v>200</v>
      </c>
    </row>
    <row r="48" spans="1:13" ht="21" customHeight="1">
      <c r="A48" s="36" t="s">
        <v>86</v>
      </c>
      <c r="B48" s="64">
        <v>-482</v>
      </c>
      <c r="C48" s="65">
        <v>-202</v>
      </c>
      <c r="D48" s="65">
        <v>-280</v>
      </c>
      <c r="E48" s="64">
        <v>4</v>
      </c>
      <c r="F48" s="65">
        <v>1</v>
      </c>
      <c r="G48" s="66">
        <v>3</v>
      </c>
      <c r="H48" s="65">
        <v>1371</v>
      </c>
      <c r="I48" s="65">
        <v>800</v>
      </c>
      <c r="J48" s="65">
        <v>571</v>
      </c>
      <c r="K48" s="64">
        <v>1849</v>
      </c>
      <c r="L48" s="77">
        <v>1001</v>
      </c>
      <c r="M48" s="78">
        <v>848</v>
      </c>
    </row>
    <row r="49" spans="1:13">
      <c r="A49" s="15" t="s">
        <v>88</v>
      </c>
      <c r="B49" s="67">
        <v>-78</v>
      </c>
      <c r="C49" s="68">
        <v>-19</v>
      </c>
      <c r="D49" s="68">
        <v>-59</v>
      </c>
      <c r="E49" s="67">
        <v>1</v>
      </c>
      <c r="F49" s="68">
        <v>1</v>
      </c>
      <c r="G49" s="69">
        <v>0</v>
      </c>
      <c r="H49" s="68">
        <v>340</v>
      </c>
      <c r="I49" s="68">
        <v>200</v>
      </c>
      <c r="J49" s="68">
        <v>140</v>
      </c>
      <c r="K49" s="67">
        <v>417</v>
      </c>
      <c r="L49" s="79">
        <v>218</v>
      </c>
      <c r="M49" s="80">
        <v>199</v>
      </c>
    </row>
    <row r="50" spans="1:13">
      <c r="A50" s="15" t="s">
        <v>90</v>
      </c>
      <c r="B50" s="67">
        <v>-89</v>
      </c>
      <c r="C50" s="68">
        <v>-43</v>
      </c>
      <c r="D50" s="68">
        <v>-46</v>
      </c>
      <c r="E50" s="67">
        <v>1</v>
      </c>
      <c r="F50" s="68">
        <v>0</v>
      </c>
      <c r="G50" s="69">
        <v>1</v>
      </c>
      <c r="H50" s="68">
        <v>297</v>
      </c>
      <c r="I50" s="68">
        <v>167</v>
      </c>
      <c r="J50" s="68">
        <v>130</v>
      </c>
      <c r="K50" s="67">
        <v>385</v>
      </c>
      <c r="L50" s="79">
        <v>210</v>
      </c>
      <c r="M50" s="80">
        <v>175</v>
      </c>
    </row>
    <row r="51" spans="1:13">
      <c r="A51" s="15" t="s">
        <v>92</v>
      </c>
      <c r="B51" s="67">
        <v>-72</v>
      </c>
      <c r="C51" s="68">
        <v>-18</v>
      </c>
      <c r="D51" s="68">
        <v>-54</v>
      </c>
      <c r="E51" s="67">
        <v>1</v>
      </c>
      <c r="F51" s="68">
        <v>0</v>
      </c>
      <c r="G51" s="69">
        <v>1</v>
      </c>
      <c r="H51" s="68">
        <v>279</v>
      </c>
      <c r="I51" s="68">
        <v>169</v>
      </c>
      <c r="J51" s="68">
        <v>110</v>
      </c>
      <c r="K51" s="67">
        <v>350</v>
      </c>
      <c r="L51" s="79">
        <v>187</v>
      </c>
      <c r="M51" s="80">
        <v>163</v>
      </c>
    </row>
    <row r="52" spans="1:13">
      <c r="A52" s="15" t="s">
        <v>94</v>
      </c>
      <c r="B52" s="67">
        <v>-132</v>
      </c>
      <c r="C52" s="68">
        <v>-67</v>
      </c>
      <c r="D52" s="68">
        <v>-65</v>
      </c>
      <c r="E52" s="67">
        <v>1</v>
      </c>
      <c r="F52" s="68">
        <v>0</v>
      </c>
      <c r="G52" s="69">
        <v>1</v>
      </c>
      <c r="H52" s="68">
        <v>255</v>
      </c>
      <c r="I52" s="68">
        <v>144</v>
      </c>
      <c r="J52" s="68">
        <v>111</v>
      </c>
      <c r="K52" s="67">
        <v>386</v>
      </c>
      <c r="L52" s="79">
        <v>211</v>
      </c>
      <c r="M52" s="80">
        <v>175</v>
      </c>
    </row>
    <row r="53" spans="1:13">
      <c r="A53" s="15" t="s">
        <v>96</v>
      </c>
      <c r="B53" s="67">
        <v>-111</v>
      </c>
      <c r="C53" s="68">
        <v>-55</v>
      </c>
      <c r="D53" s="68">
        <v>-56</v>
      </c>
      <c r="E53" s="67">
        <v>0</v>
      </c>
      <c r="F53" s="68">
        <v>0</v>
      </c>
      <c r="G53" s="69">
        <v>0</v>
      </c>
      <c r="H53" s="68">
        <v>200</v>
      </c>
      <c r="I53" s="68">
        <v>120</v>
      </c>
      <c r="J53" s="68">
        <v>80</v>
      </c>
      <c r="K53" s="67">
        <v>311</v>
      </c>
      <c r="L53" s="79">
        <v>175</v>
      </c>
      <c r="M53" s="80">
        <v>136</v>
      </c>
    </row>
    <row r="54" spans="1:13" ht="21" customHeight="1">
      <c r="A54" s="36" t="s">
        <v>98</v>
      </c>
      <c r="B54" s="64">
        <v>-286</v>
      </c>
      <c r="C54" s="65">
        <v>-163</v>
      </c>
      <c r="D54" s="65">
        <v>-123</v>
      </c>
      <c r="E54" s="64">
        <v>12</v>
      </c>
      <c r="F54" s="65">
        <v>4</v>
      </c>
      <c r="G54" s="66">
        <v>8</v>
      </c>
      <c r="H54" s="65">
        <v>805</v>
      </c>
      <c r="I54" s="65">
        <v>438</v>
      </c>
      <c r="J54" s="65">
        <v>367</v>
      </c>
      <c r="K54" s="64">
        <v>1079</v>
      </c>
      <c r="L54" s="77">
        <v>597</v>
      </c>
      <c r="M54" s="78">
        <v>482</v>
      </c>
    </row>
    <row r="55" spans="1:13">
      <c r="A55" s="15" t="s">
        <v>100</v>
      </c>
      <c r="B55" s="67">
        <v>-48</v>
      </c>
      <c r="C55" s="68">
        <v>-29</v>
      </c>
      <c r="D55" s="68">
        <v>-19</v>
      </c>
      <c r="E55" s="67">
        <v>1</v>
      </c>
      <c r="F55" s="68">
        <v>0</v>
      </c>
      <c r="G55" s="69">
        <v>1</v>
      </c>
      <c r="H55" s="68">
        <v>231</v>
      </c>
      <c r="I55" s="68">
        <v>124</v>
      </c>
      <c r="J55" s="68">
        <v>107</v>
      </c>
      <c r="K55" s="67">
        <v>278</v>
      </c>
      <c r="L55" s="79">
        <v>153</v>
      </c>
      <c r="M55" s="80">
        <v>125</v>
      </c>
    </row>
    <row r="56" spans="1:13">
      <c r="A56" s="15" t="s">
        <v>102</v>
      </c>
      <c r="B56" s="67">
        <v>-44</v>
      </c>
      <c r="C56" s="68">
        <v>-25</v>
      </c>
      <c r="D56" s="68">
        <v>-19</v>
      </c>
      <c r="E56" s="67">
        <v>2</v>
      </c>
      <c r="F56" s="68">
        <v>0</v>
      </c>
      <c r="G56" s="69">
        <v>2</v>
      </c>
      <c r="H56" s="68">
        <v>184</v>
      </c>
      <c r="I56" s="68">
        <v>96</v>
      </c>
      <c r="J56" s="68">
        <v>88</v>
      </c>
      <c r="K56" s="67">
        <v>226</v>
      </c>
      <c r="L56" s="79">
        <v>121</v>
      </c>
      <c r="M56" s="80">
        <v>105</v>
      </c>
    </row>
    <row r="57" spans="1:13">
      <c r="A57" s="15" t="s">
        <v>104</v>
      </c>
      <c r="B57" s="67">
        <v>-65</v>
      </c>
      <c r="C57" s="68">
        <v>-39</v>
      </c>
      <c r="D57" s="68">
        <v>-26</v>
      </c>
      <c r="E57" s="67">
        <v>3</v>
      </c>
      <c r="F57" s="68">
        <v>2</v>
      </c>
      <c r="G57" s="69">
        <v>1</v>
      </c>
      <c r="H57" s="68">
        <v>134</v>
      </c>
      <c r="I57" s="68">
        <v>71</v>
      </c>
      <c r="J57" s="68">
        <v>63</v>
      </c>
      <c r="K57" s="67">
        <v>196</v>
      </c>
      <c r="L57" s="79">
        <v>108</v>
      </c>
      <c r="M57" s="80">
        <v>88</v>
      </c>
    </row>
    <row r="58" spans="1:13">
      <c r="A58" s="15" t="s">
        <v>106</v>
      </c>
      <c r="B58" s="67">
        <v>-23</v>
      </c>
      <c r="C58" s="68">
        <v>-16</v>
      </c>
      <c r="D58" s="68">
        <v>-7</v>
      </c>
      <c r="E58" s="67">
        <v>4</v>
      </c>
      <c r="F58" s="68">
        <v>1</v>
      </c>
      <c r="G58" s="69">
        <v>3</v>
      </c>
      <c r="H58" s="68">
        <v>160</v>
      </c>
      <c r="I58" s="68">
        <v>91</v>
      </c>
      <c r="J58" s="68">
        <v>69</v>
      </c>
      <c r="K58" s="67">
        <v>179</v>
      </c>
      <c r="L58" s="79">
        <v>106</v>
      </c>
      <c r="M58" s="80">
        <v>73</v>
      </c>
    </row>
    <row r="59" spans="1:13">
      <c r="A59" s="15" t="s">
        <v>108</v>
      </c>
      <c r="B59" s="67">
        <v>-106</v>
      </c>
      <c r="C59" s="68">
        <v>-54</v>
      </c>
      <c r="D59" s="68">
        <v>-52</v>
      </c>
      <c r="E59" s="67">
        <v>2</v>
      </c>
      <c r="F59" s="68">
        <v>1</v>
      </c>
      <c r="G59" s="69">
        <v>1</v>
      </c>
      <c r="H59" s="68">
        <v>96</v>
      </c>
      <c r="I59" s="68">
        <v>56</v>
      </c>
      <c r="J59" s="68">
        <v>40</v>
      </c>
      <c r="K59" s="67">
        <v>200</v>
      </c>
      <c r="L59" s="79">
        <v>109</v>
      </c>
      <c r="M59" s="80">
        <v>91</v>
      </c>
    </row>
    <row r="60" spans="1:13" ht="21" customHeight="1">
      <c r="A60" s="36" t="s">
        <v>110</v>
      </c>
      <c r="B60" s="64">
        <v>-219</v>
      </c>
      <c r="C60" s="65">
        <v>-117</v>
      </c>
      <c r="D60" s="65">
        <v>-102</v>
      </c>
      <c r="E60" s="64">
        <v>22</v>
      </c>
      <c r="F60" s="65">
        <v>14</v>
      </c>
      <c r="G60" s="66">
        <v>8</v>
      </c>
      <c r="H60" s="65">
        <v>546</v>
      </c>
      <c r="I60" s="65">
        <v>297</v>
      </c>
      <c r="J60" s="65">
        <v>249</v>
      </c>
      <c r="K60" s="64">
        <v>743</v>
      </c>
      <c r="L60" s="77">
        <v>400</v>
      </c>
      <c r="M60" s="78">
        <v>343</v>
      </c>
    </row>
    <row r="61" spans="1:13">
      <c r="A61" s="15" t="s">
        <v>112</v>
      </c>
      <c r="B61" s="67">
        <v>-37</v>
      </c>
      <c r="C61" s="68">
        <v>-23</v>
      </c>
      <c r="D61" s="68">
        <v>-14</v>
      </c>
      <c r="E61" s="67">
        <v>3</v>
      </c>
      <c r="F61" s="68">
        <v>2</v>
      </c>
      <c r="G61" s="69">
        <v>1</v>
      </c>
      <c r="H61" s="68">
        <v>116</v>
      </c>
      <c r="I61" s="68">
        <v>59</v>
      </c>
      <c r="J61" s="68">
        <v>57</v>
      </c>
      <c r="K61" s="67">
        <v>150</v>
      </c>
      <c r="L61" s="79">
        <v>80</v>
      </c>
      <c r="M61" s="80">
        <v>70</v>
      </c>
    </row>
    <row r="62" spans="1:13">
      <c r="A62" s="15" t="s">
        <v>114</v>
      </c>
      <c r="B62" s="67">
        <v>-40</v>
      </c>
      <c r="C62" s="68">
        <v>-24</v>
      </c>
      <c r="D62" s="68">
        <v>-16</v>
      </c>
      <c r="E62" s="67">
        <v>3</v>
      </c>
      <c r="F62" s="68">
        <v>1</v>
      </c>
      <c r="G62" s="69">
        <v>2</v>
      </c>
      <c r="H62" s="68">
        <v>112</v>
      </c>
      <c r="I62" s="68">
        <v>67</v>
      </c>
      <c r="J62" s="68">
        <v>45</v>
      </c>
      <c r="K62" s="67">
        <v>149</v>
      </c>
      <c r="L62" s="79">
        <v>90</v>
      </c>
      <c r="M62" s="80">
        <v>59</v>
      </c>
    </row>
    <row r="63" spans="1:13">
      <c r="A63" s="15" t="s">
        <v>116</v>
      </c>
      <c r="B63" s="67">
        <v>-60</v>
      </c>
      <c r="C63" s="68">
        <v>-32</v>
      </c>
      <c r="D63" s="68">
        <v>-28</v>
      </c>
      <c r="E63" s="67">
        <v>4</v>
      </c>
      <c r="F63" s="68">
        <v>3</v>
      </c>
      <c r="G63" s="69">
        <v>1</v>
      </c>
      <c r="H63" s="68">
        <v>97</v>
      </c>
      <c r="I63" s="68">
        <v>51</v>
      </c>
      <c r="J63" s="68">
        <v>46</v>
      </c>
      <c r="K63" s="67">
        <v>153</v>
      </c>
      <c r="L63" s="79">
        <v>80</v>
      </c>
      <c r="M63" s="80">
        <v>73</v>
      </c>
    </row>
    <row r="64" spans="1:13">
      <c r="A64" s="15" t="s">
        <v>118</v>
      </c>
      <c r="B64" s="67">
        <v>-26</v>
      </c>
      <c r="C64" s="68">
        <v>-8</v>
      </c>
      <c r="D64" s="68">
        <v>-18</v>
      </c>
      <c r="E64" s="67">
        <v>6</v>
      </c>
      <c r="F64" s="68">
        <v>3</v>
      </c>
      <c r="G64" s="69">
        <v>3</v>
      </c>
      <c r="H64" s="68">
        <v>126</v>
      </c>
      <c r="I64" s="68">
        <v>67</v>
      </c>
      <c r="J64" s="68">
        <v>59</v>
      </c>
      <c r="K64" s="67">
        <v>146</v>
      </c>
      <c r="L64" s="79">
        <v>72</v>
      </c>
      <c r="M64" s="80">
        <v>74</v>
      </c>
    </row>
    <row r="65" spans="1:13">
      <c r="A65" s="19" t="s">
        <v>120</v>
      </c>
      <c r="B65" s="70">
        <v>-56</v>
      </c>
      <c r="C65" s="71">
        <v>-30</v>
      </c>
      <c r="D65" s="71">
        <v>-26</v>
      </c>
      <c r="E65" s="70">
        <v>6</v>
      </c>
      <c r="F65" s="71">
        <v>5</v>
      </c>
      <c r="G65" s="72">
        <v>1</v>
      </c>
      <c r="H65" s="71">
        <v>95</v>
      </c>
      <c r="I65" s="71">
        <v>53</v>
      </c>
      <c r="J65" s="71">
        <v>42</v>
      </c>
      <c r="K65" s="70">
        <v>145</v>
      </c>
      <c r="L65" s="81">
        <v>78</v>
      </c>
      <c r="M65" s="82">
        <v>67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807</v>
      </c>
      <c r="C69" s="50">
        <v>898</v>
      </c>
      <c r="D69" s="84">
        <v>909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70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49</v>
      </c>
      <c r="C75" s="65">
        <v>-93</v>
      </c>
      <c r="D75" s="65">
        <v>-56</v>
      </c>
      <c r="E75" s="64">
        <v>44</v>
      </c>
      <c r="F75" s="65">
        <v>24</v>
      </c>
      <c r="G75" s="66">
        <v>20</v>
      </c>
      <c r="H75" s="65">
        <v>465</v>
      </c>
      <c r="I75" s="65">
        <v>251</v>
      </c>
      <c r="J75" s="65">
        <v>214</v>
      </c>
      <c r="K75" s="64">
        <v>570</v>
      </c>
      <c r="L75" s="77">
        <v>320</v>
      </c>
      <c r="M75" s="78">
        <v>250</v>
      </c>
    </row>
    <row r="76" spans="1:13">
      <c r="A76" s="27" t="s">
        <v>5</v>
      </c>
      <c r="B76" s="67">
        <v>-39</v>
      </c>
      <c r="C76" s="68">
        <v>-27</v>
      </c>
      <c r="D76" s="68">
        <v>-12</v>
      </c>
      <c r="E76" s="67">
        <v>7</v>
      </c>
      <c r="F76" s="68">
        <v>6</v>
      </c>
      <c r="G76" s="69">
        <v>1</v>
      </c>
      <c r="H76" s="68">
        <v>100</v>
      </c>
      <c r="I76" s="68">
        <v>50</v>
      </c>
      <c r="J76" s="68">
        <v>50</v>
      </c>
      <c r="K76" s="67">
        <v>132</v>
      </c>
      <c r="L76" s="79">
        <v>71</v>
      </c>
      <c r="M76" s="80">
        <v>61</v>
      </c>
    </row>
    <row r="77" spans="1:13">
      <c r="A77" s="27" t="s">
        <v>7</v>
      </c>
      <c r="B77" s="67">
        <v>1</v>
      </c>
      <c r="C77" s="68">
        <v>7</v>
      </c>
      <c r="D77" s="68">
        <v>-6</v>
      </c>
      <c r="E77" s="67">
        <v>6</v>
      </c>
      <c r="F77" s="68">
        <v>2</v>
      </c>
      <c r="G77" s="69">
        <v>4</v>
      </c>
      <c r="H77" s="68">
        <v>116</v>
      </c>
      <c r="I77" s="68">
        <v>64</v>
      </c>
      <c r="J77" s="68">
        <v>52</v>
      </c>
      <c r="K77" s="67">
        <v>109</v>
      </c>
      <c r="L77" s="79">
        <v>55</v>
      </c>
      <c r="M77" s="80">
        <v>54</v>
      </c>
    </row>
    <row r="78" spans="1:13">
      <c r="A78" s="27" t="s">
        <v>9</v>
      </c>
      <c r="B78" s="67">
        <v>-34</v>
      </c>
      <c r="C78" s="68">
        <v>-27</v>
      </c>
      <c r="D78" s="68">
        <v>-7</v>
      </c>
      <c r="E78" s="67">
        <v>8</v>
      </c>
      <c r="F78" s="68">
        <v>4</v>
      </c>
      <c r="G78" s="69">
        <v>4</v>
      </c>
      <c r="H78" s="68">
        <v>94</v>
      </c>
      <c r="I78" s="68">
        <v>50</v>
      </c>
      <c r="J78" s="68">
        <v>44</v>
      </c>
      <c r="K78" s="67">
        <v>120</v>
      </c>
      <c r="L78" s="79">
        <v>73</v>
      </c>
      <c r="M78" s="80">
        <v>47</v>
      </c>
    </row>
    <row r="79" spans="1:13">
      <c r="A79" s="27" t="s">
        <v>11</v>
      </c>
      <c r="B79" s="67">
        <v>-57</v>
      </c>
      <c r="C79" s="68">
        <v>-33</v>
      </c>
      <c r="D79" s="68">
        <v>-24</v>
      </c>
      <c r="E79" s="67">
        <v>13</v>
      </c>
      <c r="F79" s="68">
        <v>7</v>
      </c>
      <c r="G79" s="69">
        <v>6</v>
      </c>
      <c r="H79" s="68">
        <v>73</v>
      </c>
      <c r="I79" s="68">
        <v>39</v>
      </c>
      <c r="J79" s="68">
        <v>34</v>
      </c>
      <c r="K79" s="67">
        <v>117</v>
      </c>
      <c r="L79" s="79">
        <v>65</v>
      </c>
      <c r="M79" s="80">
        <v>52</v>
      </c>
    </row>
    <row r="80" spans="1:13">
      <c r="A80" s="27" t="s">
        <v>13</v>
      </c>
      <c r="B80" s="67">
        <v>-20</v>
      </c>
      <c r="C80" s="68">
        <v>-13</v>
      </c>
      <c r="D80" s="68">
        <v>-7</v>
      </c>
      <c r="E80" s="67">
        <v>10</v>
      </c>
      <c r="F80" s="68">
        <v>5</v>
      </c>
      <c r="G80" s="69">
        <v>5</v>
      </c>
      <c r="H80" s="68">
        <v>82</v>
      </c>
      <c r="I80" s="68">
        <v>48</v>
      </c>
      <c r="J80" s="68">
        <v>34</v>
      </c>
      <c r="K80" s="67">
        <v>92</v>
      </c>
      <c r="L80" s="79">
        <v>56</v>
      </c>
      <c r="M80" s="80">
        <v>36</v>
      </c>
    </row>
    <row r="81" spans="1:13" ht="21" customHeight="1">
      <c r="A81" s="38" t="s">
        <v>15</v>
      </c>
      <c r="B81" s="64">
        <v>-162</v>
      </c>
      <c r="C81" s="65">
        <v>-94</v>
      </c>
      <c r="D81" s="65">
        <v>-68</v>
      </c>
      <c r="E81" s="64">
        <v>38</v>
      </c>
      <c r="F81" s="65">
        <v>29</v>
      </c>
      <c r="G81" s="66">
        <v>9</v>
      </c>
      <c r="H81" s="65">
        <v>323</v>
      </c>
      <c r="I81" s="65">
        <v>182</v>
      </c>
      <c r="J81" s="65">
        <v>141</v>
      </c>
      <c r="K81" s="64">
        <v>447</v>
      </c>
      <c r="L81" s="77">
        <v>247</v>
      </c>
      <c r="M81" s="78">
        <v>200</v>
      </c>
    </row>
    <row r="82" spans="1:13">
      <c r="A82" s="27" t="s">
        <v>17</v>
      </c>
      <c r="B82" s="67">
        <v>-28</v>
      </c>
      <c r="C82" s="68">
        <v>-9</v>
      </c>
      <c r="D82" s="68">
        <v>-19</v>
      </c>
      <c r="E82" s="67">
        <v>8</v>
      </c>
      <c r="F82" s="68">
        <v>7</v>
      </c>
      <c r="G82" s="69">
        <v>1</v>
      </c>
      <c r="H82" s="68">
        <v>91</v>
      </c>
      <c r="I82" s="68">
        <v>54</v>
      </c>
      <c r="J82" s="68">
        <v>37</v>
      </c>
      <c r="K82" s="67">
        <v>111</v>
      </c>
      <c r="L82" s="79">
        <v>56</v>
      </c>
      <c r="M82" s="80">
        <v>55</v>
      </c>
    </row>
    <row r="83" spans="1:13">
      <c r="A83" s="27" t="s">
        <v>19</v>
      </c>
      <c r="B83" s="67">
        <v>-37</v>
      </c>
      <c r="C83" s="68">
        <v>-21</v>
      </c>
      <c r="D83" s="68">
        <v>-16</v>
      </c>
      <c r="E83" s="67">
        <v>5</v>
      </c>
      <c r="F83" s="68">
        <v>5</v>
      </c>
      <c r="G83" s="69">
        <v>0</v>
      </c>
      <c r="H83" s="68">
        <v>59</v>
      </c>
      <c r="I83" s="68">
        <v>33</v>
      </c>
      <c r="J83" s="68">
        <v>26</v>
      </c>
      <c r="K83" s="67">
        <v>91</v>
      </c>
      <c r="L83" s="79">
        <v>49</v>
      </c>
      <c r="M83" s="80">
        <v>42</v>
      </c>
    </row>
    <row r="84" spans="1:13">
      <c r="A84" s="27" t="s">
        <v>21</v>
      </c>
      <c r="B84" s="67">
        <v>-22</v>
      </c>
      <c r="C84" s="68">
        <v>-10</v>
      </c>
      <c r="D84" s="68">
        <v>-12</v>
      </c>
      <c r="E84" s="67">
        <v>12</v>
      </c>
      <c r="F84" s="68">
        <v>9</v>
      </c>
      <c r="G84" s="69">
        <v>3</v>
      </c>
      <c r="H84" s="68">
        <v>67</v>
      </c>
      <c r="I84" s="68">
        <v>42</v>
      </c>
      <c r="J84" s="68">
        <v>25</v>
      </c>
      <c r="K84" s="67">
        <v>77</v>
      </c>
      <c r="L84" s="79">
        <v>43</v>
      </c>
      <c r="M84" s="80">
        <v>34</v>
      </c>
    </row>
    <row r="85" spans="1:13">
      <c r="A85" s="27" t="s">
        <v>23</v>
      </c>
      <c r="B85" s="67">
        <v>-38</v>
      </c>
      <c r="C85" s="68">
        <v>-21</v>
      </c>
      <c r="D85" s="68">
        <v>-17</v>
      </c>
      <c r="E85" s="67">
        <v>8</v>
      </c>
      <c r="F85" s="68">
        <v>5</v>
      </c>
      <c r="G85" s="69">
        <v>3</v>
      </c>
      <c r="H85" s="68">
        <v>56</v>
      </c>
      <c r="I85" s="68">
        <v>30</v>
      </c>
      <c r="J85" s="68">
        <v>26</v>
      </c>
      <c r="K85" s="67">
        <v>86</v>
      </c>
      <c r="L85" s="79">
        <v>46</v>
      </c>
      <c r="M85" s="80">
        <v>40</v>
      </c>
    </row>
    <row r="86" spans="1:13">
      <c r="A86" s="27" t="s">
        <v>25</v>
      </c>
      <c r="B86" s="67">
        <v>-37</v>
      </c>
      <c r="C86" s="68">
        <v>-33</v>
      </c>
      <c r="D86" s="68">
        <v>-4</v>
      </c>
      <c r="E86" s="67">
        <v>5</v>
      </c>
      <c r="F86" s="68">
        <v>3</v>
      </c>
      <c r="G86" s="69">
        <v>2</v>
      </c>
      <c r="H86" s="68">
        <v>50</v>
      </c>
      <c r="I86" s="68">
        <v>23</v>
      </c>
      <c r="J86" s="68">
        <v>27</v>
      </c>
      <c r="K86" s="67">
        <v>82</v>
      </c>
      <c r="L86" s="79">
        <v>53</v>
      </c>
      <c r="M86" s="80">
        <v>29</v>
      </c>
    </row>
    <row r="87" spans="1:13" ht="21" customHeight="1">
      <c r="A87" s="38" t="s">
        <v>27</v>
      </c>
      <c r="B87" s="64">
        <v>-183</v>
      </c>
      <c r="C87" s="65">
        <v>-101</v>
      </c>
      <c r="D87" s="65">
        <v>-82</v>
      </c>
      <c r="E87" s="64">
        <v>66</v>
      </c>
      <c r="F87" s="65">
        <v>49</v>
      </c>
      <c r="G87" s="66">
        <v>17</v>
      </c>
      <c r="H87" s="65">
        <v>216</v>
      </c>
      <c r="I87" s="65">
        <v>120</v>
      </c>
      <c r="J87" s="65">
        <v>96</v>
      </c>
      <c r="K87" s="64">
        <v>333</v>
      </c>
      <c r="L87" s="77">
        <v>172</v>
      </c>
      <c r="M87" s="78">
        <v>161</v>
      </c>
    </row>
    <row r="88" spans="1:13">
      <c r="A88" s="27" t="s">
        <v>29</v>
      </c>
      <c r="B88" s="67">
        <v>-37</v>
      </c>
      <c r="C88" s="68">
        <v>-21</v>
      </c>
      <c r="D88" s="68">
        <v>-16</v>
      </c>
      <c r="E88" s="67">
        <v>14</v>
      </c>
      <c r="F88" s="68">
        <v>13</v>
      </c>
      <c r="G88" s="69">
        <v>1</v>
      </c>
      <c r="H88" s="68">
        <v>58</v>
      </c>
      <c r="I88" s="68">
        <v>36</v>
      </c>
      <c r="J88" s="68">
        <v>22</v>
      </c>
      <c r="K88" s="67">
        <v>81</v>
      </c>
      <c r="L88" s="79">
        <v>44</v>
      </c>
      <c r="M88" s="80">
        <v>37</v>
      </c>
    </row>
    <row r="89" spans="1:13">
      <c r="A89" s="27" t="s">
        <v>31</v>
      </c>
      <c r="B89" s="67">
        <v>-39</v>
      </c>
      <c r="C89" s="68">
        <v>-17</v>
      </c>
      <c r="D89" s="68">
        <v>-22</v>
      </c>
      <c r="E89" s="67">
        <v>7</v>
      </c>
      <c r="F89" s="68">
        <v>5</v>
      </c>
      <c r="G89" s="69">
        <v>2</v>
      </c>
      <c r="H89" s="68">
        <v>44</v>
      </c>
      <c r="I89" s="68">
        <v>26</v>
      </c>
      <c r="J89" s="68">
        <v>18</v>
      </c>
      <c r="K89" s="67">
        <v>76</v>
      </c>
      <c r="L89" s="79">
        <v>38</v>
      </c>
      <c r="M89" s="80">
        <v>38</v>
      </c>
    </row>
    <row r="90" spans="1:13">
      <c r="A90" s="27" t="s">
        <v>33</v>
      </c>
      <c r="B90" s="67">
        <v>-45</v>
      </c>
      <c r="C90" s="68">
        <v>-32</v>
      </c>
      <c r="D90" s="68">
        <v>-13</v>
      </c>
      <c r="E90" s="67">
        <v>13</v>
      </c>
      <c r="F90" s="68">
        <v>12</v>
      </c>
      <c r="G90" s="69">
        <v>1</v>
      </c>
      <c r="H90" s="68">
        <v>37</v>
      </c>
      <c r="I90" s="68">
        <v>19</v>
      </c>
      <c r="J90" s="68">
        <v>18</v>
      </c>
      <c r="K90" s="67">
        <v>69</v>
      </c>
      <c r="L90" s="79">
        <v>39</v>
      </c>
      <c r="M90" s="80">
        <v>30</v>
      </c>
    </row>
    <row r="91" spans="1:13">
      <c r="A91" s="27" t="s">
        <v>35</v>
      </c>
      <c r="B91" s="67">
        <v>-39</v>
      </c>
      <c r="C91" s="68">
        <v>-17</v>
      </c>
      <c r="D91" s="68">
        <v>-22</v>
      </c>
      <c r="E91" s="67">
        <v>18</v>
      </c>
      <c r="F91" s="68">
        <v>10</v>
      </c>
      <c r="G91" s="69">
        <v>8</v>
      </c>
      <c r="H91" s="68">
        <v>36</v>
      </c>
      <c r="I91" s="68">
        <v>20</v>
      </c>
      <c r="J91" s="68">
        <v>16</v>
      </c>
      <c r="K91" s="67">
        <v>57</v>
      </c>
      <c r="L91" s="79">
        <v>27</v>
      </c>
      <c r="M91" s="80">
        <v>30</v>
      </c>
    </row>
    <row r="92" spans="1:13">
      <c r="A92" s="27" t="s">
        <v>37</v>
      </c>
      <c r="B92" s="67">
        <v>-23</v>
      </c>
      <c r="C92" s="68">
        <v>-14</v>
      </c>
      <c r="D92" s="68">
        <v>-9</v>
      </c>
      <c r="E92" s="67">
        <v>14</v>
      </c>
      <c r="F92" s="68">
        <v>9</v>
      </c>
      <c r="G92" s="69">
        <v>5</v>
      </c>
      <c r="H92" s="68">
        <v>41</v>
      </c>
      <c r="I92" s="68">
        <v>19</v>
      </c>
      <c r="J92" s="68">
        <v>22</v>
      </c>
      <c r="K92" s="67">
        <v>50</v>
      </c>
      <c r="L92" s="79">
        <v>24</v>
      </c>
      <c r="M92" s="80">
        <v>26</v>
      </c>
    </row>
    <row r="93" spans="1:13" ht="21" customHeight="1">
      <c r="A93" s="38" t="s">
        <v>39</v>
      </c>
      <c r="B93" s="64">
        <v>-157</v>
      </c>
      <c r="C93" s="65">
        <v>-126</v>
      </c>
      <c r="D93" s="65">
        <v>-31</v>
      </c>
      <c r="E93" s="64">
        <v>86</v>
      </c>
      <c r="F93" s="65">
        <v>60</v>
      </c>
      <c r="G93" s="66">
        <v>26</v>
      </c>
      <c r="H93" s="65">
        <v>150</v>
      </c>
      <c r="I93" s="65">
        <v>78</v>
      </c>
      <c r="J93" s="65">
        <v>72</v>
      </c>
      <c r="K93" s="64">
        <v>221</v>
      </c>
      <c r="L93" s="77">
        <v>144</v>
      </c>
      <c r="M93" s="78">
        <v>77</v>
      </c>
    </row>
    <row r="94" spans="1:13">
      <c r="A94" s="27" t="s">
        <v>41</v>
      </c>
      <c r="B94" s="67">
        <v>-50</v>
      </c>
      <c r="C94" s="68">
        <v>-36</v>
      </c>
      <c r="D94" s="68">
        <v>-14</v>
      </c>
      <c r="E94" s="67">
        <v>10</v>
      </c>
      <c r="F94" s="68">
        <v>6</v>
      </c>
      <c r="G94" s="69">
        <v>4</v>
      </c>
      <c r="H94" s="68">
        <v>30</v>
      </c>
      <c r="I94" s="68">
        <v>13</v>
      </c>
      <c r="J94" s="68">
        <v>17</v>
      </c>
      <c r="K94" s="67">
        <v>70</v>
      </c>
      <c r="L94" s="79">
        <v>43</v>
      </c>
      <c r="M94" s="80">
        <v>27</v>
      </c>
    </row>
    <row r="95" spans="1:13">
      <c r="A95" s="27" t="s">
        <v>43</v>
      </c>
      <c r="B95" s="67">
        <v>-47</v>
      </c>
      <c r="C95" s="68">
        <v>-39</v>
      </c>
      <c r="D95" s="68">
        <v>-8</v>
      </c>
      <c r="E95" s="67">
        <v>19</v>
      </c>
      <c r="F95" s="68">
        <v>17</v>
      </c>
      <c r="G95" s="69">
        <v>2</v>
      </c>
      <c r="H95" s="68">
        <v>15</v>
      </c>
      <c r="I95" s="68">
        <v>9</v>
      </c>
      <c r="J95" s="68">
        <v>6</v>
      </c>
      <c r="K95" s="67">
        <v>43</v>
      </c>
      <c r="L95" s="79">
        <v>31</v>
      </c>
      <c r="M95" s="80">
        <v>12</v>
      </c>
    </row>
    <row r="96" spans="1:13">
      <c r="A96" s="27" t="s">
        <v>45</v>
      </c>
      <c r="B96" s="67">
        <v>-12</v>
      </c>
      <c r="C96" s="68">
        <v>-15</v>
      </c>
      <c r="D96" s="68">
        <v>3</v>
      </c>
      <c r="E96" s="67">
        <v>14</v>
      </c>
      <c r="F96" s="68">
        <v>9</v>
      </c>
      <c r="G96" s="69">
        <v>5</v>
      </c>
      <c r="H96" s="68">
        <v>39</v>
      </c>
      <c r="I96" s="68">
        <v>17</v>
      </c>
      <c r="J96" s="68">
        <v>22</v>
      </c>
      <c r="K96" s="67">
        <v>37</v>
      </c>
      <c r="L96" s="79">
        <v>23</v>
      </c>
      <c r="M96" s="80">
        <v>14</v>
      </c>
    </row>
    <row r="97" spans="1:13">
      <c r="A97" s="27" t="s">
        <v>47</v>
      </c>
      <c r="B97" s="67">
        <v>-21</v>
      </c>
      <c r="C97" s="68">
        <v>-17</v>
      </c>
      <c r="D97" s="68">
        <v>-4</v>
      </c>
      <c r="E97" s="67">
        <v>23</v>
      </c>
      <c r="F97" s="68">
        <v>17</v>
      </c>
      <c r="G97" s="69">
        <v>6</v>
      </c>
      <c r="H97" s="68">
        <v>34</v>
      </c>
      <c r="I97" s="68">
        <v>23</v>
      </c>
      <c r="J97" s="68">
        <v>11</v>
      </c>
      <c r="K97" s="67">
        <v>32</v>
      </c>
      <c r="L97" s="79">
        <v>23</v>
      </c>
      <c r="M97" s="80">
        <v>9</v>
      </c>
    </row>
    <row r="98" spans="1:13">
      <c r="A98" s="27" t="s">
        <v>49</v>
      </c>
      <c r="B98" s="67">
        <v>-27</v>
      </c>
      <c r="C98" s="68">
        <v>-19</v>
      </c>
      <c r="D98" s="68">
        <v>-8</v>
      </c>
      <c r="E98" s="67">
        <v>20</v>
      </c>
      <c r="F98" s="68">
        <v>11</v>
      </c>
      <c r="G98" s="69">
        <v>9</v>
      </c>
      <c r="H98" s="68">
        <v>32</v>
      </c>
      <c r="I98" s="68">
        <v>16</v>
      </c>
      <c r="J98" s="68">
        <v>16</v>
      </c>
      <c r="K98" s="67">
        <v>39</v>
      </c>
      <c r="L98" s="79">
        <v>24</v>
      </c>
      <c r="M98" s="80">
        <v>15</v>
      </c>
    </row>
    <row r="99" spans="1:13" ht="21" customHeight="1">
      <c r="A99" s="38" t="s">
        <v>51</v>
      </c>
      <c r="B99" s="64">
        <v>-201</v>
      </c>
      <c r="C99" s="65">
        <v>-148</v>
      </c>
      <c r="D99" s="65">
        <v>-53</v>
      </c>
      <c r="E99" s="64">
        <v>193</v>
      </c>
      <c r="F99" s="65">
        <v>140</v>
      </c>
      <c r="G99" s="66">
        <v>53</v>
      </c>
      <c r="H99" s="65">
        <v>178</v>
      </c>
      <c r="I99" s="65">
        <v>84</v>
      </c>
      <c r="J99" s="65">
        <v>94</v>
      </c>
      <c r="K99" s="64">
        <v>186</v>
      </c>
      <c r="L99" s="77">
        <v>92</v>
      </c>
      <c r="M99" s="78">
        <v>94</v>
      </c>
    </row>
    <row r="100" spans="1:13">
      <c r="A100" s="27" t="s">
        <v>53</v>
      </c>
      <c r="B100" s="67">
        <v>-36</v>
      </c>
      <c r="C100" s="68">
        <v>-34</v>
      </c>
      <c r="D100" s="68">
        <v>-2</v>
      </c>
      <c r="E100" s="67">
        <v>35</v>
      </c>
      <c r="F100" s="68">
        <v>29</v>
      </c>
      <c r="G100" s="69">
        <v>6</v>
      </c>
      <c r="H100" s="68">
        <v>35</v>
      </c>
      <c r="I100" s="68">
        <v>14</v>
      </c>
      <c r="J100" s="68">
        <v>21</v>
      </c>
      <c r="K100" s="67">
        <v>36</v>
      </c>
      <c r="L100" s="79">
        <v>19</v>
      </c>
      <c r="M100" s="80">
        <v>17</v>
      </c>
    </row>
    <row r="101" spans="1:13">
      <c r="A101" s="27" t="s">
        <v>55</v>
      </c>
      <c r="B101" s="67">
        <v>-32</v>
      </c>
      <c r="C101" s="68">
        <v>-24</v>
      </c>
      <c r="D101" s="68">
        <v>-8</v>
      </c>
      <c r="E101" s="67">
        <v>37</v>
      </c>
      <c r="F101" s="68">
        <v>28</v>
      </c>
      <c r="G101" s="69">
        <v>9</v>
      </c>
      <c r="H101" s="68">
        <v>35</v>
      </c>
      <c r="I101" s="68">
        <v>18</v>
      </c>
      <c r="J101" s="68">
        <v>17</v>
      </c>
      <c r="K101" s="67">
        <v>30</v>
      </c>
      <c r="L101" s="79">
        <v>14</v>
      </c>
      <c r="M101" s="80">
        <v>16</v>
      </c>
    </row>
    <row r="102" spans="1:13">
      <c r="A102" s="27" t="s">
        <v>57</v>
      </c>
      <c r="B102" s="67">
        <v>-48</v>
      </c>
      <c r="C102" s="68">
        <v>-32</v>
      </c>
      <c r="D102" s="68">
        <v>-16</v>
      </c>
      <c r="E102" s="67">
        <v>33</v>
      </c>
      <c r="F102" s="68">
        <v>25</v>
      </c>
      <c r="G102" s="69">
        <v>8</v>
      </c>
      <c r="H102" s="68">
        <v>35</v>
      </c>
      <c r="I102" s="68">
        <v>16</v>
      </c>
      <c r="J102" s="68">
        <v>19</v>
      </c>
      <c r="K102" s="67">
        <v>50</v>
      </c>
      <c r="L102" s="79">
        <v>23</v>
      </c>
      <c r="M102" s="80">
        <v>27</v>
      </c>
    </row>
    <row r="103" spans="1:13">
      <c r="A103" s="27" t="s">
        <v>59</v>
      </c>
      <c r="B103" s="67">
        <v>-40</v>
      </c>
      <c r="C103" s="68">
        <v>-27</v>
      </c>
      <c r="D103" s="68">
        <v>-13</v>
      </c>
      <c r="E103" s="67">
        <v>38</v>
      </c>
      <c r="F103" s="68">
        <v>24</v>
      </c>
      <c r="G103" s="69">
        <v>14</v>
      </c>
      <c r="H103" s="68">
        <v>31</v>
      </c>
      <c r="I103" s="68">
        <v>14</v>
      </c>
      <c r="J103" s="68">
        <v>17</v>
      </c>
      <c r="K103" s="67">
        <v>33</v>
      </c>
      <c r="L103" s="79">
        <v>17</v>
      </c>
      <c r="M103" s="80">
        <v>16</v>
      </c>
    </row>
    <row r="104" spans="1:13">
      <c r="A104" s="27" t="s">
        <v>61</v>
      </c>
      <c r="B104" s="67">
        <v>-45</v>
      </c>
      <c r="C104" s="68">
        <v>-31</v>
      </c>
      <c r="D104" s="68">
        <v>-14</v>
      </c>
      <c r="E104" s="67">
        <v>50</v>
      </c>
      <c r="F104" s="68">
        <v>34</v>
      </c>
      <c r="G104" s="69">
        <v>16</v>
      </c>
      <c r="H104" s="68">
        <v>42</v>
      </c>
      <c r="I104" s="68">
        <v>22</v>
      </c>
      <c r="J104" s="68">
        <v>20</v>
      </c>
      <c r="K104" s="67">
        <v>37</v>
      </c>
      <c r="L104" s="79">
        <v>19</v>
      </c>
      <c r="M104" s="80">
        <v>18</v>
      </c>
    </row>
    <row r="105" spans="1:13" ht="21" customHeight="1">
      <c r="A105" s="38" t="s">
        <v>63</v>
      </c>
      <c r="B105" s="64">
        <v>-219</v>
      </c>
      <c r="C105" s="65">
        <v>-154</v>
      </c>
      <c r="D105" s="65">
        <v>-65</v>
      </c>
      <c r="E105" s="64">
        <v>249</v>
      </c>
      <c r="F105" s="65">
        <v>165</v>
      </c>
      <c r="G105" s="66">
        <v>84</v>
      </c>
      <c r="H105" s="65">
        <v>149</v>
      </c>
      <c r="I105" s="65">
        <v>64</v>
      </c>
      <c r="J105" s="65">
        <v>85</v>
      </c>
      <c r="K105" s="64">
        <v>119</v>
      </c>
      <c r="L105" s="77">
        <v>53</v>
      </c>
      <c r="M105" s="78">
        <v>66</v>
      </c>
    </row>
    <row r="106" spans="1:13">
      <c r="A106" s="27" t="s">
        <v>65</v>
      </c>
      <c r="B106" s="67">
        <v>-56</v>
      </c>
      <c r="C106" s="68">
        <v>-35</v>
      </c>
      <c r="D106" s="68">
        <v>-21</v>
      </c>
      <c r="E106" s="67">
        <v>57</v>
      </c>
      <c r="F106" s="68">
        <v>38</v>
      </c>
      <c r="G106" s="69">
        <v>19</v>
      </c>
      <c r="H106" s="68">
        <v>41</v>
      </c>
      <c r="I106" s="68">
        <v>17</v>
      </c>
      <c r="J106" s="68">
        <v>24</v>
      </c>
      <c r="K106" s="67">
        <v>40</v>
      </c>
      <c r="L106" s="79">
        <v>14</v>
      </c>
      <c r="M106" s="80">
        <v>26</v>
      </c>
    </row>
    <row r="107" spans="1:13">
      <c r="A107" s="27" t="s">
        <v>67</v>
      </c>
      <c r="B107" s="67">
        <v>-50</v>
      </c>
      <c r="C107" s="68">
        <v>-32</v>
      </c>
      <c r="D107" s="68">
        <v>-18</v>
      </c>
      <c r="E107" s="67">
        <v>45</v>
      </c>
      <c r="F107" s="68">
        <v>29</v>
      </c>
      <c r="G107" s="69">
        <v>16</v>
      </c>
      <c r="H107" s="68">
        <v>16</v>
      </c>
      <c r="I107" s="68">
        <v>9</v>
      </c>
      <c r="J107" s="68">
        <v>7</v>
      </c>
      <c r="K107" s="67">
        <v>21</v>
      </c>
      <c r="L107" s="79">
        <v>12</v>
      </c>
      <c r="M107" s="80">
        <v>9</v>
      </c>
    </row>
    <row r="108" spans="1:13">
      <c r="A108" s="27" t="s">
        <v>69</v>
      </c>
      <c r="B108" s="67">
        <v>-29</v>
      </c>
      <c r="C108" s="68">
        <v>-18</v>
      </c>
      <c r="D108" s="68">
        <v>-11</v>
      </c>
      <c r="E108" s="67">
        <v>44</v>
      </c>
      <c r="F108" s="68">
        <v>31</v>
      </c>
      <c r="G108" s="69">
        <v>13</v>
      </c>
      <c r="H108" s="68">
        <v>28</v>
      </c>
      <c r="I108" s="68">
        <v>16</v>
      </c>
      <c r="J108" s="68">
        <v>12</v>
      </c>
      <c r="K108" s="67">
        <v>13</v>
      </c>
      <c r="L108" s="79">
        <v>3</v>
      </c>
      <c r="M108" s="80">
        <v>10</v>
      </c>
    </row>
    <row r="109" spans="1:13">
      <c r="A109" s="27" t="s">
        <v>71</v>
      </c>
      <c r="B109" s="67">
        <v>-48</v>
      </c>
      <c r="C109" s="68">
        <v>-37</v>
      </c>
      <c r="D109" s="68">
        <v>-11</v>
      </c>
      <c r="E109" s="67">
        <v>52</v>
      </c>
      <c r="F109" s="68">
        <v>33</v>
      </c>
      <c r="G109" s="69">
        <v>19</v>
      </c>
      <c r="H109" s="68">
        <v>28</v>
      </c>
      <c r="I109" s="68">
        <v>10</v>
      </c>
      <c r="J109" s="68">
        <v>18</v>
      </c>
      <c r="K109" s="67">
        <v>24</v>
      </c>
      <c r="L109" s="79">
        <v>14</v>
      </c>
      <c r="M109" s="80">
        <v>10</v>
      </c>
    </row>
    <row r="110" spans="1:13">
      <c r="A110" s="27" t="s">
        <v>73</v>
      </c>
      <c r="B110" s="67">
        <v>-36</v>
      </c>
      <c r="C110" s="68">
        <v>-32</v>
      </c>
      <c r="D110" s="68">
        <v>-4</v>
      </c>
      <c r="E110" s="67">
        <v>51</v>
      </c>
      <c r="F110" s="68">
        <v>34</v>
      </c>
      <c r="G110" s="69">
        <v>17</v>
      </c>
      <c r="H110" s="68">
        <v>36</v>
      </c>
      <c r="I110" s="68">
        <v>12</v>
      </c>
      <c r="J110" s="68">
        <v>24</v>
      </c>
      <c r="K110" s="67">
        <v>21</v>
      </c>
      <c r="L110" s="79">
        <v>10</v>
      </c>
      <c r="M110" s="80">
        <v>11</v>
      </c>
    </row>
    <row r="111" spans="1:13" ht="21" customHeight="1">
      <c r="A111" s="38" t="s">
        <v>75</v>
      </c>
      <c r="B111" s="64">
        <v>-245</v>
      </c>
      <c r="C111" s="65">
        <v>-175</v>
      </c>
      <c r="D111" s="65">
        <v>-70</v>
      </c>
      <c r="E111" s="64">
        <v>292</v>
      </c>
      <c r="F111" s="65">
        <v>179</v>
      </c>
      <c r="G111" s="66">
        <v>113</v>
      </c>
      <c r="H111" s="65">
        <v>162</v>
      </c>
      <c r="I111" s="65">
        <v>49</v>
      </c>
      <c r="J111" s="65">
        <v>113</v>
      </c>
      <c r="K111" s="64">
        <v>115</v>
      </c>
      <c r="L111" s="77">
        <v>45</v>
      </c>
      <c r="M111" s="78">
        <v>70</v>
      </c>
    </row>
    <row r="112" spans="1:13">
      <c r="A112" s="27" t="s">
        <v>77</v>
      </c>
      <c r="B112" s="67">
        <v>-31</v>
      </c>
      <c r="C112" s="68">
        <v>-25</v>
      </c>
      <c r="D112" s="68">
        <v>-6</v>
      </c>
      <c r="E112" s="67">
        <v>49</v>
      </c>
      <c r="F112" s="68">
        <v>31</v>
      </c>
      <c r="G112" s="69">
        <v>18</v>
      </c>
      <c r="H112" s="68">
        <v>45</v>
      </c>
      <c r="I112" s="68">
        <v>18</v>
      </c>
      <c r="J112" s="68">
        <v>27</v>
      </c>
      <c r="K112" s="67">
        <v>27</v>
      </c>
      <c r="L112" s="79">
        <v>12</v>
      </c>
      <c r="M112" s="80">
        <v>15</v>
      </c>
    </row>
    <row r="113" spans="1:13">
      <c r="A113" s="27" t="s">
        <v>79</v>
      </c>
      <c r="B113" s="67">
        <v>-65</v>
      </c>
      <c r="C113" s="68">
        <v>-45</v>
      </c>
      <c r="D113" s="68">
        <v>-20</v>
      </c>
      <c r="E113" s="67">
        <v>58</v>
      </c>
      <c r="F113" s="68">
        <v>40</v>
      </c>
      <c r="G113" s="69">
        <v>18</v>
      </c>
      <c r="H113" s="68">
        <v>21</v>
      </c>
      <c r="I113" s="68">
        <v>6</v>
      </c>
      <c r="J113" s="68">
        <v>15</v>
      </c>
      <c r="K113" s="67">
        <v>28</v>
      </c>
      <c r="L113" s="79">
        <v>11</v>
      </c>
      <c r="M113" s="80">
        <v>17</v>
      </c>
    </row>
    <row r="114" spans="1:13">
      <c r="A114" s="27" t="s">
        <v>81</v>
      </c>
      <c r="B114" s="67">
        <v>-62</v>
      </c>
      <c r="C114" s="68">
        <v>-42</v>
      </c>
      <c r="D114" s="68">
        <v>-20</v>
      </c>
      <c r="E114" s="67">
        <v>67</v>
      </c>
      <c r="F114" s="68">
        <v>42</v>
      </c>
      <c r="G114" s="69">
        <v>25</v>
      </c>
      <c r="H114" s="68">
        <v>28</v>
      </c>
      <c r="I114" s="68">
        <v>11</v>
      </c>
      <c r="J114" s="68">
        <v>17</v>
      </c>
      <c r="K114" s="67">
        <v>23</v>
      </c>
      <c r="L114" s="79">
        <v>11</v>
      </c>
      <c r="M114" s="80">
        <v>12</v>
      </c>
    </row>
    <row r="115" spans="1:13">
      <c r="A115" s="27" t="s">
        <v>83</v>
      </c>
      <c r="B115" s="67">
        <v>-46</v>
      </c>
      <c r="C115" s="68">
        <v>-37</v>
      </c>
      <c r="D115" s="68">
        <v>-9</v>
      </c>
      <c r="E115" s="67">
        <v>63</v>
      </c>
      <c r="F115" s="68">
        <v>38</v>
      </c>
      <c r="G115" s="69">
        <v>25</v>
      </c>
      <c r="H115" s="68">
        <v>37</v>
      </c>
      <c r="I115" s="68">
        <v>7</v>
      </c>
      <c r="J115" s="68">
        <v>30</v>
      </c>
      <c r="K115" s="67">
        <v>20</v>
      </c>
      <c r="L115" s="79">
        <v>6</v>
      </c>
      <c r="M115" s="80">
        <v>14</v>
      </c>
    </row>
    <row r="116" spans="1:13">
      <c r="A116" s="27" t="s">
        <v>85</v>
      </c>
      <c r="B116" s="67">
        <v>-41</v>
      </c>
      <c r="C116" s="68">
        <v>-26</v>
      </c>
      <c r="D116" s="68">
        <v>-15</v>
      </c>
      <c r="E116" s="67">
        <v>55</v>
      </c>
      <c r="F116" s="68">
        <v>28</v>
      </c>
      <c r="G116" s="69">
        <v>27</v>
      </c>
      <c r="H116" s="68">
        <v>31</v>
      </c>
      <c r="I116" s="68">
        <v>7</v>
      </c>
      <c r="J116" s="68">
        <v>24</v>
      </c>
      <c r="K116" s="67">
        <v>17</v>
      </c>
      <c r="L116" s="79">
        <v>5</v>
      </c>
      <c r="M116" s="80">
        <v>12</v>
      </c>
    </row>
    <row r="117" spans="1:13" ht="21" customHeight="1">
      <c r="A117" s="38" t="s">
        <v>87</v>
      </c>
      <c r="B117" s="64">
        <v>-337</v>
      </c>
      <c r="C117" s="65">
        <v>-180</v>
      </c>
      <c r="D117" s="65">
        <v>-157</v>
      </c>
      <c r="E117" s="64">
        <v>385</v>
      </c>
      <c r="F117" s="65">
        <v>206</v>
      </c>
      <c r="G117" s="66">
        <v>179</v>
      </c>
      <c r="H117" s="65">
        <v>141</v>
      </c>
      <c r="I117" s="65">
        <v>55</v>
      </c>
      <c r="J117" s="65">
        <v>86</v>
      </c>
      <c r="K117" s="64">
        <v>93</v>
      </c>
      <c r="L117" s="77">
        <v>29</v>
      </c>
      <c r="M117" s="78">
        <v>64</v>
      </c>
    </row>
    <row r="118" spans="1:13">
      <c r="A118" s="27" t="s">
        <v>89</v>
      </c>
      <c r="B118" s="67">
        <v>-56</v>
      </c>
      <c r="C118" s="68">
        <v>-32</v>
      </c>
      <c r="D118" s="68">
        <v>-24</v>
      </c>
      <c r="E118" s="67">
        <v>57</v>
      </c>
      <c r="F118" s="68">
        <v>28</v>
      </c>
      <c r="G118" s="69">
        <v>29</v>
      </c>
      <c r="H118" s="68">
        <v>26</v>
      </c>
      <c r="I118" s="68">
        <v>7</v>
      </c>
      <c r="J118" s="68">
        <v>19</v>
      </c>
      <c r="K118" s="67">
        <v>25</v>
      </c>
      <c r="L118" s="79">
        <v>11</v>
      </c>
      <c r="M118" s="80">
        <v>14</v>
      </c>
    </row>
    <row r="119" spans="1:13">
      <c r="A119" s="27" t="s">
        <v>91</v>
      </c>
      <c r="B119" s="67">
        <v>-54</v>
      </c>
      <c r="C119" s="68">
        <v>-33</v>
      </c>
      <c r="D119" s="68">
        <v>-21</v>
      </c>
      <c r="E119" s="67">
        <v>73</v>
      </c>
      <c r="F119" s="68">
        <v>45</v>
      </c>
      <c r="G119" s="69">
        <v>28</v>
      </c>
      <c r="H119" s="68">
        <v>33</v>
      </c>
      <c r="I119" s="68">
        <v>17</v>
      </c>
      <c r="J119" s="68">
        <v>16</v>
      </c>
      <c r="K119" s="67">
        <v>14</v>
      </c>
      <c r="L119" s="79">
        <v>5</v>
      </c>
      <c r="M119" s="80">
        <v>9</v>
      </c>
    </row>
    <row r="120" spans="1:13">
      <c r="A120" s="27" t="s">
        <v>93</v>
      </c>
      <c r="B120" s="67">
        <v>-92</v>
      </c>
      <c r="C120" s="68">
        <v>-56</v>
      </c>
      <c r="D120" s="68">
        <v>-36</v>
      </c>
      <c r="E120" s="67">
        <v>100</v>
      </c>
      <c r="F120" s="68">
        <v>61</v>
      </c>
      <c r="G120" s="69">
        <v>39</v>
      </c>
      <c r="H120" s="68">
        <v>25</v>
      </c>
      <c r="I120" s="68">
        <v>9</v>
      </c>
      <c r="J120" s="68">
        <v>16</v>
      </c>
      <c r="K120" s="67">
        <v>17</v>
      </c>
      <c r="L120" s="79">
        <v>4</v>
      </c>
      <c r="M120" s="80">
        <v>13</v>
      </c>
    </row>
    <row r="121" spans="1:13">
      <c r="A121" s="27" t="s">
        <v>95</v>
      </c>
      <c r="B121" s="67">
        <v>-64</v>
      </c>
      <c r="C121" s="68">
        <v>-19</v>
      </c>
      <c r="D121" s="68">
        <v>-45</v>
      </c>
      <c r="E121" s="67">
        <v>69</v>
      </c>
      <c r="F121" s="68">
        <v>26</v>
      </c>
      <c r="G121" s="69">
        <v>43</v>
      </c>
      <c r="H121" s="68">
        <v>27</v>
      </c>
      <c r="I121" s="68">
        <v>12</v>
      </c>
      <c r="J121" s="68">
        <v>15</v>
      </c>
      <c r="K121" s="67">
        <v>22</v>
      </c>
      <c r="L121" s="79">
        <v>5</v>
      </c>
      <c r="M121" s="80">
        <v>17</v>
      </c>
    </row>
    <row r="122" spans="1:13">
      <c r="A122" s="27" t="s">
        <v>97</v>
      </c>
      <c r="B122" s="67">
        <v>-71</v>
      </c>
      <c r="C122" s="68">
        <v>-40</v>
      </c>
      <c r="D122" s="68">
        <v>-31</v>
      </c>
      <c r="E122" s="67">
        <v>86</v>
      </c>
      <c r="F122" s="68">
        <v>46</v>
      </c>
      <c r="G122" s="69">
        <v>40</v>
      </c>
      <c r="H122" s="68">
        <v>30</v>
      </c>
      <c r="I122" s="68">
        <v>10</v>
      </c>
      <c r="J122" s="68">
        <v>20</v>
      </c>
      <c r="K122" s="67">
        <v>15</v>
      </c>
      <c r="L122" s="79">
        <v>4</v>
      </c>
      <c r="M122" s="80">
        <v>11</v>
      </c>
    </row>
    <row r="123" spans="1:13" ht="21" customHeight="1">
      <c r="A123" s="38" t="s">
        <v>99</v>
      </c>
      <c r="B123" s="64">
        <v>-303</v>
      </c>
      <c r="C123" s="65">
        <v>-110</v>
      </c>
      <c r="D123" s="65">
        <v>-193</v>
      </c>
      <c r="E123" s="64">
        <v>331</v>
      </c>
      <c r="F123" s="65">
        <v>120</v>
      </c>
      <c r="G123" s="66">
        <v>211</v>
      </c>
      <c r="H123" s="65">
        <v>78</v>
      </c>
      <c r="I123" s="65">
        <v>21</v>
      </c>
      <c r="J123" s="65">
        <v>57</v>
      </c>
      <c r="K123" s="64">
        <v>50</v>
      </c>
      <c r="L123" s="77">
        <v>11</v>
      </c>
      <c r="M123" s="78">
        <v>39</v>
      </c>
    </row>
    <row r="124" spans="1:13">
      <c r="A124" s="27" t="s">
        <v>101</v>
      </c>
      <c r="B124" s="67">
        <v>-72</v>
      </c>
      <c r="C124" s="68">
        <v>-29</v>
      </c>
      <c r="D124" s="68">
        <v>-43</v>
      </c>
      <c r="E124" s="67">
        <v>73</v>
      </c>
      <c r="F124" s="68">
        <v>31</v>
      </c>
      <c r="G124" s="69">
        <v>42</v>
      </c>
      <c r="H124" s="68">
        <v>17</v>
      </c>
      <c r="I124" s="68">
        <v>5</v>
      </c>
      <c r="J124" s="68">
        <v>12</v>
      </c>
      <c r="K124" s="67">
        <v>16</v>
      </c>
      <c r="L124" s="79">
        <v>3</v>
      </c>
      <c r="M124" s="80">
        <v>13</v>
      </c>
    </row>
    <row r="125" spans="1:13">
      <c r="A125" s="27" t="s">
        <v>103</v>
      </c>
      <c r="B125" s="67">
        <v>-77</v>
      </c>
      <c r="C125" s="68">
        <v>-32</v>
      </c>
      <c r="D125" s="68">
        <v>-45</v>
      </c>
      <c r="E125" s="67">
        <v>78</v>
      </c>
      <c r="F125" s="68">
        <v>32</v>
      </c>
      <c r="G125" s="69">
        <v>46</v>
      </c>
      <c r="H125" s="68">
        <v>16</v>
      </c>
      <c r="I125" s="68">
        <v>3</v>
      </c>
      <c r="J125" s="68">
        <v>13</v>
      </c>
      <c r="K125" s="67">
        <v>15</v>
      </c>
      <c r="L125" s="79">
        <v>3</v>
      </c>
      <c r="M125" s="80">
        <v>12</v>
      </c>
    </row>
    <row r="126" spans="1:13">
      <c r="A126" s="27" t="s">
        <v>105</v>
      </c>
      <c r="B126" s="67">
        <v>-47</v>
      </c>
      <c r="C126" s="68">
        <v>-14</v>
      </c>
      <c r="D126" s="68">
        <v>-33</v>
      </c>
      <c r="E126" s="67">
        <v>56</v>
      </c>
      <c r="F126" s="68">
        <v>14</v>
      </c>
      <c r="G126" s="69">
        <v>42</v>
      </c>
      <c r="H126" s="68">
        <v>18</v>
      </c>
      <c r="I126" s="68">
        <v>3</v>
      </c>
      <c r="J126" s="68">
        <v>15</v>
      </c>
      <c r="K126" s="67">
        <v>9</v>
      </c>
      <c r="L126" s="79">
        <v>3</v>
      </c>
      <c r="M126" s="80">
        <v>6</v>
      </c>
    </row>
    <row r="127" spans="1:13">
      <c r="A127" s="27" t="s">
        <v>107</v>
      </c>
      <c r="B127" s="67">
        <v>-53</v>
      </c>
      <c r="C127" s="68">
        <v>-21</v>
      </c>
      <c r="D127" s="68">
        <v>-32</v>
      </c>
      <c r="E127" s="67">
        <v>59</v>
      </c>
      <c r="F127" s="68">
        <v>23</v>
      </c>
      <c r="G127" s="69">
        <v>36</v>
      </c>
      <c r="H127" s="68">
        <v>13</v>
      </c>
      <c r="I127" s="68">
        <v>4</v>
      </c>
      <c r="J127" s="68">
        <v>9</v>
      </c>
      <c r="K127" s="67">
        <v>7</v>
      </c>
      <c r="L127" s="79">
        <v>2</v>
      </c>
      <c r="M127" s="80">
        <v>5</v>
      </c>
    </row>
    <row r="128" spans="1:13">
      <c r="A128" s="27" t="s">
        <v>109</v>
      </c>
      <c r="B128" s="67">
        <v>-54</v>
      </c>
      <c r="C128" s="68">
        <v>-14</v>
      </c>
      <c r="D128" s="68">
        <v>-40</v>
      </c>
      <c r="E128" s="67">
        <v>65</v>
      </c>
      <c r="F128" s="68">
        <v>20</v>
      </c>
      <c r="G128" s="69">
        <v>45</v>
      </c>
      <c r="H128" s="68">
        <v>14</v>
      </c>
      <c r="I128" s="68">
        <v>6</v>
      </c>
      <c r="J128" s="68">
        <v>8</v>
      </c>
      <c r="K128" s="67">
        <v>3</v>
      </c>
      <c r="L128" s="79">
        <v>0</v>
      </c>
      <c r="M128" s="80">
        <v>3</v>
      </c>
    </row>
    <row r="129" spans="1:14" ht="21" customHeight="1">
      <c r="A129" s="38" t="s">
        <v>111</v>
      </c>
      <c r="B129" s="64">
        <v>-173</v>
      </c>
      <c r="C129" s="65">
        <v>-58</v>
      </c>
      <c r="D129" s="65">
        <v>-115</v>
      </c>
      <c r="E129" s="64">
        <v>163</v>
      </c>
      <c r="F129" s="65">
        <v>56</v>
      </c>
      <c r="G129" s="66">
        <v>107</v>
      </c>
      <c r="H129" s="65">
        <v>15</v>
      </c>
      <c r="I129" s="65">
        <v>4</v>
      </c>
      <c r="J129" s="65">
        <v>11</v>
      </c>
      <c r="K129" s="64">
        <v>25</v>
      </c>
      <c r="L129" s="77">
        <v>6</v>
      </c>
      <c r="M129" s="78">
        <v>19</v>
      </c>
    </row>
    <row r="130" spans="1:14">
      <c r="A130" s="27" t="s">
        <v>113</v>
      </c>
      <c r="B130" s="67">
        <v>-53</v>
      </c>
      <c r="C130" s="68">
        <v>-21</v>
      </c>
      <c r="D130" s="68">
        <v>-32</v>
      </c>
      <c r="E130" s="67">
        <v>48</v>
      </c>
      <c r="F130" s="68">
        <v>20</v>
      </c>
      <c r="G130" s="69">
        <v>28</v>
      </c>
      <c r="H130" s="68">
        <v>5</v>
      </c>
      <c r="I130" s="68">
        <v>1</v>
      </c>
      <c r="J130" s="68">
        <v>4</v>
      </c>
      <c r="K130" s="67">
        <v>10</v>
      </c>
      <c r="L130" s="79">
        <v>2</v>
      </c>
      <c r="M130" s="80">
        <v>8</v>
      </c>
    </row>
    <row r="131" spans="1:14">
      <c r="A131" s="27" t="s">
        <v>115</v>
      </c>
      <c r="B131" s="67">
        <v>-49</v>
      </c>
      <c r="C131" s="68">
        <v>-21</v>
      </c>
      <c r="D131" s="68">
        <v>-28</v>
      </c>
      <c r="E131" s="67">
        <v>45</v>
      </c>
      <c r="F131" s="68">
        <v>19</v>
      </c>
      <c r="G131" s="69">
        <v>26</v>
      </c>
      <c r="H131" s="68">
        <v>3</v>
      </c>
      <c r="I131" s="68">
        <v>1</v>
      </c>
      <c r="J131" s="68">
        <v>2</v>
      </c>
      <c r="K131" s="67">
        <v>7</v>
      </c>
      <c r="L131" s="79">
        <v>3</v>
      </c>
      <c r="M131" s="80">
        <v>4</v>
      </c>
    </row>
    <row r="132" spans="1:14">
      <c r="A132" s="27" t="s">
        <v>117</v>
      </c>
      <c r="B132" s="67">
        <v>-37</v>
      </c>
      <c r="C132" s="68">
        <v>-10</v>
      </c>
      <c r="D132" s="68">
        <v>-27</v>
      </c>
      <c r="E132" s="67">
        <v>34</v>
      </c>
      <c r="F132" s="68">
        <v>10</v>
      </c>
      <c r="G132" s="69">
        <v>24</v>
      </c>
      <c r="H132" s="68">
        <v>3</v>
      </c>
      <c r="I132" s="68">
        <v>1</v>
      </c>
      <c r="J132" s="68">
        <v>2</v>
      </c>
      <c r="K132" s="67">
        <v>6</v>
      </c>
      <c r="L132" s="79">
        <v>1</v>
      </c>
      <c r="M132" s="80">
        <v>5</v>
      </c>
    </row>
    <row r="133" spans="1:14">
      <c r="A133" s="27" t="s">
        <v>119</v>
      </c>
      <c r="B133" s="67">
        <v>-15</v>
      </c>
      <c r="C133" s="68">
        <v>-3</v>
      </c>
      <c r="D133" s="68">
        <v>-12</v>
      </c>
      <c r="E133" s="67">
        <v>17</v>
      </c>
      <c r="F133" s="68">
        <v>3</v>
      </c>
      <c r="G133" s="69">
        <v>14</v>
      </c>
      <c r="H133" s="68">
        <v>3</v>
      </c>
      <c r="I133" s="68">
        <v>0</v>
      </c>
      <c r="J133" s="68">
        <v>3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19</v>
      </c>
      <c r="C134" s="68">
        <v>-3</v>
      </c>
      <c r="D134" s="68">
        <v>-16</v>
      </c>
      <c r="E134" s="67">
        <v>19</v>
      </c>
      <c r="F134" s="68">
        <v>4</v>
      </c>
      <c r="G134" s="69">
        <v>15</v>
      </c>
      <c r="H134" s="68">
        <v>1</v>
      </c>
      <c r="I134" s="68">
        <v>1</v>
      </c>
      <c r="J134" s="68">
        <v>0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37</v>
      </c>
      <c r="C135" s="40">
        <v>-7</v>
      </c>
      <c r="D135" s="40">
        <v>-30</v>
      </c>
      <c r="E135" s="42">
        <v>40</v>
      </c>
      <c r="F135" s="40">
        <v>6</v>
      </c>
      <c r="G135" s="43">
        <v>34</v>
      </c>
      <c r="H135" s="40">
        <v>4</v>
      </c>
      <c r="I135" s="40">
        <v>0</v>
      </c>
      <c r="J135" s="40">
        <v>4</v>
      </c>
      <c r="K135" s="42">
        <v>1</v>
      </c>
      <c r="L135" s="44">
        <v>1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71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088</v>
      </c>
      <c r="C5" s="62">
        <v>494</v>
      </c>
      <c r="D5" s="62">
        <v>594</v>
      </c>
      <c r="E5" s="61">
        <v>1838</v>
      </c>
      <c r="F5" s="62">
        <v>938</v>
      </c>
      <c r="G5" s="63">
        <v>900</v>
      </c>
      <c r="H5" s="62">
        <v>16625</v>
      </c>
      <c r="I5" s="62">
        <v>8628</v>
      </c>
      <c r="J5" s="62">
        <v>7997</v>
      </c>
      <c r="K5" s="61">
        <v>15423</v>
      </c>
      <c r="L5" s="75">
        <v>8105</v>
      </c>
      <c r="M5" s="76">
        <v>7318</v>
      </c>
    </row>
    <row r="6" spans="1:13" ht="23.25" customHeight="1">
      <c r="A6" s="36" t="s">
        <v>2</v>
      </c>
      <c r="B6" s="64">
        <v>1422</v>
      </c>
      <c r="C6" s="65">
        <v>745</v>
      </c>
      <c r="D6" s="65">
        <v>677</v>
      </c>
      <c r="E6" s="64">
        <v>4</v>
      </c>
      <c r="F6" s="65">
        <v>2</v>
      </c>
      <c r="G6" s="66">
        <v>2</v>
      </c>
      <c r="H6" s="65">
        <v>480</v>
      </c>
      <c r="I6" s="65">
        <v>250</v>
      </c>
      <c r="J6" s="65">
        <v>230</v>
      </c>
      <c r="K6" s="64">
        <v>778</v>
      </c>
      <c r="L6" s="77">
        <v>412</v>
      </c>
      <c r="M6" s="78">
        <v>366</v>
      </c>
    </row>
    <row r="7" spans="1:13">
      <c r="A7" s="15" t="s">
        <v>4</v>
      </c>
      <c r="B7" s="67">
        <v>1678</v>
      </c>
      <c r="C7" s="68">
        <v>880</v>
      </c>
      <c r="D7" s="68">
        <v>798</v>
      </c>
      <c r="E7" s="67">
        <v>3</v>
      </c>
      <c r="F7" s="68">
        <v>1</v>
      </c>
      <c r="G7" s="69">
        <v>2</v>
      </c>
      <c r="H7" s="68">
        <v>82</v>
      </c>
      <c r="I7" s="68">
        <v>44</v>
      </c>
      <c r="J7" s="68">
        <v>38</v>
      </c>
      <c r="K7" s="67">
        <v>125</v>
      </c>
      <c r="L7" s="79">
        <v>72</v>
      </c>
      <c r="M7" s="80">
        <v>53</v>
      </c>
    </row>
    <row r="8" spans="1:13">
      <c r="A8" s="15" t="s">
        <v>6</v>
      </c>
      <c r="B8" s="67">
        <v>-80</v>
      </c>
      <c r="C8" s="68">
        <v>-42</v>
      </c>
      <c r="D8" s="68">
        <v>-38</v>
      </c>
      <c r="E8" s="67">
        <v>1</v>
      </c>
      <c r="F8" s="68">
        <v>1</v>
      </c>
      <c r="G8" s="69">
        <v>0</v>
      </c>
      <c r="H8" s="68">
        <v>146</v>
      </c>
      <c r="I8" s="68">
        <v>79</v>
      </c>
      <c r="J8" s="68">
        <v>67</v>
      </c>
      <c r="K8" s="67">
        <v>225</v>
      </c>
      <c r="L8" s="79">
        <v>120</v>
      </c>
      <c r="M8" s="80">
        <v>105</v>
      </c>
    </row>
    <row r="9" spans="1:13">
      <c r="A9" s="15" t="s">
        <v>8</v>
      </c>
      <c r="B9" s="67">
        <v>-72</v>
      </c>
      <c r="C9" s="68">
        <v>-41</v>
      </c>
      <c r="D9" s="68">
        <v>-31</v>
      </c>
      <c r="E9" s="67">
        <v>0</v>
      </c>
      <c r="F9" s="68">
        <v>0</v>
      </c>
      <c r="G9" s="69">
        <v>0</v>
      </c>
      <c r="H9" s="68">
        <v>112</v>
      </c>
      <c r="I9" s="68">
        <v>53</v>
      </c>
      <c r="J9" s="68">
        <v>59</v>
      </c>
      <c r="K9" s="67">
        <v>184</v>
      </c>
      <c r="L9" s="79">
        <v>94</v>
      </c>
      <c r="M9" s="80">
        <v>90</v>
      </c>
    </row>
    <row r="10" spans="1:13">
      <c r="A10" s="15" t="s">
        <v>10</v>
      </c>
      <c r="B10" s="67">
        <v>-68</v>
      </c>
      <c r="C10" s="68">
        <v>-26</v>
      </c>
      <c r="D10" s="68">
        <v>-42</v>
      </c>
      <c r="E10" s="67">
        <v>0</v>
      </c>
      <c r="F10" s="68">
        <v>0</v>
      </c>
      <c r="G10" s="69">
        <v>0</v>
      </c>
      <c r="H10" s="68">
        <v>70</v>
      </c>
      <c r="I10" s="68">
        <v>36</v>
      </c>
      <c r="J10" s="68">
        <v>34</v>
      </c>
      <c r="K10" s="67">
        <v>138</v>
      </c>
      <c r="L10" s="79">
        <v>62</v>
      </c>
      <c r="M10" s="80">
        <v>76</v>
      </c>
    </row>
    <row r="11" spans="1:13">
      <c r="A11" s="15" t="s">
        <v>12</v>
      </c>
      <c r="B11" s="67">
        <v>-36</v>
      </c>
      <c r="C11" s="68">
        <v>-26</v>
      </c>
      <c r="D11" s="68">
        <v>-10</v>
      </c>
      <c r="E11" s="67">
        <v>0</v>
      </c>
      <c r="F11" s="68">
        <v>0</v>
      </c>
      <c r="G11" s="69">
        <v>0</v>
      </c>
      <c r="H11" s="68">
        <v>70</v>
      </c>
      <c r="I11" s="68">
        <v>38</v>
      </c>
      <c r="J11" s="68">
        <v>32</v>
      </c>
      <c r="K11" s="67">
        <v>106</v>
      </c>
      <c r="L11" s="79">
        <v>64</v>
      </c>
      <c r="M11" s="80">
        <v>42</v>
      </c>
    </row>
    <row r="12" spans="1:13" ht="21" customHeight="1">
      <c r="A12" s="36" t="s">
        <v>14</v>
      </c>
      <c r="B12" s="64">
        <v>-116</v>
      </c>
      <c r="C12" s="65">
        <v>-54</v>
      </c>
      <c r="D12" s="65">
        <v>-62</v>
      </c>
      <c r="E12" s="64">
        <v>0</v>
      </c>
      <c r="F12" s="65">
        <v>0</v>
      </c>
      <c r="G12" s="66">
        <v>0</v>
      </c>
      <c r="H12" s="65">
        <v>184</v>
      </c>
      <c r="I12" s="65">
        <v>94</v>
      </c>
      <c r="J12" s="65">
        <v>90</v>
      </c>
      <c r="K12" s="64">
        <v>300</v>
      </c>
      <c r="L12" s="77">
        <v>148</v>
      </c>
      <c r="M12" s="78">
        <v>152</v>
      </c>
    </row>
    <row r="13" spans="1:13">
      <c r="A13" s="15" t="s">
        <v>16</v>
      </c>
      <c r="B13" s="67">
        <v>-29</v>
      </c>
      <c r="C13" s="68">
        <v>-9</v>
      </c>
      <c r="D13" s="68">
        <v>-20</v>
      </c>
      <c r="E13" s="67">
        <v>0</v>
      </c>
      <c r="F13" s="68">
        <v>0</v>
      </c>
      <c r="G13" s="69">
        <v>0</v>
      </c>
      <c r="H13" s="68">
        <v>46</v>
      </c>
      <c r="I13" s="68">
        <v>28</v>
      </c>
      <c r="J13" s="68">
        <v>18</v>
      </c>
      <c r="K13" s="67">
        <v>75</v>
      </c>
      <c r="L13" s="79">
        <v>37</v>
      </c>
      <c r="M13" s="80">
        <v>38</v>
      </c>
    </row>
    <row r="14" spans="1:13">
      <c r="A14" s="15" t="s">
        <v>18</v>
      </c>
      <c r="B14" s="67">
        <v>-46</v>
      </c>
      <c r="C14" s="68">
        <v>-22</v>
      </c>
      <c r="D14" s="68">
        <v>-24</v>
      </c>
      <c r="E14" s="67">
        <v>0</v>
      </c>
      <c r="F14" s="68">
        <v>0</v>
      </c>
      <c r="G14" s="69">
        <v>0</v>
      </c>
      <c r="H14" s="68">
        <v>40</v>
      </c>
      <c r="I14" s="68">
        <v>19</v>
      </c>
      <c r="J14" s="68">
        <v>21</v>
      </c>
      <c r="K14" s="67">
        <v>86</v>
      </c>
      <c r="L14" s="79">
        <v>41</v>
      </c>
      <c r="M14" s="80">
        <v>45</v>
      </c>
    </row>
    <row r="15" spans="1:13">
      <c r="A15" s="15" t="s">
        <v>20</v>
      </c>
      <c r="B15" s="67">
        <v>-36</v>
      </c>
      <c r="C15" s="68">
        <v>-15</v>
      </c>
      <c r="D15" s="68">
        <v>-21</v>
      </c>
      <c r="E15" s="67">
        <v>0</v>
      </c>
      <c r="F15" s="68">
        <v>0</v>
      </c>
      <c r="G15" s="69">
        <v>0</v>
      </c>
      <c r="H15" s="68">
        <v>42</v>
      </c>
      <c r="I15" s="68">
        <v>21</v>
      </c>
      <c r="J15" s="68">
        <v>21</v>
      </c>
      <c r="K15" s="67">
        <v>78</v>
      </c>
      <c r="L15" s="79">
        <v>36</v>
      </c>
      <c r="M15" s="80">
        <v>42</v>
      </c>
    </row>
    <row r="16" spans="1:13">
      <c r="A16" s="15" t="s">
        <v>22</v>
      </c>
      <c r="B16" s="67">
        <v>7</v>
      </c>
      <c r="C16" s="68">
        <v>2</v>
      </c>
      <c r="D16" s="68">
        <v>5</v>
      </c>
      <c r="E16" s="67">
        <v>0</v>
      </c>
      <c r="F16" s="68">
        <v>0</v>
      </c>
      <c r="G16" s="69">
        <v>0</v>
      </c>
      <c r="H16" s="68">
        <v>32</v>
      </c>
      <c r="I16" s="68">
        <v>16</v>
      </c>
      <c r="J16" s="68">
        <v>16</v>
      </c>
      <c r="K16" s="67">
        <v>25</v>
      </c>
      <c r="L16" s="79">
        <v>14</v>
      </c>
      <c r="M16" s="80">
        <v>11</v>
      </c>
    </row>
    <row r="17" spans="1:13">
      <c r="A17" s="15" t="s">
        <v>24</v>
      </c>
      <c r="B17" s="67">
        <v>-12</v>
      </c>
      <c r="C17" s="68">
        <v>-10</v>
      </c>
      <c r="D17" s="68">
        <v>-2</v>
      </c>
      <c r="E17" s="67">
        <v>0</v>
      </c>
      <c r="F17" s="68">
        <v>0</v>
      </c>
      <c r="G17" s="69">
        <v>0</v>
      </c>
      <c r="H17" s="68">
        <v>24</v>
      </c>
      <c r="I17" s="68">
        <v>10</v>
      </c>
      <c r="J17" s="68">
        <v>14</v>
      </c>
      <c r="K17" s="67">
        <v>36</v>
      </c>
      <c r="L17" s="79">
        <v>20</v>
      </c>
      <c r="M17" s="80">
        <v>16</v>
      </c>
    </row>
    <row r="18" spans="1:13" ht="21" customHeight="1">
      <c r="A18" s="36" t="s">
        <v>26</v>
      </c>
      <c r="B18" s="64">
        <v>1</v>
      </c>
      <c r="C18" s="65">
        <v>4</v>
      </c>
      <c r="D18" s="65">
        <v>-3</v>
      </c>
      <c r="E18" s="64">
        <v>0</v>
      </c>
      <c r="F18" s="65">
        <v>0</v>
      </c>
      <c r="G18" s="66">
        <v>0</v>
      </c>
      <c r="H18" s="65">
        <v>110</v>
      </c>
      <c r="I18" s="65">
        <v>50</v>
      </c>
      <c r="J18" s="65">
        <v>60</v>
      </c>
      <c r="K18" s="64">
        <v>109</v>
      </c>
      <c r="L18" s="77">
        <v>46</v>
      </c>
      <c r="M18" s="78">
        <v>63</v>
      </c>
    </row>
    <row r="19" spans="1:13">
      <c r="A19" s="15" t="s">
        <v>28</v>
      </c>
      <c r="B19" s="67">
        <v>2</v>
      </c>
      <c r="C19" s="68">
        <v>-4</v>
      </c>
      <c r="D19" s="68">
        <v>6</v>
      </c>
      <c r="E19" s="67">
        <v>0</v>
      </c>
      <c r="F19" s="68">
        <v>0</v>
      </c>
      <c r="G19" s="69">
        <v>0</v>
      </c>
      <c r="H19" s="68">
        <v>27</v>
      </c>
      <c r="I19" s="68">
        <v>9</v>
      </c>
      <c r="J19" s="68">
        <v>18</v>
      </c>
      <c r="K19" s="67">
        <v>25</v>
      </c>
      <c r="L19" s="79">
        <v>13</v>
      </c>
      <c r="M19" s="80">
        <v>12</v>
      </c>
    </row>
    <row r="20" spans="1:13">
      <c r="A20" s="15" t="s">
        <v>30</v>
      </c>
      <c r="B20" s="67">
        <v>6</v>
      </c>
      <c r="C20" s="68">
        <v>7</v>
      </c>
      <c r="D20" s="68">
        <v>-1</v>
      </c>
      <c r="E20" s="67">
        <v>0</v>
      </c>
      <c r="F20" s="68">
        <v>0</v>
      </c>
      <c r="G20" s="69">
        <v>0</v>
      </c>
      <c r="H20" s="68">
        <v>23</v>
      </c>
      <c r="I20" s="68">
        <v>11</v>
      </c>
      <c r="J20" s="68">
        <v>12</v>
      </c>
      <c r="K20" s="67">
        <v>17</v>
      </c>
      <c r="L20" s="79">
        <v>4</v>
      </c>
      <c r="M20" s="80">
        <v>13</v>
      </c>
    </row>
    <row r="21" spans="1:13">
      <c r="A21" s="15" t="s">
        <v>32</v>
      </c>
      <c r="B21" s="67">
        <v>4</v>
      </c>
      <c r="C21" s="68">
        <v>2</v>
      </c>
      <c r="D21" s="68">
        <v>2</v>
      </c>
      <c r="E21" s="67">
        <v>0</v>
      </c>
      <c r="F21" s="68">
        <v>0</v>
      </c>
      <c r="G21" s="69">
        <v>0</v>
      </c>
      <c r="H21" s="68">
        <v>24</v>
      </c>
      <c r="I21" s="68">
        <v>11</v>
      </c>
      <c r="J21" s="68">
        <v>13</v>
      </c>
      <c r="K21" s="67">
        <v>20</v>
      </c>
      <c r="L21" s="79">
        <v>9</v>
      </c>
      <c r="M21" s="80">
        <v>11</v>
      </c>
    </row>
    <row r="22" spans="1:13">
      <c r="A22" s="15" t="s">
        <v>34</v>
      </c>
      <c r="B22" s="67">
        <v>-6</v>
      </c>
      <c r="C22" s="68">
        <v>-2</v>
      </c>
      <c r="D22" s="68">
        <v>-4</v>
      </c>
      <c r="E22" s="67">
        <v>0</v>
      </c>
      <c r="F22" s="68">
        <v>0</v>
      </c>
      <c r="G22" s="69">
        <v>0</v>
      </c>
      <c r="H22" s="68">
        <v>20</v>
      </c>
      <c r="I22" s="68">
        <v>9</v>
      </c>
      <c r="J22" s="68">
        <v>11</v>
      </c>
      <c r="K22" s="67">
        <v>26</v>
      </c>
      <c r="L22" s="79">
        <v>11</v>
      </c>
      <c r="M22" s="80">
        <v>15</v>
      </c>
    </row>
    <row r="23" spans="1:13">
      <c r="A23" s="15" t="s">
        <v>36</v>
      </c>
      <c r="B23" s="67">
        <v>-5</v>
      </c>
      <c r="C23" s="68">
        <v>1</v>
      </c>
      <c r="D23" s="68">
        <v>-6</v>
      </c>
      <c r="E23" s="67">
        <v>0</v>
      </c>
      <c r="F23" s="68">
        <v>0</v>
      </c>
      <c r="G23" s="69">
        <v>0</v>
      </c>
      <c r="H23" s="68">
        <v>16</v>
      </c>
      <c r="I23" s="68">
        <v>10</v>
      </c>
      <c r="J23" s="68">
        <v>6</v>
      </c>
      <c r="K23" s="67">
        <v>21</v>
      </c>
      <c r="L23" s="79">
        <v>9</v>
      </c>
      <c r="M23" s="80">
        <v>12</v>
      </c>
    </row>
    <row r="24" spans="1:13" ht="21" customHeight="1">
      <c r="A24" s="36" t="s">
        <v>38</v>
      </c>
      <c r="B24" s="64">
        <v>386</v>
      </c>
      <c r="C24" s="65">
        <v>209</v>
      </c>
      <c r="D24" s="65">
        <v>177</v>
      </c>
      <c r="E24" s="64">
        <v>2</v>
      </c>
      <c r="F24" s="65">
        <v>1</v>
      </c>
      <c r="G24" s="66">
        <v>1</v>
      </c>
      <c r="H24" s="65">
        <v>585</v>
      </c>
      <c r="I24" s="65">
        <v>317</v>
      </c>
      <c r="J24" s="65">
        <v>268</v>
      </c>
      <c r="K24" s="64">
        <v>197</v>
      </c>
      <c r="L24" s="77">
        <v>107</v>
      </c>
      <c r="M24" s="78">
        <v>90</v>
      </c>
    </row>
    <row r="25" spans="1:13">
      <c r="A25" s="15" t="s">
        <v>40</v>
      </c>
      <c r="B25" s="67">
        <v>8</v>
      </c>
      <c r="C25" s="68">
        <v>2</v>
      </c>
      <c r="D25" s="68">
        <v>6</v>
      </c>
      <c r="E25" s="67">
        <v>1</v>
      </c>
      <c r="F25" s="68">
        <v>0</v>
      </c>
      <c r="G25" s="69">
        <v>1</v>
      </c>
      <c r="H25" s="68">
        <v>24</v>
      </c>
      <c r="I25" s="68">
        <v>11</v>
      </c>
      <c r="J25" s="68">
        <v>13</v>
      </c>
      <c r="K25" s="67">
        <v>15</v>
      </c>
      <c r="L25" s="79">
        <v>9</v>
      </c>
      <c r="M25" s="80">
        <v>6</v>
      </c>
    </row>
    <row r="26" spans="1:13">
      <c r="A26" s="15" t="s">
        <v>42</v>
      </c>
      <c r="B26" s="67">
        <v>8</v>
      </c>
      <c r="C26" s="68">
        <v>-1</v>
      </c>
      <c r="D26" s="68">
        <v>9</v>
      </c>
      <c r="E26" s="67">
        <v>0</v>
      </c>
      <c r="F26" s="68">
        <v>0</v>
      </c>
      <c r="G26" s="69">
        <v>0</v>
      </c>
      <c r="H26" s="68">
        <v>39</v>
      </c>
      <c r="I26" s="68">
        <v>16</v>
      </c>
      <c r="J26" s="68">
        <v>23</v>
      </c>
      <c r="K26" s="67">
        <v>31</v>
      </c>
      <c r="L26" s="79">
        <v>17</v>
      </c>
      <c r="M26" s="80">
        <v>14</v>
      </c>
    </row>
    <row r="27" spans="1:13">
      <c r="A27" s="15" t="s">
        <v>44</v>
      </c>
      <c r="B27" s="67">
        <v>3</v>
      </c>
      <c r="C27" s="68">
        <v>2</v>
      </c>
      <c r="D27" s="68">
        <v>1</v>
      </c>
      <c r="E27" s="67">
        <v>0</v>
      </c>
      <c r="F27" s="68">
        <v>0</v>
      </c>
      <c r="G27" s="69">
        <v>0</v>
      </c>
      <c r="H27" s="68">
        <v>24</v>
      </c>
      <c r="I27" s="68">
        <v>13</v>
      </c>
      <c r="J27" s="68">
        <v>11</v>
      </c>
      <c r="K27" s="67">
        <v>21</v>
      </c>
      <c r="L27" s="79">
        <v>11</v>
      </c>
      <c r="M27" s="80">
        <v>10</v>
      </c>
    </row>
    <row r="28" spans="1:13">
      <c r="A28" s="15" t="s">
        <v>46</v>
      </c>
      <c r="B28" s="67">
        <v>80</v>
      </c>
      <c r="C28" s="68">
        <v>48</v>
      </c>
      <c r="D28" s="68">
        <v>32</v>
      </c>
      <c r="E28" s="67">
        <v>0</v>
      </c>
      <c r="F28" s="68">
        <v>0</v>
      </c>
      <c r="G28" s="69">
        <v>0</v>
      </c>
      <c r="H28" s="68">
        <v>115</v>
      </c>
      <c r="I28" s="68">
        <v>65</v>
      </c>
      <c r="J28" s="68">
        <v>50</v>
      </c>
      <c r="K28" s="67">
        <v>35</v>
      </c>
      <c r="L28" s="79">
        <v>17</v>
      </c>
      <c r="M28" s="80">
        <v>18</v>
      </c>
    </row>
    <row r="29" spans="1:13">
      <c r="A29" s="15" t="s">
        <v>48</v>
      </c>
      <c r="B29" s="67">
        <v>287</v>
      </c>
      <c r="C29" s="68">
        <v>158</v>
      </c>
      <c r="D29" s="68">
        <v>129</v>
      </c>
      <c r="E29" s="67">
        <v>1</v>
      </c>
      <c r="F29" s="68">
        <v>1</v>
      </c>
      <c r="G29" s="69">
        <v>0</v>
      </c>
      <c r="H29" s="68">
        <v>383</v>
      </c>
      <c r="I29" s="68">
        <v>212</v>
      </c>
      <c r="J29" s="68">
        <v>171</v>
      </c>
      <c r="K29" s="67">
        <v>95</v>
      </c>
      <c r="L29" s="79">
        <v>53</v>
      </c>
      <c r="M29" s="80">
        <v>42</v>
      </c>
    </row>
    <row r="30" spans="1:13" ht="21" customHeight="1">
      <c r="A30" s="36" t="s">
        <v>50</v>
      </c>
      <c r="B30" s="64">
        <v>1739</v>
      </c>
      <c r="C30" s="65">
        <v>866</v>
      </c>
      <c r="D30" s="65">
        <v>873</v>
      </c>
      <c r="E30" s="64">
        <v>5</v>
      </c>
      <c r="F30" s="65">
        <v>4</v>
      </c>
      <c r="G30" s="66">
        <v>1</v>
      </c>
      <c r="H30" s="65">
        <v>4273</v>
      </c>
      <c r="I30" s="65">
        <v>2133</v>
      </c>
      <c r="J30" s="65">
        <v>2140</v>
      </c>
      <c r="K30" s="64">
        <v>2529</v>
      </c>
      <c r="L30" s="77">
        <v>1263</v>
      </c>
      <c r="M30" s="78">
        <v>1266</v>
      </c>
    </row>
    <row r="31" spans="1:13">
      <c r="A31" s="15" t="s">
        <v>52</v>
      </c>
      <c r="B31" s="67">
        <v>186</v>
      </c>
      <c r="C31" s="68">
        <v>96</v>
      </c>
      <c r="D31" s="68">
        <v>90</v>
      </c>
      <c r="E31" s="67">
        <v>4</v>
      </c>
      <c r="F31" s="68">
        <v>4</v>
      </c>
      <c r="G31" s="69">
        <v>0</v>
      </c>
      <c r="H31" s="68">
        <v>360</v>
      </c>
      <c r="I31" s="68">
        <v>178</v>
      </c>
      <c r="J31" s="68">
        <v>182</v>
      </c>
      <c r="K31" s="67">
        <v>170</v>
      </c>
      <c r="L31" s="79">
        <v>78</v>
      </c>
      <c r="M31" s="80">
        <v>92</v>
      </c>
    </row>
    <row r="32" spans="1:13">
      <c r="A32" s="15" t="s">
        <v>54</v>
      </c>
      <c r="B32" s="67">
        <v>335</v>
      </c>
      <c r="C32" s="68">
        <v>153</v>
      </c>
      <c r="D32" s="68">
        <v>182</v>
      </c>
      <c r="E32" s="67">
        <v>0</v>
      </c>
      <c r="F32" s="68">
        <v>0</v>
      </c>
      <c r="G32" s="69">
        <v>0</v>
      </c>
      <c r="H32" s="68">
        <v>602</v>
      </c>
      <c r="I32" s="68">
        <v>273</v>
      </c>
      <c r="J32" s="68">
        <v>329</v>
      </c>
      <c r="K32" s="67">
        <v>267</v>
      </c>
      <c r="L32" s="79">
        <v>120</v>
      </c>
      <c r="M32" s="80">
        <v>147</v>
      </c>
    </row>
    <row r="33" spans="1:13">
      <c r="A33" s="15" t="s">
        <v>56</v>
      </c>
      <c r="B33" s="67">
        <v>358</v>
      </c>
      <c r="C33" s="68">
        <v>197</v>
      </c>
      <c r="D33" s="68">
        <v>161</v>
      </c>
      <c r="E33" s="67">
        <v>1</v>
      </c>
      <c r="F33" s="68">
        <v>0</v>
      </c>
      <c r="G33" s="69">
        <v>1</v>
      </c>
      <c r="H33" s="68">
        <v>776</v>
      </c>
      <c r="I33" s="68">
        <v>399</v>
      </c>
      <c r="J33" s="68">
        <v>377</v>
      </c>
      <c r="K33" s="67">
        <v>417</v>
      </c>
      <c r="L33" s="79">
        <v>202</v>
      </c>
      <c r="M33" s="80">
        <v>215</v>
      </c>
    </row>
    <row r="34" spans="1:13">
      <c r="A34" s="15" t="s">
        <v>58</v>
      </c>
      <c r="B34" s="67">
        <v>591</v>
      </c>
      <c r="C34" s="68">
        <v>304</v>
      </c>
      <c r="D34" s="68">
        <v>287</v>
      </c>
      <c r="E34" s="67">
        <v>0</v>
      </c>
      <c r="F34" s="68">
        <v>0</v>
      </c>
      <c r="G34" s="69">
        <v>0</v>
      </c>
      <c r="H34" s="68">
        <v>1405</v>
      </c>
      <c r="I34" s="68">
        <v>719</v>
      </c>
      <c r="J34" s="68">
        <v>686</v>
      </c>
      <c r="K34" s="67">
        <v>814</v>
      </c>
      <c r="L34" s="79">
        <v>415</v>
      </c>
      <c r="M34" s="80">
        <v>399</v>
      </c>
    </row>
    <row r="35" spans="1:13">
      <c r="A35" s="15" t="s">
        <v>60</v>
      </c>
      <c r="B35" s="67">
        <v>269</v>
      </c>
      <c r="C35" s="68">
        <v>116</v>
      </c>
      <c r="D35" s="68">
        <v>153</v>
      </c>
      <c r="E35" s="67">
        <v>0</v>
      </c>
      <c r="F35" s="68">
        <v>0</v>
      </c>
      <c r="G35" s="69">
        <v>0</v>
      </c>
      <c r="H35" s="68">
        <v>1130</v>
      </c>
      <c r="I35" s="68">
        <v>564</v>
      </c>
      <c r="J35" s="68">
        <v>566</v>
      </c>
      <c r="K35" s="67">
        <v>861</v>
      </c>
      <c r="L35" s="79">
        <v>448</v>
      </c>
      <c r="M35" s="80">
        <v>413</v>
      </c>
    </row>
    <row r="36" spans="1:13" ht="21" customHeight="1">
      <c r="A36" s="36" t="s">
        <v>62</v>
      </c>
      <c r="B36" s="64">
        <v>409</v>
      </c>
      <c r="C36" s="65">
        <v>259</v>
      </c>
      <c r="D36" s="65">
        <v>150</v>
      </c>
      <c r="E36" s="64">
        <v>3</v>
      </c>
      <c r="F36" s="65">
        <v>1</v>
      </c>
      <c r="G36" s="66">
        <v>2</v>
      </c>
      <c r="H36" s="65">
        <v>4672</v>
      </c>
      <c r="I36" s="65">
        <v>2428</v>
      </c>
      <c r="J36" s="65">
        <v>2244</v>
      </c>
      <c r="K36" s="64">
        <v>4260</v>
      </c>
      <c r="L36" s="77">
        <v>2168</v>
      </c>
      <c r="M36" s="78">
        <v>2092</v>
      </c>
    </row>
    <row r="37" spans="1:13">
      <c r="A37" s="15" t="s">
        <v>64</v>
      </c>
      <c r="B37" s="67">
        <v>218</v>
      </c>
      <c r="C37" s="68">
        <v>157</v>
      </c>
      <c r="D37" s="68">
        <v>61</v>
      </c>
      <c r="E37" s="67">
        <v>1</v>
      </c>
      <c r="F37" s="68">
        <v>0</v>
      </c>
      <c r="G37" s="69">
        <v>1</v>
      </c>
      <c r="H37" s="68">
        <v>1132</v>
      </c>
      <c r="I37" s="68">
        <v>608</v>
      </c>
      <c r="J37" s="68">
        <v>524</v>
      </c>
      <c r="K37" s="67">
        <v>913</v>
      </c>
      <c r="L37" s="79">
        <v>451</v>
      </c>
      <c r="M37" s="80">
        <v>462</v>
      </c>
    </row>
    <row r="38" spans="1:13">
      <c r="A38" s="15" t="s">
        <v>66</v>
      </c>
      <c r="B38" s="67">
        <v>100</v>
      </c>
      <c r="C38" s="68">
        <v>55</v>
      </c>
      <c r="D38" s="68">
        <v>45</v>
      </c>
      <c r="E38" s="67">
        <v>1</v>
      </c>
      <c r="F38" s="68">
        <v>1</v>
      </c>
      <c r="G38" s="69">
        <v>0</v>
      </c>
      <c r="H38" s="68">
        <v>1000</v>
      </c>
      <c r="I38" s="68">
        <v>511</v>
      </c>
      <c r="J38" s="68">
        <v>489</v>
      </c>
      <c r="K38" s="67">
        <v>899</v>
      </c>
      <c r="L38" s="79">
        <v>455</v>
      </c>
      <c r="M38" s="80">
        <v>444</v>
      </c>
    </row>
    <row r="39" spans="1:13">
      <c r="A39" s="15" t="s">
        <v>68</v>
      </c>
      <c r="B39" s="67">
        <v>27</v>
      </c>
      <c r="C39" s="68">
        <v>14</v>
      </c>
      <c r="D39" s="68">
        <v>13</v>
      </c>
      <c r="E39" s="67">
        <v>0</v>
      </c>
      <c r="F39" s="68">
        <v>0</v>
      </c>
      <c r="G39" s="69">
        <v>0</v>
      </c>
      <c r="H39" s="68">
        <v>936</v>
      </c>
      <c r="I39" s="68">
        <v>481</v>
      </c>
      <c r="J39" s="68">
        <v>455</v>
      </c>
      <c r="K39" s="67">
        <v>909</v>
      </c>
      <c r="L39" s="79">
        <v>467</v>
      </c>
      <c r="M39" s="80">
        <v>442</v>
      </c>
    </row>
    <row r="40" spans="1:13">
      <c r="A40" s="15" t="s">
        <v>70</v>
      </c>
      <c r="B40" s="67">
        <v>69</v>
      </c>
      <c r="C40" s="68">
        <v>35</v>
      </c>
      <c r="D40" s="68">
        <v>34</v>
      </c>
      <c r="E40" s="67">
        <v>1</v>
      </c>
      <c r="F40" s="68">
        <v>0</v>
      </c>
      <c r="G40" s="69">
        <v>1</v>
      </c>
      <c r="H40" s="68">
        <v>867</v>
      </c>
      <c r="I40" s="68">
        <v>447</v>
      </c>
      <c r="J40" s="68">
        <v>420</v>
      </c>
      <c r="K40" s="67">
        <v>797</v>
      </c>
      <c r="L40" s="79">
        <v>412</v>
      </c>
      <c r="M40" s="80">
        <v>385</v>
      </c>
    </row>
    <row r="41" spans="1:13">
      <c r="A41" s="15" t="s">
        <v>72</v>
      </c>
      <c r="B41" s="67">
        <v>-5</v>
      </c>
      <c r="C41" s="68">
        <v>-2</v>
      </c>
      <c r="D41" s="68">
        <v>-3</v>
      </c>
      <c r="E41" s="67">
        <v>0</v>
      </c>
      <c r="F41" s="68">
        <v>0</v>
      </c>
      <c r="G41" s="69">
        <v>0</v>
      </c>
      <c r="H41" s="68">
        <v>737</v>
      </c>
      <c r="I41" s="68">
        <v>381</v>
      </c>
      <c r="J41" s="68">
        <v>356</v>
      </c>
      <c r="K41" s="67">
        <v>742</v>
      </c>
      <c r="L41" s="79">
        <v>383</v>
      </c>
      <c r="M41" s="80">
        <v>359</v>
      </c>
    </row>
    <row r="42" spans="1:13" ht="21" customHeight="1">
      <c r="A42" s="36" t="s">
        <v>74</v>
      </c>
      <c r="B42" s="64">
        <v>-265</v>
      </c>
      <c r="C42" s="65">
        <v>-107</v>
      </c>
      <c r="D42" s="65">
        <v>-158</v>
      </c>
      <c r="E42" s="64">
        <v>3</v>
      </c>
      <c r="F42" s="65">
        <v>2</v>
      </c>
      <c r="G42" s="66">
        <v>1</v>
      </c>
      <c r="H42" s="65">
        <v>2427</v>
      </c>
      <c r="I42" s="65">
        <v>1296</v>
      </c>
      <c r="J42" s="65">
        <v>1131</v>
      </c>
      <c r="K42" s="64">
        <v>2689</v>
      </c>
      <c r="L42" s="77">
        <v>1401</v>
      </c>
      <c r="M42" s="78">
        <v>1288</v>
      </c>
    </row>
    <row r="43" spans="1:13">
      <c r="A43" s="15" t="s">
        <v>76</v>
      </c>
      <c r="B43" s="67">
        <v>10</v>
      </c>
      <c r="C43" s="68">
        <v>31</v>
      </c>
      <c r="D43" s="68">
        <v>-21</v>
      </c>
      <c r="E43" s="67">
        <v>2</v>
      </c>
      <c r="F43" s="68">
        <v>1</v>
      </c>
      <c r="G43" s="69">
        <v>1</v>
      </c>
      <c r="H43" s="68">
        <v>665</v>
      </c>
      <c r="I43" s="68">
        <v>342</v>
      </c>
      <c r="J43" s="68">
        <v>323</v>
      </c>
      <c r="K43" s="67">
        <v>653</v>
      </c>
      <c r="L43" s="79">
        <v>310</v>
      </c>
      <c r="M43" s="80">
        <v>343</v>
      </c>
    </row>
    <row r="44" spans="1:13">
      <c r="A44" s="15" t="s">
        <v>78</v>
      </c>
      <c r="B44" s="67">
        <v>-76</v>
      </c>
      <c r="C44" s="68">
        <v>-40</v>
      </c>
      <c r="D44" s="68">
        <v>-36</v>
      </c>
      <c r="E44" s="67">
        <v>0</v>
      </c>
      <c r="F44" s="68">
        <v>0</v>
      </c>
      <c r="G44" s="69">
        <v>0</v>
      </c>
      <c r="H44" s="68">
        <v>546</v>
      </c>
      <c r="I44" s="68">
        <v>286</v>
      </c>
      <c r="J44" s="68">
        <v>260</v>
      </c>
      <c r="K44" s="67">
        <v>622</v>
      </c>
      <c r="L44" s="79">
        <v>326</v>
      </c>
      <c r="M44" s="80">
        <v>296</v>
      </c>
    </row>
    <row r="45" spans="1:13">
      <c r="A45" s="15" t="s">
        <v>80</v>
      </c>
      <c r="B45" s="67">
        <v>-72</v>
      </c>
      <c r="C45" s="68">
        <v>-45</v>
      </c>
      <c r="D45" s="68">
        <v>-27</v>
      </c>
      <c r="E45" s="67">
        <v>1</v>
      </c>
      <c r="F45" s="68">
        <v>1</v>
      </c>
      <c r="G45" s="69">
        <v>0</v>
      </c>
      <c r="H45" s="68">
        <v>456</v>
      </c>
      <c r="I45" s="68">
        <v>241</v>
      </c>
      <c r="J45" s="68">
        <v>215</v>
      </c>
      <c r="K45" s="67">
        <v>527</v>
      </c>
      <c r="L45" s="79">
        <v>285</v>
      </c>
      <c r="M45" s="80">
        <v>242</v>
      </c>
    </row>
    <row r="46" spans="1:13">
      <c r="A46" s="15" t="s">
        <v>82</v>
      </c>
      <c r="B46" s="67">
        <v>-85</v>
      </c>
      <c r="C46" s="68">
        <v>-42</v>
      </c>
      <c r="D46" s="68">
        <v>-43</v>
      </c>
      <c r="E46" s="67">
        <v>0</v>
      </c>
      <c r="F46" s="68">
        <v>0</v>
      </c>
      <c r="G46" s="69">
        <v>0</v>
      </c>
      <c r="H46" s="68">
        <v>368</v>
      </c>
      <c r="I46" s="68">
        <v>212</v>
      </c>
      <c r="J46" s="68">
        <v>156</v>
      </c>
      <c r="K46" s="67">
        <v>453</v>
      </c>
      <c r="L46" s="79">
        <v>254</v>
      </c>
      <c r="M46" s="80">
        <v>199</v>
      </c>
    </row>
    <row r="47" spans="1:13">
      <c r="A47" s="15" t="s">
        <v>84</v>
      </c>
      <c r="B47" s="67">
        <v>-42</v>
      </c>
      <c r="C47" s="68">
        <v>-11</v>
      </c>
      <c r="D47" s="68">
        <v>-31</v>
      </c>
      <c r="E47" s="67">
        <v>0</v>
      </c>
      <c r="F47" s="68">
        <v>0</v>
      </c>
      <c r="G47" s="69">
        <v>0</v>
      </c>
      <c r="H47" s="68">
        <v>392</v>
      </c>
      <c r="I47" s="68">
        <v>215</v>
      </c>
      <c r="J47" s="68">
        <v>177</v>
      </c>
      <c r="K47" s="67">
        <v>434</v>
      </c>
      <c r="L47" s="79">
        <v>226</v>
      </c>
      <c r="M47" s="80">
        <v>208</v>
      </c>
    </row>
    <row r="48" spans="1:13" ht="21" customHeight="1">
      <c r="A48" s="36" t="s">
        <v>86</v>
      </c>
      <c r="B48" s="64">
        <v>-183</v>
      </c>
      <c r="C48" s="65">
        <v>-112</v>
      </c>
      <c r="D48" s="65">
        <v>-71</v>
      </c>
      <c r="E48" s="64">
        <v>8</v>
      </c>
      <c r="F48" s="65">
        <v>6</v>
      </c>
      <c r="G48" s="66">
        <v>2</v>
      </c>
      <c r="H48" s="65">
        <v>1237</v>
      </c>
      <c r="I48" s="65">
        <v>688</v>
      </c>
      <c r="J48" s="65">
        <v>549</v>
      </c>
      <c r="K48" s="64">
        <v>1412</v>
      </c>
      <c r="L48" s="77">
        <v>794</v>
      </c>
      <c r="M48" s="78">
        <v>618</v>
      </c>
    </row>
    <row r="49" spans="1:13">
      <c r="A49" s="15" t="s">
        <v>88</v>
      </c>
      <c r="B49" s="67">
        <v>-39</v>
      </c>
      <c r="C49" s="68">
        <v>-36</v>
      </c>
      <c r="D49" s="68">
        <v>-3</v>
      </c>
      <c r="E49" s="67">
        <v>3</v>
      </c>
      <c r="F49" s="68">
        <v>2</v>
      </c>
      <c r="G49" s="69">
        <v>1</v>
      </c>
      <c r="H49" s="68">
        <v>303</v>
      </c>
      <c r="I49" s="68">
        <v>154</v>
      </c>
      <c r="J49" s="68">
        <v>149</v>
      </c>
      <c r="K49" s="67">
        <v>339</v>
      </c>
      <c r="L49" s="79">
        <v>188</v>
      </c>
      <c r="M49" s="80">
        <v>151</v>
      </c>
    </row>
    <row r="50" spans="1:13">
      <c r="A50" s="15" t="s">
        <v>90</v>
      </c>
      <c r="B50" s="67">
        <v>-32</v>
      </c>
      <c r="C50" s="68">
        <v>-5</v>
      </c>
      <c r="D50" s="68">
        <v>-27</v>
      </c>
      <c r="E50" s="67">
        <v>2</v>
      </c>
      <c r="F50" s="68">
        <v>1</v>
      </c>
      <c r="G50" s="69">
        <v>1</v>
      </c>
      <c r="H50" s="68">
        <v>279</v>
      </c>
      <c r="I50" s="68">
        <v>155</v>
      </c>
      <c r="J50" s="68">
        <v>124</v>
      </c>
      <c r="K50" s="67">
        <v>309</v>
      </c>
      <c r="L50" s="79">
        <v>159</v>
      </c>
      <c r="M50" s="80">
        <v>150</v>
      </c>
    </row>
    <row r="51" spans="1:13">
      <c r="A51" s="15" t="s">
        <v>92</v>
      </c>
      <c r="B51" s="67">
        <v>-9</v>
      </c>
      <c r="C51" s="68">
        <v>-24</v>
      </c>
      <c r="D51" s="68">
        <v>15</v>
      </c>
      <c r="E51" s="67">
        <v>1</v>
      </c>
      <c r="F51" s="68">
        <v>1</v>
      </c>
      <c r="G51" s="69">
        <v>0</v>
      </c>
      <c r="H51" s="68">
        <v>271</v>
      </c>
      <c r="I51" s="68">
        <v>147</v>
      </c>
      <c r="J51" s="68">
        <v>124</v>
      </c>
      <c r="K51" s="67">
        <v>279</v>
      </c>
      <c r="L51" s="79">
        <v>170</v>
      </c>
      <c r="M51" s="80">
        <v>109</v>
      </c>
    </row>
    <row r="52" spans="1:13">
      <c r="A52" s="15" t="s">
        <v>94</v>
      </c>
      <c r="B52" s="67">
        <v>-47</v>
      </c>
      <c r="C52" s="68">
        <v>-15</v>
      </c>
      <c r="D52" s="68">
        <v>-32</v>
      </c>
      <c r="E52" s="67">
        <v>2</v>
      </c>
      <c r="F52" s="68">
        <v>2</v>
      </c>
      <c r="G52" s="69">
        <v>0</v>
      </c>
      <c r="H52" s="68">
        <v>206</v>
      </c>
      <c r="I52" s="68">
        <v>128</v>
      </c>
      <c r="J52" s="68">
        <v>78</v>
      </c>
      <c r="K52" s="67">
        <v>251</v>
      </c>
      <c r="L52" s="79">
        <v>141</v>
      </c>
      <c r="M52" s="80">
        <v>110</v>
      </c>
    </row>
    <row r="53" spans="1:13">
      <c r="A53" s="15" t="s">
        <v>96</v>
      </c>
      <c r="B53" s="67">
        <v>-56</v>
      </c>
      <c r="C53" s="68">
        <v>-32</v>
      </c>
      <c r="D53" s="68">
        <v>-24</v>
      </c>
      <c r="E53" s="67">
        <v>0</v>
      </c>
      <c r="F53" s="68">
        <v>0</v>
      </c>
      <c r="G53" s="69">
        <v>0</v>
      </c>
      <c r="H53" s="68">
        <v>178</v>
      </c>
      <c r="I53" s="68">
        <v>104</v>
      </c>
      <c r="J53" s="68">
        <v>74</v>
      </c>
      <c r="K53" s="67">
        <v>234</v>
      </c>
      <c r="L53" s="79">
        <v>136</v>
      </c>
      <c r="M53" s="80">
        <v>98</v>
      </c>
    </row>
    <row r="54" spans="1:13" ht="21" customHeight="1">
      <c r="A54" s="36" t="s">
        <v>98</v>
      </c>
      <c r="B54" s="64">
        <v>-138</v>
      </c>
      <c r="C54" s="65">
        <v>-84</v>
      </c>
      <c r="D54" s="65">
        <v>-54</v>
      </c>
      <c r="E54" s="64">
        <v>10</v>
      </c>
      <c r="F54" s="65">
        <v>6</v>
      </c>
      <c r="G54" s="66">
        <v>4</v>
      </c>
      <c r="H54" s="65">
        <v>678</v>
      </c>
      <c r="I54" s="65">
        <v>400</v>
      </c>
      <c r="J54" s="65">
        <v>278</v>
      </c>
      <c r="K54" s="64">
        <v>806</v>
      </c>
      <c r="L54" s="77">
        <v>478</v>
      </c>
      <c r="M54" s="78">
        <v>328</v>
      </c>
    </row>
    <row r="55" spans="1:13">
      <c r="A55" s="15" t="s">
        <v>100</v>
      </c>
      <c r="B55" s="67">
        <v>-52</v>
      </c>
      <c r="C55" s="68">
        <v>-27</v>
      </c>
      <c r="D55" s="68">
        <v>-25</v>
      </c>
      <c r="E55" s="67">
        <v>1</v>
      </c>
      <c r="F55" s="68">
        <v>0</v>
      </c>
      <c r="G55" s="69">
        <v>1</v>
      </c>
      <c r="H55" s="68">
        <v>152</v>
      </c>
      <c r="I55" s="68">
        <v>84</v>
      </c>
      <c r="J55" s="68">
        <v>68</v>
      </c>
      <c r="K55" s="67">
        <v>203</v>
      </c>
      <c r="L55" s="79">
        <v>111</v>
      </c>
      <c r="M55" s="80">
        <v>92</v>
      </c>
    </row>
    <row r="56" spans="1:13">
      <c r="A56" s="15" t="s">
        <v>102</v>
      </c>
      <c r="B56" s="67">
        <v>-50</v>
      </c>
      <c r="C56" s="68">
        <v>-15</v>
      </c>
      <c r="D56" s="68">
        <v>-35</v>
      </c>
      <c r="E56" s="67">
        <v>2</v>
      </c>
      <c r="F56" s="68">
        <v>1</v>
      </c>
      <c r="G56" s="69">
        <v>1</v>
      </c>
      <c r="H56" s="68">
        <v>137</v>
      </c>
      <c r="I56" s="68">
        <v>91</v>
      </c>
      <c r="J56" s="68">
        <v>46</v>
      </c>
      <c r="K56" s="67">
        <v>185</v>
      </c>
      <c r="L56" s="79">
        <v>105</v>
      </c>
      <c r="M56" s="80">
        <v>80</v>
      </c>
    </row>
    <row r="57" spans="1:13">
      <c r="A57" s="15" t="s">
        <v>104</v>
      </c>
      <c r="B57" s="67">
        <v>-12</v>
      </c>
      <c r="C57" s="68">
        <v>-28</v>
      </c>
      <c r="D57" s="68">
        <v>16</v>
      </c>
      <c r="E57" s="67">
        <v>4</v>
      </c>
      <c r="F57" s="68">
        <v>3</v>
      </c>
      <c r="G57" s="69">
        <v>1</v>
      </c>
      <c r="H57" s="68">
        <v>160</v>
      </c>
      <c r="I57" s="68">
        <v>87</v>
      </c>
      <c r="J57" s="68">
        <v>73</v>
      </c>
      <c r="K57" s="67">
        <v>168</v>
      </c>
      <c r="L57" s="79">
        <v>112</v>
      </c>
      <c r="M57" s="80">
        <v>56</v>
      </c>
    </row>
    <row r="58" spans="1:13">
      <c r="A58" s="15" t="s">
        <v>106</v>
      </c>
      <c r="B58" s="67">
        <v>-4</v>
      </c>
      <c r="C58" s="68">
        <v>4</v>
      </c>
      <c r="D58" s="68">
        <v>-8</v>
      </c>
      <c r="E58" s="67">
        <v>1</v>
      </c>
      <c r="F58" s="68">
        <v>0</v>
      </c>
      <c r="G58" s="69">
        <v>1</v>
      </c>
      <c r="H58" s="68">
        <v>117</v>
      </c>
      <c r="I58" s="68">
        <v>77</v>
      </c>
      <c r="J58" s="68">
        <v>40</v>
      </c>
      <c r="K58" s="67">
        <v>120</v>
      </c>
      <c r="L58" s="79">
        <v>73</v>
      </c>
      <c r="M58" s="80">
        <v>47</v>
      </c>
    </row>
    <row r="59" spans="1:13">
      <c r="A59" s="15" t="s">
        <v>108</v>
      </c>
      <c r="B59" s="67">
        <v>-20</v>
      </c>
      <c r="C59" s="68">
        <v>-18</v>
      </c>
      <c r="D59" s="68">
        <v>-2</v>
      </c>
      <c r="E59" s="67">
        <v>2</v>
      </c>
      <c r="F59" s="68">
        <v>2</v>
      </c>
      <c r="G59" s="69">
        <v>0</v>
      </c>
      <c r="H59" s="68">
        <v>112</v>
      </c>
      <c r="I59" s="68">
        <v>61</v>
      </c>
      <c r="J59" s="68">
        <v>51</v>
      </c>
      <c r="K59" s="67">
        <v>130</v>
      </c>
      <c r="L59" s="79">
        <v>77</v>
      </c>
      <c r="M59" s="80">
        <v>53</v>
      </c>
    </row>
    <row r="60" spans="1:13" ht="21" customHeight="1">
      <c r="A60" s="36" t="s">
        <v>110</v>
      </c>
      <c r="B60" s="64">
        <v>-115</v>
      </c>
      <c r="C60" s="65">
        <v>-95</v>
      </c>
      <c r="D60" s="65">
        <v>-20</v>
      </c>
      <c r="E60" s="64">
        <v>24</v>
      </c>
      <c r="F60" s="65">
        <v>13</v>
      </c>
      <c r="G60" s="66">
        <v>11</v>
      </c>
      <c r="H60" s="65">
        <v>462</v>
      </c>
      <c r="I60" s="65">
        <v>247</v>
      </c>
      <c r="J60" s="65">
        <v>215</v>
      </c>
      <c r="K60" s="64">
        <v>553</v>
      </c>
      <c r="L60" s="77">
        <v>329</v>
      </c>
      <c r="M60" s="78">
        <v>224</v>
      </c>
    </row>
    <row r="61" spans="1:13">
      <c r="A61" s="15" t="s">
        <v>112</v>
      </c>
      <c r="B61" s="67">
        <v>-26</v>
      </c>
      <c r="C61" s="68">
        <v>-31</v>
      </c>
      <c r="D61" s="68">
        <v>5</v>
      </c>
      <c r="E61" s="67">
        <v>4</v>
      </c>
      <c r="F61" s="68">
        <v>1</v>
      </c>
      <c r="G61" s="69">
        <v>3</v>
      </c>
      <c r="H61" s="68">
        <v>101</v>
      </c>
      <c r="I61" s="68">
        <v>46</v>
      </c>
      <c r="J61" s="68">
        <v>55</v>
      </c>
      <c r="K61" s="67">
        <v>123</v>
      </c>
      <c r="L61" s="79">
        <v>76</v>
      </c>
      <c r="M61" s="80">
        <v>47</v>
      </c>
    </row>
    <row r="62" spans="1:13">
      <c r="A62" s="15" t="s">
        <v>114</v>
      </c>
      <c r="B62" s="67">
        <v>-34</v>
      </c>
      <c r="C62" s="68">
        <v>-23</v>
      </c>
      <c r="D62" s="68">
        <v>-11</v>
      </c>
      <c r="E62" s="67">
        <v>3</v>
      </c>
      <c r="F62" s="68">
        <v>3</v>
      </c>
      <c r="G62" s="69">
        <v>0</v>
      </c>
      <c r="H62" s="68">
        <v>90</v>
      </c>
      <c r="I62" s="68">
        <v>51</v>
      </c>
      <c r="J62" s="68">
        <v>39</v>
      </c>
      <c r="K62" s="67">
        <v>121</v>
      </c>
      <c r="L62" s="79">
        <v>71</v>
      </c>
      <c r="M62" s="80">
        <v>50</v>
      </c>
    </row>
    <row r="63" spans="1:13">
      <c r="A63" s="15" t="s">
        <v>116</v>
      </c>
      <c r="B63" s="67">
        <v>-26</v>
      </c>
      <c r="C63" s="68">
        <v>-23</v>
      </c>
      <c r="D63" s="68">
        <v>-3</v>
      </c>
      <c r="E63" s="67">
        <v>3</v>
      </c>
      <c r="F63" s="68">
        <v>2</v>
      </c>
      <c r="G63" s="69">
        <v>1</v>
      </c>
      <c r="H63" s="68">
        <v>85</v>
      </c>
      <c r="I63" s="68">
        <v>48</v>
      </c>
      <c r="J63" s="68">
        <v>37</v>
      </c>
      <c r="K63" s="67">
        <v>108</v>
      </c>
      <c r="L63" s="79">
        <v>69</v>
      </c>
      <c r="M63" s="80">
        <v>39</v>
      </c>
    </row>
    <row r="64" spans="1:13">
      <c r="A64" s="15" t="s">
        <v>118</v>
      </c>
      <c r="B64" s="67">
        <v>-20</v>
      </c>
      <c r="C64" s="68">
        <v>-8</v>
      </c>
      <c r="D64" s="68">
        <v>-12</v>
      </c>
      <c r="E64" s="67">
        <v>2</v>
      </c>
      <c r="F64" s="68">
        <v>0</v>
      </c>
      <c r="G64" s="69">
        <v>2</v>
      </c>
      <c r="H64" s="68">
        <v>89</v>
      </c>
      <c r="I64" s="68">
        <v>48</v>
      </c>
      <c r="J64" s="68">
        <v>41</v>
      </c>
      <c r="K64" s="67">
        <v>107</v>
      </c>
      <c r="L64" s="79">
        <v>56</v>
      </c>
      <c r="M64" s="80">
        <v>51</v>
      </c>
    </row>
    <row r="65" spans="1:13">
      <c r="A65" s="19" t="s">
        <v>120</v>
      </c>
      <c r="B65" s="70">
        <v>-9</v>
      </c>
      <c r="C65" s="71">
        <v>-10</v>
      </c>
      <c r="D65" s="71">
        <v>1</v>
      </c>
      <c r="E65" s="70">
        <v>12</v>
      </c>
      <c r="F65" s="71">
        <v>7</v>
      </c>
      <c r="G65" s="72">
        <v>5</v>
      </c>
      <c r="H65" s="71">
        <v>97</v>
      </c>
      <c r="I65" s="71">
        <v>54</v>
      </c>
      <c r="J65" s="71">
        <v>43</v>
      </c>
      <c r="K65" s="70">
        <v>94</v>
      </c>
      <c r="L65" s="81">
        <v>57</v>
      </c>
      <c r="M65" s="82">
        <v>37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724</v>
      </c>
      <c r="C69" s="50">
        <v>909</v>
      </c>
      <c r="D69" s="84">
        <v>81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71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13</v>
      </c>
      <c r="C75" s="65">
        <v>-86</v>
      </c>
      <c r="D75" s="65">
        <v>-27</v>
      </c>
      <c r="E75" s="64">
        <v>30</v>
      </c>
      <c r="F75" s="65">
        <v>21</v>
      </c>
      <c r="G75" s="66">
        <v>9</v>
      </c>
      <c r="H75" s="65">
        <v>403</v>
      </c>
      <c r="I75" s="65">
        <v>215</v>
      </c>
      <c r="J75" s="65">
        <v>188</v>
      </c>
      <c r="K75" s="64">
        <v>486</v>
      </c>
      <c r="L75" s="77">
        <v>280</v>
      </c>
      <c r="M75" s="78">
        <v>206</v>
      </c>
    </row>
    <row r="76" spans="1:13">
      <c r="A76" s="27" t="s">
        <v>5</v>
      </c>
      <c r="B76" s="67">
        <v>-36</v>
      </c>
      <c r="C76" s="68">
        <v>-32</v>
      </c>
      <c r="D76" s="68">
        <v>-4</v>
      </c>
      <c r="E76" s="67">
        <v>2</v>
      </c>
      <c r="F76" s="68">
        <v>2</v>
      </c>
      <c r="G76" s="69">
        <v>0</v>
      </c>
      <c r="H76" s="68">
        <v>80</v>
      </c>
      <c r="I76" s="68">
        <v>36</v>
      </c>
      <c r="J76" s="68">
        <v>44</v>
      </c>
      <c r="K76" s="67">
        <v>114</v>
      </c>
      <c r="L76" s="79">
        <v>66</v>
      </c>
      <c r="M76" s="80">
        <v>48</v>
      </c>
    </row>
    <row r="77" spans="1:13">
      <c r="A77" s="27" t="s">
        <v>7</v>
      </c>
      <c r="B77" s="67">
        <v>-6</v>
      </c>
      <c r="C77" s="68">
        <v>-1</v>
      </c>
      <c r="D77" s="68">
        <v>-5</v>
      </c>
      <c r="E77" s="67">
        <v>7</v>
      </c>
      <c r="F77" s="68">
        <v>4</v>
      </c>
      <c r="G77" s="69">
        <v>3</v>
      </c>
      <c r="H77" s="68">
        <v>98</v>
      </c>
      <c r="I77" s="68">
        <v>57</v>
      </c>
      <c r="J77" s="68">
        <v>41</v>
      </c>
      <c r="K77" s="67">
        <v>97</v>
      </c>
      <c r="L77" s="79">
        <v>54</v>
      </c>
      <c r="M77" s="80">
        <v>43</v>
      </c>
    </row>
    <row r="78" spans="1:13">
      <c r="A78" s="27" t="s">
        <v>9</v>
      </c>
      <c r="B78" s="67">
        <v>-39</v>
      </c>
      <c r="C78" s="68">
        <v>-22</v>
      </c>
      <c r="D78" s="68">
        <v>-17</v>
      </c>
      <c r="E78" s="67">
        <v>7</v>
      </c>
      <c r="F78" s="68">
        <v>5</v>
      </c>
      <c r="G78" s="69">
        <v>2</v>
      </c>
      <c r="H78" s="68">
        <v>73</v>
      </c>
      <c r="I78" s="68">
        <v>39</v>
      </c>
      <c r="J78" s="68">
        <v>34</v>
      </c>
      <c r="K78" s="67">
        <v>105</v>
      </c>
      <c r="L78" s="79">
        <v>56</v>
      </c>
      <c r="M78" s="80">
        <v>49</v>
      </c>
    </row>
    <row r="79" spans="1:13">
      <c r="A79" s="27" t="s">
        <v>11</v>
      </c>
      <c r="B79" s="67">
        <v>-16</v>
      </c>
      <c r="C79" s="68">
        <v>-15</v>
      </c>
      <c r="D79" s="68">
        <v>-1</v>
      </c>
      <c r="E79" s="67">
        <v>6</v>
      </c>
      <c r="F79" s="68">
        <v>4</v>
      </c>
      <c r="G79" s="69">
        <v>2</v>
      </c>
      <c r="H79" s="68">
        <v>79</v>
      </c>
      <c r="I79" s="68">
        <v>41</v>
      </c>
      <c r="J79" s="68">
        <v>38</v>
      </c>
      <c r="K79" s="67">
        <v>89</v>
      </c>
      <c r="L79" s="79">
        <v>52</v>
      </c>
      <c r="M79" s="80">
        <v>37</v>
      </c>
    </row>
    <row r="80" spans="1:13">
      <c r="A80" s="27" t="s">
        <v>13</v>
      </c>
      <c r="B80" s="67">
        <v>-16</v>
      </c>
      <c r="C80" s="68">
        <v>-16</v>
      </c>
      <c r="D80" s="68">
        <v>0</v>
      </c>
      <c r="E80" s="67">
        <v>8</v>
      </c>
      <c r="F80" s="68">
        <v>6</v>
      </c>
      <c r="G80" s="69">
        <v>2</v>
      </c>
      <c r="H80" s="68">
        <v>73</v>
      </c>
      <c r="I80" s="68">
        <v>42</v>
      </c>
      <c r="J80" s="68">
        <v>31</v>
      </c>
      <c r="K80" s="67">
        <v>81</v>
      </c>
      <c r="L80" s="79">
        <v>52</v>
      </c>
      <c r="M80" s="80">
        <v>29</v>
      </c>
    </row>
    <row r="81" spans="1:13" ht="21" customHeight="1">
      <c r="A81" s="38" t="s">
        <v>15</v>
      </c>
      <c r="B81" s="64">
        <v>-114</v>
      </c>
      <c r="C81" s="65">
        <v>-83</v>
      </c>
      <c r="D81" s="65">
        <v>-31</v>
      </c>
      <c r="E81" s="64">
        <v>46</v>
      </c>
      <c r="F81" s="65">
        <v>34</v>
      </c>
      <c r="G81" s="66">
        <v>12</v>
      </c>
      <c r="H81" s="65">
        <v>325</v>
      </c>
      <c r="I81" s="65">
        <v>169</v>
      </c>
      <c r="J81" s="65">
        <v>156</v>
      </c>
      <c r="K81" s="64">
        <v>393</v>
      </c>
      <c r="L81" s="77">
        <v>218</v>
      </c>
      <c r="M81" s="78">
        <v>175</v>
      </c>
    </row>
    <row r="82" spans="1:13">
      <c r="A82" s="27" t="s">
        <v>17</v>
      </c>
      <c r="B82" s="67">
        <v>-25</v>
      </c>
      <c r="C82" s="68">
        <v>-25</v>
      </c>
      <c r="D82" s="68">
        <v>0</v>
      </c>
      <c r="E82" s="67">
        <v>11</v>
      </c>
      <c r="F82" s="68">
        <v>10</v>
      </c>
      <c r="G82" s="69">
        <v>1</v>
      </c>
      <c r="H82" s="68">
        <v>73</v>
      </c>
      <c r="I82" s="68">
        <v>36</v>
      </c>
      <c r="J82" s="68">
        <v>37</v>
      </c>
      <c r="K82" s="67">
        <v>87</v>
      </c>
      <c r="L82" s="79">
        <v>51</v>
      </c>
      <c r="M82" s="80">
        <v>36</v>
      </c>
    </row>
    <row r="83" spans="1:13">
      <c r="A83" s="27" t="s">
        <v>19</v>
      </c>
      <c r="B83" s="67">
        <v>-32</v>
      </c>
      <c r="C83" s="68">
        <v>-22</v>
      </c>
      <c r="D83" s="68">
        <v>-10</v>
      </c>
      <c r="E83" s="67">
        <v>10</v>
      </c>
      <c r="F83" s="68">
        <v>7</v>
      </c>
      <c r="G83" s="69">
        <v>3</v>
      </c>
      <c r="H83" s="68">
        <v>55</v>
      </c>
      <c r="I83" s="68">
        <v>29</v>
      </c>
      <c r="J83" s="68">
        <v>26</v>
      </c>
      <c r="K83" s="67">
        <v>77</v>
      </c>
      <c r="L83" s="79">
        <v>44</v>
      </c>
      <c r="M83" s="80">
        <v>33</v>
      </c>
    </row>
    <row r="84" spans="1:13">
      <c r="A84" s="27" t="s">
        <v>21</v>
      </c>
      <c r="B84" s="67">
        <v>-36</v>
      </c>
      <c r="C84" s="68">
        <v>-24</v>
      </c>
      <c r="D84" s="68">
        <v>-12</v>
      </c>
      <c r="E84" s="67">
        <v>11</v>
      </c>
      <c r="F84" s="68">
        <v>9</v>
      </c>
      <c r="G84" s="69">
        <v>2</v>
      </c>
      <c r="H84" s="68">
        <v>59</v>
      </c>
      <c r="I84" s="68">
        <v>33</v>
      </c>
      <c r="J84" s="68">
        <v>26</v>
      </c>
      <c r="K84" s="67">
        <v>84</v>
      </c>
      <c r="L84" s="79">
        <v>48</v>
      </c>
      <c r="M84" s="80">
        <v>36</v>
      </c>
    </row>
    <row r="85" spans="1:13">
      <c r="A85" s="27" t="s">
        <v>23</v>
      </c>
      <c r="B85" s="67">
        <v>-30</v>
      </c>
      <c r="C85" s="68">
        <v>-15</v>
      </c>
      <c r="D85" s="68">
        <v>-15</v>
      </c>
      <c r="E85" s="67">
        <v>5</v>
      </c>
      <c r="F85" s="68">
        <v>2</v>
      </c>
      <c r="G85" s="69">
        <v>3</v>
      </c>
      <c r="H85" s="68">
        <v>56</v>
      </c>
      <c r="I85" s="68">
        <v>30</v>
      </c>
      <c r="J85" s="68">
        <v>26</v>
      </c>
      <c r="K85" s="67">
        <v>81</v>
      </c>
      <c r="L85" s="79">
        <v>43</v>
      </c>
      <c r="M85" s="80">
        <v>38</v>
      </c>
    </row>
    <row r="86" spans="1:13">
      <c r="A86" s="27" t="s">
        <v>25</v>
      </c>
      <c r="B86" s="67">
        <v>9</v>
      </c>
      <c r="C86" s="68">
        <v>3</v>
      </c>
      <c r="D86" s="68">
        <v>6</v>
      </c>
      <c r="E86" s="67">
        <v>9</v>
      </c>
      <c r="F86" s="68">
        <v>6</v>
      </c>
      <c r="G86" s="69">
        <v>3</v>
      </c>
      <c r="H86" s="68">
        <v>82</v>
      </c>
      <c r="I86" s="68">
        <v>41</v>
      </c>
      <c r="J86" s="68">
        <v>41</v>
      </c>
      <c r="K86" s="67">
        <v>64</v>
      </c>
      <c r="L86" s="79">
        <v>32</v>
      </c>
      <c r="M86" s="80">
        <v>32</v>
      </c>
    </row>
    <row r="87" spans="1:13" ht="21" customHeight="1">
      <c r="A87" s="38" t="s">
        <v>27</v>
      </c>
      <c r="B87" s="64">
        <v>-101</v>
      </c>
      <c r="C87" s="65">
        <v>-77</v>
      </c>
      <c r="D87" s="65">
        <v>-24</v>
      </c>
      <c r="E87" s="64">
        <v>74</v>
      </c>
      <c r="F87" s="65">
        <v>41</v>
      </c>
      <c r="G87" s="66">
        <v>33</v>
      </c>
      <c r="H87" s="65">
        <v>223</v>
      </c>
      <c r="I87" s="65">
        <v>112</v>
      </c>
      <c r="J87" s="65">
        <v>111</v>
      </c>
      <c r="K87" s="64">
        <v>250</v>
      </c>
      <c r="L87" s="77">
        <v>148</v>
      </c>
      <c r="M87" s="78">
        <v>102</v>
      </c>
    </row>
    <row r="88" spans="1:13">
      <c r="A88" s="27" t="s">
        <v>29</v>
      </c>
      <c r="B88" s="67">
        <v>-16</v>
      </c>
      <c r="C88" s="68">
        <v>-22</v>
      </c>
      <c r="D88" s="68">
        <v>6</v>
      </c>
      <c r="E88" s="67">
        <v>16</v>
      </c>
      <c r="F88" s="68">
        <v>8</v>
      </c>
      <c r="G88" s="69">
        <v>8</v>
      </c>
      <c r="H88" s="68">
        <v>56</v>
      </c>
      <c r="I88" s="68">
        <v>25</v>
      </c>
      <c r="J88" s="68">
        <v>31</v>
      </c>
      <c r="K88" s="67">
        <v>56</v>
      </c>
      <c r="L88" s="79">
        <v>39</v>
      </c>
      <c r="M88" s="80">
        <v>17</v>
      </c>
    </row>
    <row r="89" spans="1:13">
      <c r="A89" s="27" t="s">
        <v>31</v>
      </c>
      <c r="B89" s="67">
        <v>-9</v>
      </c>
      <c r="C89" s="68">
        <v>-12</v>
      </c>
      <c r="D89" s="68">
        <v>3</v>
      </c>
      <c r="E89" s="67">
        <v>15</v>
      </c>
      <c r="F89" s="68">
        <v>9</v>
      </c>
      <c r="G89" s="69">
        <v>6</v>
      </c>
      <c r="H89" s="68">
        <v>56</v>
      </c>
      <c r="I89" s="68">
        <v>29</v>
      </c>
      <c r="J89" s="68">
        <v>27</v>
      </c>
      <c r="K89" s="67">
        <v>50</v>
      </c>
      <c r="L89" s="79">
        <v>32</v>
      </c>
      <c r="M89" s="80">
        <v>18</v>
      </c>
    </row>
    <row r="90" spans="1:13">
      <c r="A90" s="27" t="s">
        <v>33</v>
      </c>
      <c r="B90" s="67">
        <v>-31</v>
      </c>
      <c r="C90" s="68">
        <v>-18</v>
      </c>
      <c r="D90" s="68">
        <v>-13</v>
      </c>
      <c r="E90" s="67">
        <v>15</v>
      </c>
      <c r="F90" s="68">
        <v>7</v>
      </c>
      <c r="G90" s="69">
        <v>8</v>
      </c>
      <c r="H90" s="68">
        <v>39</v>
      </c>
      <c r="I90" s="68">
        <v>25</v>
      </c>
      <c r="J90" s="68">
        <v>14</v>
      </c>
      <c r="K90" s="67">
        <v>55</v>
      </c>
      <c r="L90" s="79">
        <v>36</v>
      </c>
      <c r="M90" s="80">
        <v>19</v>
      </c>
    </row>
    <row r="91" spans="1:13">
      <c r="A91" s="27" t="s">
        <v>35</v>
      </c>
      <c r="B91" s="67">
        <v>-23</v>
      </c>
      <c r="C91" s="68">
        <v>-17</v>
      </c>
      <c r="D91" s="68">
        <v>-6</v>
      </c>
      <c r="E91" s="67">
        <v>16</v>
      </c>
      <c r="F91" s="68">
        <v>9</v>
      </c>
      <c r="G91" s="69">
        <v>7</v>
      </c>
      <c r="H91" s="68">
        <v>33</v>
      </c>
      <c r="I91" s="68">
        <v>13</v>
      </c>
      <c r="J91" s="68">
        <v>20</v>
      </c>
      <c r="K91" s="67">
        <v>40</v>
      </c>
      <c r="L91" s="79">
        <v>21</v>
      </c>
      <c r="M91" s="80">
        <v>19</v>
      </c>
    </row>
    <row r="92" spans="1:13">
      <c r="A92" s="27" t="s">
        <v>37</v>
      </c>
      <c r="B92" s="67">
        <v>-22</v>
      </c>
      <c r="C92" s="68">
        <v>-8</v>
      </c>
      <c r="D92" s="68">
        <v>-14</v>
      </c>
      <c r="E92" s="67">
        <v>12</v>
      </c>
      <c r="F92" s="68">
        <v>8</v>
      </c>
      <c r="G92" s="69">
        <v>4</v>
      </c>
      <c r="H92" s="68">
        <v>39</v>
      </c>
      <c r="I92" s="68">
        <v>20</v>
      </c>
      <c r="J92" s="68">
        <v>19</v>
      </c>
      <c r="K92" s="67">
        <v>49</v>
      </c>
      <c r="L92" s="79">
        <v>20</v>
      </c>
      <c r="M92" s="80">
        <v>29</v>
      </c>
    </row>
    <row r="93" spans="1:13" ht="21" customHeight="1">
      <c r="A93" s="38" t="s">
        <v>39</v>
      </c>
      <c r="B93" s="64">
        <v>-143</v>
      </c>
      <c r="C93" s="65">
        <v>-88</v>
      </c>
      <c r="D93" s="65">
        <v>-55</v>
      </c>
      <c r="E93" s="64">
        <v>91</v>
      </c>
      <c r="F93" s="65">
        <v>59</v>
      </c>
      <c r="G93" s="66">
        <v>32</v>
      </c>
      <c r="H93" s="65">
        <v>100</v>
      </c>
      <c r="I93" s="65">
        <v>58</v>
      </c>
      <c r="J93" s="65">
        <v>42</v>
      </c>
      <c r="K93" s="64">
        <v>152</v>
      </c>
      <c r="L93" s="77">
        <v>87</v>
      </c>
      <c r="M93" s="78">
        <v>65</v>
      </c>
    </row>
    <row r="94" spans="1:13">
      <c r="A94" s="27" t="s">
        <v>41</v>
      </c>
      <c r="B94" s="67">
        <v>-49</v>
      </c>
      <c r="C94" s="68">
        <v>-31</v>
      </c>
      <c r="D94" s="68">
        <v>-18</v>
      </c>
      <c r="E94" s="67">
        <v>16</v>
      </c>
      <c r="F94" s="68">
        <v>13</v>
      </c>
      <c r="G94" s="69">
        <v>3</v>
      </c>
      <c r="H94" s="68">
        <v>22</v>
      </c>
      <c r="I94" s="68">
        <v>14</v>
      </c>
      <c r="J94" s="68">
        <v>8</v>
      </c>
      <c r="K94" s="67">
        <v>55</v>
      </c>
      <c r="L94" s="79">
        <v>32</v>
      </c>
      <c r="M94" s="80">
        <v>23</v>
      </c>
    </row>
    <row r="95" spans="1:13">
      <c r="A95" s="27" t="s">
        <v>43</v>
      </c>
      <c r="B95" s="67">
        <v>-26</v>
      </c>
      <c r="C95" s="68">
        <v>-18</v>
      </c>
      <c r="D95" s="68">
        <v>-8</v>
      </c>
      <c r="E95" s="67">
        <v>18</v>
      </c>
      <c r="F95" s="68">
        <v>12</v>
      </c>
      <c r="G95" s="69">
        <v>6</v>
      </c>
      <c r="H95" s="68">
        <v>23</v>
      </c>
      <c r="I95" s="68">
        <v>14</v>
      </c>
      <c r="J95" s="68">
        <v>9</v>
      </c>
      <c r="K95" s="67">
        <v>31</v>
      </c>
      <c r="L95" s="79">
        <v>20</v>
      </c>
      <c r="M95" s="80">
        <v>11</v>
      </c>
    </row>
    <row r="96" spans="1:13">
      <c r="A96" s="27" t="s">
        <v>45</v>
      </c>
      <c r="B96" s="67">
        <v>-14</v>
      </c>
      <c r="C96" s="68">
        <v>-11</v>
      </c>
      <c r="D96" s="68">
        <v>-3</v>
      </c>
      <c r="E96" s="67">
        <v>17</v>
      </c>
      <c r="F96" s="68">
        <v>11</v>
      </c>
      <c r="G96" s="69">
        <v>6</v>
      </c>
      <c r="H96" s="68">
        <v>20</v>
      </c>
      <c r="I96" s="68">
        <v>8</v>
      </c>
      <c r="J96" s="68">
        <v>12</v>
      </c>
      <c r="K96" s="67">
        <v>17</v>
      </c>
      <c r="L96" s="79">
        <v>8</v>
      </c>
      <c r="M96" s="80">
        <v>9</v>
      </c>
    </row>
    <row r="97" spans="1:13">
      <c r="A97" s="27" t="s">
        <v>47</v>
      </c>
      <c r="B97" s="67">
        <v>-29</v>
      </c>
      <c r="C97" s="68">
        <v>-17</v>
      </c>
      <c r="D97" s="68">
        <v>-12</v>
      </c>
      <c r="E97" s="67">
        <v>19</v>
      </c>
      <c r="F97" s="68">
        <v>13</v>
      </c>
      <c r="G97" s="69">
        <v>6</v>
      </c>
      <c r="H97" s="68">
        <v>14</v>
      </c>
      <c r="I97" s="68">
        <v>11</v>
      </c>
      <c r="J97" s="68">
        <v>3</v>
      </c>
      <c r="K97" s="67">
        <v>24</v>
      </c>
      <c r="L97" s="79">
        <v>15</v>
      </c>
      <c r="M97" s="80">
        <v>9</v>
      </c>
    </row>
    <row r="98" spans="1:13">
      <c r="A98" s="27" t="s">
        <v>49</v>
      </c>
      <c r="B98" s="67">
        <v>-25</v>
      </c>
      <c r="C98" s="68">
        <v>-11</v>
      </c>
      <c r="D98" s="68">
        <v>-14</v>
      </c>
      <c r="E98" s="67">
        <v>21</v>
      </c>
      <c r="F98" s="68">
        <v>10</v>
      </c>
      <c r="G98" s="69">
        <v>11</v>
      </c>
      <c r="H98" s="68">
        <v>21</v>
      </c>
      <c r="I98" s="68">
        <v>11</v>
      </c>
      <c r="J98" s="68">
        <v>10</v>
      </c>
      <c r="K98" s="67">
        <v>25</v>
      </c>
      <c r="L98" s="79">
        <v>12</v>
      </c>
      <c r="M98" s="80">
        <v>13</v>
      </c>
    </row>
    <row r="99" spans="1:13" ht="21" customHeight="1">
      <c r="A99" s="38" t="s">
        <v>51</v>
      </c>
      <c r="B99" s="64">
        <v>-157</v>
      </c>
      <c r="C99" s="65">
        <v>-112</v>
      </c>
      <c r="D99" s="65">
        <v>-45</v>
      </c>
      <c r="E99" s="64">
        <v>141</v>
      </c>
      <c r="F99" s="65">
        <v>89</v>
      </c>
      <c r="G99" s="66">
        <v>52</v>
      </c>
      <c r="H99" s="65">
        <v>125</v>
      </c>
      <c r="I99" s="65">
        <v>61</v>
      </c>
      <c r="J99" s="65">
        <v>64</v>
      </c>
      <c r="K99" s="64">
        <v>141</v>
      </c>
      <c r="L99" s="77">
        <v>84</v>
      </c>
      <c r="M99" s="78">
        <v>57</v>
      </c>
    </row>
    <row r="100" spans="1:13">
      <c r="A100" s="27" t="s">
        <v>53</v>
      </c>
      <c r="B100" s="67">
        <v>-19</v>
      </c>
      <c r="C100" s="68">
        <v>-14</v>
      </c>
      <c r="D100" s="68">
        <v>-5</v>
      </c>
      <c r="E100" s="67">
        <v>21</v>
      </c>
      <c r="F100" s="68">
        <v>13</v>
      </c>
      <c r="G100" s="69">
        <v>8</v>
      </c>
      <c r="H100" s="68">
        <v>31</v>
      </c>
      <c r="I100" s="68">
        <v>18</v>
      </c>
      <c r="J100" s="68">
        <v>13</v>
      </c>
      <c r="K100" s="67">
        <v>29</v>
      </c>
      <c r="L100" s="79">
        <v>19</v>
      </c>
      <c r="M100" s="80">
        <v>10</v>
      </c>
    </row>
    <row r="101" spans="1:13">
      <c r="A101" s="27" t="s">
        <v>55</v>
      </c>
      <c r="B101" s="67">
        <v>-24</v>
      </c>
      <c r="C101" s="68">
        <v>-19</v>
      </c>
      <c r="D101" s="68">
        <v>-5</v>
      </c>
      <c r="E101" s="67">
        <v>21</v>
      </c>
      <c r="F101" s="68">
        <v>15</v>
      </c>
      <c r="G101" s="69">
        <v>6</v>
      </c>
      <c r="H101" s="68">
        <v>25</v>
      </c>
      <c r="I101" s="68">
        <v>10</v>
      </c>
      <c r="J101" s="68">
        <v>15</v>
      </c>
      <c r="K101" s="67">
        <v>28</v>
      </c>
      <c r="L101" s="79">
        <v>14</v>
      </c>
      <c r="M101" s="80">
        <v>14</v>
      </c>
    </row>
    <row r="102" spans="1:13">
      <c r="A102" s="27" t="s">
        <v>57</v>
      </c>
      <c r="B102" s="67">
        <v>-27</v>
      </c>
      <c r="C102" s="68">
        <v>-22</v>
      </c>
      <c r="D102" s="68">
        <v>-5</v>
      </c>
      <c r="E102" s="67">
        <v>25</v>
      </c>
      <c r="F102" s="68">
        <v>18</v>
      </c>
      <c r="G102" s="69">
        <v>7</v>
      </c>
      <c r="H102" s="68">
        <v>25</v>
      </c>
      <c r="I102" s="68">
        <v>11</v>
      </c>
      <c r="J102" s="68">
        <v>14</v>
      </c>
      <c r="K102" s="67">
        <v>27</v>
      </c>
      <c r="L102" s="79">
        <v>15</v>
      </c>
      <c r="M102" s="80">
        <v>12</v>
      </c>
    </row>
    <row r="103" spans="1:13">
      <c r="A103" s="27" t="s">
        <v>59</v>
      </c>
      <c r="B103" s="67">
        <v>-41</v>
      </c>
      <c r="C103" s="68">
        <v>-25</v>
      </c>
      <c r="D103" s="68">
        <v>-16</v>
      </c>
      <c r="E103" s="67">
        <v>29</v>
      </c>
      <c r="F103" s="68">
        <v>14</v>
      </c>
      <c r="G103" s="69">
        <v>15</v>
      </c>
      <c r="H103" s="68">
        <v>18</v>
      </c>
      <c r="I103" s="68">
        <v>10</v>
      </c>
      <c r="J103" s="68">
        <v>8</v>
      </c>
      <c r="K103" s="67">
        <v>30</v>
      </c>
      <c r="L103" s="79">
        <v>21</v>
      </c>
      <c r="M103" s="80">
        <v>9</v>
      </c>
    </row>
    <row r="104" spans="1:13">
      <c r="A104" s="27" t="s">
        <v>61</v>
      </c>
      <c r="B104" s="67">
        <v>-46</v>
      </c>
      <c r="C104" s="68">
        <v>-32</v>
      </c>
      <c r="D104" s="68">
        <v>-14</v>
      </c>
      <c r="E104" s="67">
        <v>45</v>
      </c>
      <c r="F104" s="68">
        <v>29</v>
      </c>
      <c r="G104" s="69">
        <v>16</v>
      </c>
      <c r="H104" s="68">
        <v>26</v>
      </c>
      <c r="I104" s="68">
        <v>12</v>
      </c>
      <c r="J104" s="68">
        <v>14</v>
      </c>
      <c r="K104" s="67">
        <v>27</v>
      </c>
      <c r="L104" s="79">
        <v>15</v>
      </c>
      <c r="M104" s="80">
        <v>12</v>
      </c>
    </row>
    <row r="105" spans="1:13" ht="21" customHeight="1">
      <c r="A105" s="38" t="s">
        <v>63</v>
      </c>
      <c r="B105" s="64">
        <v>-238</v>
      </c>
      <c r="C105" s="65">
        <v>-157</v>
      </c>
      <c r="D105" s="65">
        <v>-81</v>
      </c>
      <c r="E105" s="64">
        <v>204</v>
      </c>
      <c r="F105" s="65">
        <v>134</v>
      </c>
      <c r="G105" s="66">
        <v>70</v>
      </c>
      <c r="H105" s="65">
        <v>88</v>
      </c>
      <c r="I105" s="65">
        <v>33</v>
      </c>
      <c r="J105" s="65">
        <v>55</v>
      </c>
      <c r="K105" s="64">
        <v>122</v>
      </c>
      <c r="L105" s="77">
        <v>56</v>
      </c>
      <c r="M105" s="78">
        <v>66</v>
      </c>
    </row>
    <row r="106" spans="1:13">
      <c r="A106" s="27" t="s">
        <v>65</v>
      </c>
      <c r="B106" s="67">
        <v>-51</v>
      </c>
      <c r="C106" s="68">
        <v>-40</v>
      </c>
      <c r="D106" s="68">
        <v>-11</v>
      </c>
      <c r="E106" s="67">
        <v>37</v>
      </c>
      <c r="F106" s="68">
        <v>28</v>
      </c>
      <c r="G106" s="69">
        <v>9</v>
      </c>
      <c r="H106" s="68">
        <v>17</v>
      </c>
      <c r="I106" s="68">
        <v>6</v>
      </c>
      <c r="J106" s="68">
        <v>11</v>
      </c>
      <c r="K106" s="67">
        <v>31</v>
      </c>
      <c r="L106" s="79">
        <v>18</v>
      </c>
      <c r="M106" s="80">
        <v>13</v>
      </c>
    </row>
    <row r="107" spans="1:13">
      <c r="A107" s="27" t="s">
        <v>67</v>
      </c>
      <c r="B107" s="67">
        <v>-34</v>
      </c>
      <c r="C107" s="68">
        <v>-22</v>
      </c>
      <c r="D107" s="68">
        <v>-12</v>
      </c>
      <c r="E107" s="67">
        <v>26</v>
      </c>
      <c r="F107" s="68">
        <v>17</v>
      </c>
      <c r="G107" s="69">
        <v>9</v>
      </c>
      <c r="H107" s="68">
        <v>14</v>
      </c>
      <c r="I107" s="68">
        <v>5</v>
      </c>
      <c r="J107" s="68">
        <v>9</v>
      </c>
      <c r="K107" s="67">
        <v>22</v>
      </c>
      <c r="L107" s="79">
        <v>10</v>
      </c>
      <c r="M107" s="80">
        <v>12</v>
      </c>
    </row>
    <row r="108" spans="1:13">
      <c r="A108" s="27" t="s">
        <v>69</v>
      </c>
      <c r="B108" s="67">
        <v>-37</v>
      </c>
      <c r="C108" s="68">
        <v>-23</v>
      </c>
      <c r="D108" s="68">
        <v>-14</v>
      </c>
      <c r="E108" s="67">
        <v>31</v>
      </c>
      <c r="F108" s="68">
        <v>17</v>
      </c>
      <c r="G108" s="69">
        <v>14</v>
      </c>
      <c r="H108" s="68">
        <v>12</v>
      </c>
      <c r="I108" s="68">
        <v>3</v>
      </c>
      <c r="J108" s="68">
        <v>9</v>
      </c>
      <c r="K108" s="67">
        <v>18</v>
      </c>
      <c r="L108" s="79">
        <v>9</v>
      </c>
      <c r="M108" s="80">
        <v>9</v>
      </c>
    </row>
    <row r="109" spans="1:13">
      <c r="A109" s="27" t="s">
        <v>71</v>
      </c>
      <c r="B109" s="67">
        <v>-62</v>
      </c>
      <c r="C109" s="68">
        <v>-36</v>
      </c>
      <c r="D109" s="68">
        <v>-26</v>
      </c>
      <c r="E109" s="67">
        <v>60</v>
      </c>
      <c r="F109" s="68">
        <v>37</v>
      </c>
      <c r="G109" s="69">
        <v>23</v>
      </c>
      <c r="H109" s="68">
        <v>17</v>
      </c>
      <c r="I109" s="68">
        <v>8</v>
      </c>
      <c r="J109" s="68">
        <v>9</v>
      </c>
      <c r="K109" s="67">
        <v>19</v>
      </c>
      <c r="L109" s="79">
        <v>7</v>
      </c>
      <c r="M109" s="80">
        <v>12</v>
      </c>
    </row>
    <row r="110" spans="1:13">
      <c r="A110" s="27" t="s">
        <v>73</v>
      </c>
      <c r="B110" s="67">
        <v>-54</v>
      </c>
      <c r="C110" s="68">
        <v>-36</v>
      </c>
      <c r="D110" s="68">
        <v>-18</v>
      </c>
      <c r="E110" s="67">
        <v>50</v>
      </c>
      <c r="F110" s="68">
        <v>35</v>
      </c>
      <c r="G110" s="69">
        <v>15</v>
      </c>
      <c r="H110" s="68">
        <v>28</v>
      </c>
      <c r="I110" s="68">
        <v>11</v>
      </c>
      <c r="J110" s="68">
        <v>17</v>
      </c>
      <c r="K110" s="67">
        <v>32</v>
      </c>
      <c r="L110" s="79">
        <v>12</v>
      </c>
      <c r="M110" s="80">
        <v>20</v>
      </c>
    </row>
    <row r="111" spans="1:13" ht="21" customHeight="1">
      <c r="A111" s="38" t="s">
        <v>75</v>
      </c>
      <c r="B111" s="64">
        <v>-278</v>
      </c>
      <c r="C111" s="65">
        <v>-167</v>
      </c>
      <c r="D111" s="65">
        <v>-111</v>
      </c>
      <c r="E111" s="64">
        <v>279</v>
      </c>
      <c r="F111" s="65">
        <v>163</v>
      </c>
      <c r="G111" s="66">
        <v>116</v>
      </c>
      <c r="H111" s="65">
        <v>106</v>
      </c>
      <c r="I111" s="65">
        <v>35</v>
      </c>
      <c r="J111" s="65">
        <v>71</v>
      </c>
      <c r="K111" s="64">
        <v>105</v>
      </c>
      <c r="L111" s="77">
        <v>39</v>
      </c>
      <c r="M111" s="78">
        <v>66</v>
      </c>
    </row>
    <row r="112" spans="1:13">
      <c r="A112" s="27" t="s">
        <v>77</v>
      </c>
      <c r="B112" s="67">
        <v>-53</v>
      </c>
      <c r="C112" s="68">
        <v>-32</v>
      </c>
      <c r="D112" s="68">
        <v>-21</v>
      </c>
      <c r="E112" s="67">
        <v>47</v>
      </c>
      <c r="F112" s="68">
        <v>28</v>
      </c>
      <c r="G112" s="69">
        <v>19</v>
      </c>
      <c r="H112" s="68">
        <v>22</v>
      </c>
      <c r="I112" s="68">
        <v>7</v>
      </c>
      <c r="J112" s="68">
        <v>15</v>
      </c>
      <c r="K112" s="67">
        <v>28</v>
      </c>
      <c r="L112" s="79">
        <v>11</v>
      </c>
      <c r="M112" s="80">
        <v>17</v>
      </c>
    </row>
    <row r="113" spans="1:13">
      <c r="A113" s="27" t="s">
        <v>79</v>
      </c>
      <c r="B113" s="67">
        <v>-63</v>
      </c>
      <c r="C113" s="68">
        <v>-35</v>
      </c>
      <c r="D113" s="68">
        <v>-28</v>
      </c>
      <c r="E113" s="67">
        <v>57</v>
      </c>
      <c r="F113" s="68">
        <v>32</v>
      </c>
      <c r="G113" s="69">
        <v>25</v>
      </c>
      <c r="H113" s="68">
        <v>13</v>
      </c>
      <c r="I113" s="68">
        <v>5</v>
      </c>
      <c r="J113" s="68">
        <v>8</v>
      </c>
      <c r="K113" s="67">
        <v>19</v>
      </c>
      <c r="L113" s="79">
        <v>8</v>
      </c>
      <c r="M113" s="80">
        <v>11</v>
      </c>
    </row>
    <row r="114" spans="1:13">
      <c r="A114" s="27" t="s">
        <v>81</v>
      </c>
      <c r="B114" s="67">
        <v>-43</v>
      </c>
      <c r="C114" s="68">
        <v>-36</v>
      </c>
      <c r="D114" s="68">
        <v>-7</v>
      </c>
      <c r="E114" s="67">
        <v>56</v>
      </c>
      <c r="F114" s="68">
        <v>39</v>
      </c>
      <c r="G114" s="69">
        <v>17</v>
      </c>
      <c r="H114" s="68">
        <v>25</v>
      </c>
      <c r="I114" s="68">
        <v>8</v>
      </c>
      <c r="J114" s="68">
        <v>17</v>
      </c>
      <c r="K114" s="67">
        <v>12</v>
      </c>
      <c r="L114" s="79">
        <v>5</v>
      </c>
      <c r="M114" s="80">
        <v>7</v>
      </c>
    </row>
    <row r="115" spans="1:13">
      <c r="A115" s="27" t="s">
        <v>83</v>
      </c>
      <c r="B115" s="67">
        <v>-50</v>
      </c>
      <c r="C115" s="68">
        <v>-29</v>
      </c>
      <c r="D115" s="68">
        <v>-21</v>
      </c>
      <c r="E115" s="67">
        <v>53</v>
      </c>
      <c r="F115" s="68">
        <v>29</v>
      </c>
      <c r="G115" s="69">
        <v>24</v>
      </c>
      <c r="H115" s="68">
        <v>25</v>
      </c>
      <c r="I115" s="68">
        <v>7</v>
      </c>
      <c r="J115" s="68">
        <v>18</v>
      </c>
      <c r="K115" s="67">
        <v>22</v>
      </c>
      <c r="L115" s="79">
        <v>7</v>
      </c>
      <c r="M115" s="80">
        <v>15</v>
      </c>
    </row>
    <row r="116" spans="1:13">
      <c r="A116" s="27" t="s">
        <v>85</v>
      </c>
      <c r="B116" s="67">
        <v>-69</v>
      </c>
      <c r="C116" s="68">
        <v>-35</v>
      </c>
      <c r="D116" s="68">
        <v>-34</v>
      </c>
      <c r="E116" s="67">
        <v>66</v>
      </c>
      <c r="F116" s="68">
        <v>35</v>
      </c>
      <c r="G116" s="69">
        <v>31</v>
      </c>
      <c r="H116" s="68">
        <v>21</v>
      </c>
      <c r="I116" s="68">
        <v>8</v>
      </c>
      <c r="J116" s="68">
        <v>13</v>
      </c>
      <c r="K116" s="67">
        <v>24</v>
      </c>
      <c r="L116" s="79">
        <v>8</v>
      </c>
      <c r="M116" s="80">
        <v>16</v>
      </c>
    </row>
    <row r="117" spans="1:13" ht="21" customHeight="1">
      <c r="A117" s="38" t="s">
        <v>87</v>
      </c>
      <c r="B117" s="64">
        <v>-371</v>
      </c>
      <c r="C117" s="65">
        <v>-182</v>
      </c>
      <c r="D117" s="65">
        <v>-189</v>
      </c>
      <c r="E117" s="64">
        <v>372</v>
      </c>
      <c r="F117" s="65">
        <v>178</v>
      </c>
      <c r="G117" s="66">
        <v>194</v>
      </c>
      <c r="H117" s="65">
        <v>90</v>
      </c>
      <c r="I117" s="65">
        <v>26</v>
      </c>
      <c r="J117" s="65">
        <v>64</v>
      </c>
      <c r="K117" s="64">
        <v>89</v>
      </c>
      <c r="L117" s="77">
        <v>30</v>
      </c>
      <c r="M117" s="78">
        <v>59</v>
      </c>
    </row>
    <row r="118" spans="1:13">
      <c r="A118" s="27" t="s">
        <v>89</v>
      </c>
      <c r="B118" s="67">
        <v>-63</v>
      </c>
      <c r="C118" s="68">
        <v>-27</v>
      </c>
      <c r="D118" s="68">
        <v>-36</v>
      </c>
      <c r="E118" s="67">
        <v>67</v>
      </c>
      <c r="F118" s="68">
        <v>31</v>
      </c>
      <c r="G118" s="69">
        <v>36</v>
      </c>
      <c r="H118" s="68">
        <v>21</v>
      </c>
      <c r="I118" s="68">
        <v>9</v>
      </c>
      <c r="J118" s="68">
        <v>12</v>
      </c>
      <c r="K118" s="67">
        <v>17</v>
      </c>
      <c r="L118" s="79">
        <v>5</v>
      </c>
      <c r="M118" s="80">
        <v>12</v>
      </c>
    </row>
    <row r="119" spans="1:13">
      <c r="A119" s="27" t="s">
        <v>91</v>
      </c>
      <c r="B119" s="67">
        <v>-85</v>
      </c>
      <c r="C119" s="68">
        <v>-47</v>
      </c>
      <c r="D119" s="68">
        <v>-38</v>
      </c>
      <c r="E119" s="67">
        <v>79</v>
      </c>
      <c r="F119" s="68">
        <v>43</v>
      </c>
      <c r="G119" s="69">
        <v>36</v>
      </c>
      <c r="H119" s="68">
        <v>17</v>
      </c>
      <c r="I119" s="68">
        <v>6</v>
      </c>
      <c r="J119" s="68">
        <v>11</v>
      </c>
      <c r="K119" s="67">
        <v>23</v>
      </c>
      <c r="L119" s="79">
        <v>10</v>
      </c>
      <c r="M119" s="80">
        <v>13</v>
      </c>
    </row>
    <row r="120" spans="1:13">
      <c r="A120" s="27" t="s">
        <v>93</v>
      </c>
      <c r="B120" s="67">
        <v>-64</v>
      </c>
      <c r="C120" s="68">
        <v>-32</v>
      </c>
      <c r="D120" s="68">
        <v>-32</v>
      </c>
      <c r="E120" s="67">
        <v>66</v>
      </c>
      <c r="F120" s="68">
        <v>31</v>
      </c>
      <c r="G120" s="69">
        <v>35</v>
      </c>
      <c r="H120" s="68">
        <v>20</v>
      </c>
      <c r="I120" s="68">
        <v>5</v>
      </c>
      <c r="J120" s="68">
        <v>15</v>
      </c>
      <c r="K120" s="67">
        <v>18</v>
      </c>
      <c r="L120" s="79">
        <v>6</v>
      </c>
      <c r="M120" s="80">
        <v>12</v>
      </c>
    </row>
    <row r="121" spans="1:13">
      <c r="A121" s="27" t="s">
        <v>95</v>
      </c>
      <c r="B121" s="67">
        <v>-76</v>
      </c>
      <c r="C121" s="68">
        <v>-37</v>
      </c>
      <c r="D121" s="68">
        <v>-39</v>
      </c>
      <c r="E121" s="67">
        <v>76</v>
      </c>
      <c r="F121" s="68">
        <v>33</v>
      </c>
      <c r="G121" s="69">
        <v>43</v>
      </c>
      <c r="H121" s="68">
        <v>17</v>
      </c>
      <c r="I121" s="68">
        <v>3</v>
      </c>
      <c r="J121" s="68">
        <v>14</v>
      </c>
      <c r="K121" s="67">
        <v>17</v>
      </c>
      <c r="L121" s="79">
        <v>7</v>
      </c>
      <c r="M121" s="80">
        <v>10</v>
      </c>
    </row>
    <row r="122" spans="1:13">
      <c r="A122" s="27" t="s">
        <v>97</v>
      </c>
      <c r="B122" s="67">
        <v>-83</v>
      </c>
      <c r="C122" s="68">
        <v>-39</v>
      </c>
      <c r="D122" s="68">
        <v>-44</v>
      </c>
      <c r="E122" s="67">
        <v>84</v>
      </c>
      <c r="F122" s="68">
        <v>40</v>
      </c>
      <c r="G122" s="69">
        <v>44</v>
      </c>
      <c r="H122" s="68">
        <v>15</v>
      </c>
      <c r="I122" s="68">
        <v>3</v>
      </c>
      <c r="J122" s="68">
        <v>12</v>
      </c>
      <c r="K122" s="67">
        <v>14</v>
      </c>
      <c r="L122" s="79">
        <v>2</v>
      </c>
      <c r="M122" s="80">
        <v>12</v>
      </c>
    </row>
    <row r="123" spans="1:13" ht="21" customHeight="1">
      <c r="A123" s="38" t="s">
        <v>99</v>
      </c>
      <c r="B123" s="64">
        <v>-313</v>
      </c>
      <c r="C123" s="65">
        <v>-127</v>
      </c>
      <c r="D123" s="65">
        <v>-186</v>
      </c>
      <c r="E123" s="64">
        <v>316</v>
      </c>
      <c r="F123" s="65">
        <v>126</v>
      </c>
      <c r="G123" s="66">
        <v>190</v>
      </c>
      <c r="H123" s="65">
        <v>39</v>
      </c>
      <c r="I123" s="65">
        <v>12</v>
      </c>
      <c r="J123" s="65">
        <v>27</v>
      </c>
      <c r="K123" s="64">
        <v>36</v>
      </c>
      <c r="L123" s="77">
        <v>13</v>
      </c>
      <c r="M123" s="78">
        <v>23</v>
      </c>
    </row>
    <row r="124" spans="1:13">
      <c r="A124" s="27" t="s">
        <v>101</v>
      </c>
      <c r="B124" s="67">
        <v>-71</v>
      </c>
      <c r="C124" s="68">
        <v>-34</v>
      </c>
      <c r="D124" s="68">
        <v>-37</v>
      </c>
      <c r="E124" s="67">
        <v>70</v>
      </c>
      <c r="F124" s="68">
        <v>29</v>
      </c>
      <c r="G124" s="69">
        <v>41</v>
      </c>
      <c r="H124" s="68">
        <v>9</v>
      </c>
      <c r="I124" s="68">
        <v>1</v>
      </c>
      <c r="J124" s="68">
        <v>8</v>
      </c>
      <c r="K124" s="67">
        <v>10</v>
      </c>
      <c r="L124" s="79">
        <v>6</v>
      </c>
      <c r="M124" s="80">
        <v>4</v>
      </c>
    </row>
    <row r="125" spans="1:13">
      <c r="A125" s="27" t="s">
        <v>103</v>
      </c>
      <c r="B125" s="67">
        <v>-75</v>
      </c>
      <c r="C125" s="68">
        <v>-34</v>
      </c>
      <c r="D125" s="68">
        <v>-41</v>
      </c>
      <c r="E125" s="67">
        <v>73</v>
      </c>
      <c r="F125" s="68">
        <v>35</v>
      </c>
      <c r="G125" s="69">
        <v>38</v>
      </c>
      <c r="H125" s="68">
        <v>10</v>
      </c>
      <c r="I125" s="68">
        <v>5</v>
      </c>
      <c r="J125" s="68">
        <v>5</v>
      </c>
      <c r="K125" s="67">
        <v>12</v>
      </c>
      <c r="L125" s="79">
        <v>4</v>
      </c>
      <c r="M125" s="80">
        <v>8</v>
      </c>
    </row>
    <row r="126" spans="1:13">
      <c r="A126" s="27" t="s">
        <v>105</v>
      </c>
      <c r="B126" s="67">
        <v>-55</v>
      </c>
      <c r="C126" s="68">
        <v>-24</v>
      </c>
      <c r="D126" s="68">
        <v>-31</v>
      </c>
      <c r="E126" s="67">
        <v>55</v>
      </c>
      <c r="F126" s="68">
        <v>23</v>
      </c>
      <c r="G126" s="69">
        <v>32</v>
      </c>
      <c r="H126" s="68">
        <v>8</v>
      </c>
      <c r="I126" s="68">
        <v>1</v>
      </c>
      <c r="J126" s="68">
        <v>7</v>
      </c>
      <c r="K126" s="67">
        <v>8</v>
      </c>
      <c r="L126" s="79">
        <v>2</v>
      </c>
      <c r="M126" s="80">
        <v>6</v>
      </c>
    </row>
    <row r="127" spans="1:13">
      <c r="A127" s="27" t="s">
        <v>107</v>
      </c>
      <c r="B127" s="67">
        <v>-64</v>
      </c>
      <c r="C127" s="68">
        <v>-19</v>
      </c>
      <c r="D127" s="68">
        <v>-45</v>
      </c>
      <c r="E127" s="67">
        <v>67</v>
      </c>
      <c r="F127" s="68">
        <v>20</v>
      </c>
      <c r="G127" s="69">
        <v>47</v>
      </c>
      <c r="H127" s="68">
        <v>6</v>
      </c>
      <c r="I127" s="68">
        <v>2</v>
      </c>
      <c r="J127" s="68">
        <v>4</v>
      </c>
      <c r="K127" s="67">
        <v>3</v>
      </c>
      <c r="L127" s="79">
        <v>1</v>
      </c>
      <c r="M127" s="80">
        <v>2</v>
      </c>
    </row>
    <row r="128" spans="1:13">
      <c r="A128" s="27" t="s">
        <v>109</v>
      </c>
      <c r="B128" s="67">
        <v>-48</v>
      </c>
      <c r="C128" s="68">
        <v>-16</v>
      </c>
      <c r="D128" s="68">
        <v>-32</v>
      </c>
      <c r="E128" s="67">
        <v>51</v>
      </c>
      <c r="F128" s="68">
        <v>19</v>
      </c>
      <c r="G128" s="69">
        <v>32</v>
      </c>
      <c r="H128" s="68">
        <v>6</v>
      </c>
      <c r="I128" s="68">
        <v>3</v>
      </c>
      <c r="J128" s="68">
        <v>3</v>
      </c>
      <c r="K128" s="67">
        <v>3</v>
      </c>
      <c r="L128" s="79">
        <v>0</v>
      </c>
      <c r="M128" s="80">
        <v>3</v>
      </c>
    </row>
    <row r="129" spans="1:14" ht="21" customHeight="1">
      <c r="A129" s="38" t="s">
        <v>111</v>
      </c>
      <c r="B129" s="64">
        <v>-170</v>
      </c>
      <c r="C129" s="65">
        <v>-48</v>
      </c>
      <c r="D129" s="65">
        <v>-122</v>
      </c>
      <c r="E129" s="64">
        <v>171</v>
      </c>
      <c r="F129" s="65">
        <v>47</v>
      </c>
      <c r="G129" s="66">
        <v>124</v>
      </c>
      <c r="H129" s="65">
        <v>17</v>
      </c>
      <c r="I129" s="65">
        <v>3</v>
      </c>
      <c r="J129" s="65">
        <v>14</v>
      </c>
      <c r="K129" s="64">
        <v>16</v>
      </c>
      <c r="L129" s="77">
        <v>4</v>
      </c>
      <c r="M129" s="78">
        <v>12</v>
      </c>
    </row>
    <row r="130" spans="1:14">
      <c r="A130" s="27" t="s">
        <v>113</v>
      </c>
      <c r="B130" s="67">
        <v>-57</v>
      </c>
      <c r="C130" s="68">
        <v>-16</v>
      </c>
      <c r="D130" s="68">
        <v>-41</v>
      </c>
      <c r="E130" s="67">
        <v>57</v>
      </c>
      <c r="F130" s="68">
        <v>15</v>
      </c>
      <c r="G130" s="69">
        <v>42</v>
      </c>
      <c r="H130" s="68">
        <v>5</v>
      </c>
      <c r="I130" s="68">
        <v>1</v>
      </c>
      <c r="J130" s="68">
        <v>4</v>
      </c>
      <c r="K130" s="67">
        <v>5</v>
      </c>
      <c r="L130" s="79">
        <v>2</v>
      </c>
      <c r="M130" s="80">
        <v>3</v>
      </c>
    </row>
    <row r="131" spans="1:14">
      <c r="A131" s="27" t="s">
        <v>115</v>
      </c>
      <c r="B131" s="67">
        <v>-38</v>
      </c>
      <c r="C131" s="68">
        <v>-11</v>
      </c>
      <c r="D131" s="68">
        <v>-27</v>
      </c>
      <c r="E131" s="67">
        <v>35</v>
      </c>
      <c r="F131" s="68">
        <v>11</v>
      </c>
      <c r="G131" s="69">
        <v>24</v>
      </c>
      <c r="H131" s="68">
        <v>2</v>
      </c>
      <c r="I131" s="68">
        <v>1</v>
      </c>
      <c r="J131" s="68">
        <v>1</v>
      </c>
      <c r="K131" s="67">
        <v>5</v>
      </c>
      <c r="L131" s="79">
        <v>1</v>
      </c>
      <c r="M131" s="80">
        <v>4</v>
      </c>
    </row>
    <row r="132" spans="1:14">
      <c r="A132" s="27" t="s">
        <v>117</v>
      </c>
      <c r="B132" s="67">
        <v>-35</v>
      </c>
      <c r="C132" s="68">
        <v>-8</v>
      </c>
      <c r="D132" s="68">
        <v>-27</v>
      </c>
      <c r="E132" s="67">
        <v>36</v>
      </c>
      <c r="F132" s="68">
        <v>8</v>
      </c>
      <c r="G132" s="69">
        <v>28</v>
      </c>
      <c r="H132" s="68">
        <v>4</v>
      </c>
      <c r="I132" s="68">
        <v>1</v>
      </c>
      <c r="J132" s="68">
        <v>3</v>
      </c>
      <c r="K132" s="67">
        <v>3</v>
      </c>
      <c r="L132" s="79">
        <v>1</v>
      </c>
      <c r="M132" s="80">
        <v>2</v>
      </c>
    </row>
    <row r="133" spans="1:14">
      <c r="A133" s="27" t="s">
        <v>119</v>
      </c>
      <c r="B133" s="67">
        <v>-24</v>
      </c>
      <c r="C133" s="68">
        <v>-7</v>
      </c>
      <c r="D133" s="68">
        <v>-17</v>
      </c>
      <c r="E133" s="67">
        <v>26</v>
      </c>
      <c r="F133" s="68">
        <v>7</v>
      </c>
      <c r="G133" s="69">
        <v>19</v>
      </c>
      <c r="H133" s="68">
        <v>4</v>
      </c>
      <c r="I133" s="68">
        <v>0</v>
      </c>
      <c r="J133" s="68">
        <v>4</v>
      </c>
      <c r="K133" s="67">
        <v>2</v>
      </c>
      <c r="L133" s="79">
        <v>0</v>
      </c>
      <c r="M133" s="80">
        <v>2</v>
      </c>
    </row>
    <row r="134" spans="1:14">
      <c r="A134" s="27" t="s">
        <v>121</v>
      </c>
      <c r="B134" s="67">
        <v>-16</v>
      </c>
      <c r="C134" s="68">
        <v>-6</v>
      </c>
      <c r="D134" s="68">
        <v>-10</v>
      </c>
      <c r="E134" s="67">
        <v>17</v>
      </c>
      <c r="F134" s="68">
        <v>6</v>
      </c>
      <c r="G134" s="69">
        <v>11</v>
      </c>
      <c r="H134" s="68">
        <v>2</v>
      </c>
      <c r="I134" s="68">
        <v>0</v>
      </c>
      <c r="J134" s="68">
        <v>2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54</v>
      </c>
      <c r="C135" s="40">
        <v>-10</v>
      </c>
      <c r="D135" s="40">
        <v>-44</v>
      </c>
      <c r="E135" s="42">
        <v>55</v>
      </c>
      <c r="F135" s="40">
        <v>11</v>
      </c>
      <c r="G135" s="43">
        <v>44</v>
      </c>
      <c r="H135" s="40">
        <v>1</v>
      </c>
      <c r="I135" s="40">
        <v>1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72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1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434</v>
      </c>
      <c r="C5" s="62">
        <v>49</v>
      </c>
      <c r="D5" s="62">
        <v>385</v>
      </c>
      <c r="E5" s="61">
        <v>1951</v>
      </c>
      <c r="F5" s="62">
        <v>1052</v>
      </c>
      <c r="G5" s="63">
        <v>899</v>
      </c>
      <c r="H5" s="62">
        <v>13921</v>
      </c>
      <c r="I5" s="62">
        <v>6978</v>
      </c>
      <c r="J5" s="62">
        <v>6943</v>
      </c>
      <c r="K5" s="61">
        <v>13167</v>
      </c>
      <c r="L5" s="75">
        <v>6720</v>
      </c>
      <c r="M5" s="76">
        <v>6447</v>
      </c>
    </row>
    <row r="6" spans="1:13" ht="23.25" customHeight="1">
      <c r="A6" s="36" t="s">
        <v>2</v>
      </c>
      <c r="B6" s="64">
        <v>1648</v>
      </c>
      <c r="C6" s="65">
        <v>863</v>
      </c>
      <c r="D6" s="65">
        <v>785</v>
      </c>
      <c r="E6" s="64">
        <v>2</v>
      </c>
      <c r="F6" s="65">
        <v>1</v>
      </c>
      <c r="G6" s="66">
        <v>1</v>
      </c>
      <c r="H6" s="65">
        <v>770</v>
      </c>
      <c r="I6" s="65">
        <v>402</v>
      </c>
      <c r="J6" s="65">
        <v>368</v>
      </c>
      <c r="K6" s="64">
        <v>751</v>
      </c>
      <c r="L6" s="77">
        <v>381</v>
      </c>
      <c r="M6" s="78">
        <v>370</v>
      </c>
    </row>
    <row r="7" spans="1:13">
      <c r="A7" s="15" t="s">
        <v>4</v>
      </c>
      <c r="B7" s="67">
        <v>1639</v>
      </c>
      <c r="C7" s="68">
        <v>848</v>
      </c>
      <c r="D7" s="68">
        <v>791</v>
      </c>
      <c r="E7" s="67">
        <v>0</v>
      </c>
      <c r="F7" s="68">
        <v>0</v>
      </c>
      <c r="G7" s="69">
        <v>0</v>
      </c>
      <c r="H7" s="68">
        <v>109</v>
      </c>
      <c r="I7" s="68">
        <v>57</v>
      </c>
      <c r="J7" s="68">
        <v>52</v>
      </c>
      <c r="K7" s="67">
        <v>101</v>
      </c>
      <c r="L7" s="79">
        <v>52</v>
      </c>
      <c r="M7" s="80">
        <v>49</v>
      </c>
    </row>
    <row r="8" spans="1:13">
      <c r="A8" s="15" t="s">
        <v>6</v>
      </c>
      <c r="B8" s="67">
        <v>30</v>
      </c>
      <c r="C8" s="68">
        <v>24</v>
      </c>
      <c r="D8" s="68">
        <v>6</v>
      </c>
      <c r="E8" s="67">
        <v>0</v>
      </c>
      <c r="F8" s="68">
        <v>0</v>
      </c>
      <c r="G8" s="69">
        <v>0</v>
      </c>
      <c r="H8" s="68">
        <v>239</v>
      </c>
      <c r="I8" s="68">
        <v>127</v>
      </c>
      <c r="J8" s="68">
        <v>112</v>
      </c>
      <c r="K8" s="67">
        <v>209</v>
      </c>
      <c r="L8" s="79">
        <v>103</v>
      </c>
      <c r="M8" s="80">
        <v>106</v>
      </c>
    </row>
    <row r="9" spans="1:13">
      <c r="A9" s="15" t="s">
        <v>8</v>
      </c>
      <c r="B9" s="67">
        <v>11</v>
      </c>
      <c r="C9" s="68">
        <v>1</v>
      </c>
      <c r="D9" s="68">
        <v>10</v>
      </c>
      <c r="E9" s="67">
        <v>1</v>
      </c>
      <c r="F9" s="68">
        <v>0</v>
      </c>
      <c r="G9" s="69">
        <v>1</v>
      </c>
      <c r="H9" s="68">
        <v>163</v>
      </c>
      <c r="I9" s="68">
        <v>80</v>
      </c>
      <c r="J9" s="68">
        <v>83</v>
      </c>
      <c r="K9" s="67">
        <v>151</v>
      </c>
      <c r="L9" s="79">
        <v>79</v>
      </c>
      <c r="M9" s="80">
        <v>72</v>
      </c>
    </row>
    <row r="10" spans="1:13">
      <c r="A10" s="15" t="s">
        <v>10</v>
      </c>
      <c r="B10" s="67">
        <v>-24</v>
      </c>
      <c r="C10" s="68">
        <v>-3</v>
      </c>
      <c r="D10" s="68">
        <v>-21</v>
      </c>
      <c r="E10" s="67">
        <v>0</v>
      </c>
      <c r="F10" s="68">
        <v>0</v>
      </c>
      <c r="G10" s="69">
        <v>0</v>
      </c>
      <c r="H10" s="68">
        <v>132</v>
      </c>
      <c r="I10" s="68">
        <v>74</v>
      </c>
      <c r="J10" s="68">
        <v>58</v>
      </c>
      <c r="K10" s="67">
        <v>156</v>
      </c>
      <c r="L10" s="79">
        <v>77</v>
      </c>
      <c r="M10" s="80">
        <v>79</v>
      </c>
    </row>
    <row r="11" spans="1:13">
      <c r="A11" s="15" t="s">
        <v>12</v>
      </c>
      <c r="B11" s="67">
        <v>-8</v>
      </c>
      <c r="C11" s="68">
        <v>-7</v>
      </c>
      <c r="D11" s="68">
        <v>-1</v>
      </c>
      <c r="E11" s="67">
        <v>1</v>
      </c>
      <c r="F11" s="68">
        <v>1</v>
      </c>
      <c r="G11" s="69">
        <v>0</v>
      </c>
      <c r="H11" s="68">
        <v>127</v>
      </c>
      <c r="I11" s="68">
        <v>64</v>
      </c>
      <c r="J11" s="68">
        <v>63</v>
      </c>
      <c r="K11" s="67">
        <v>134</v>
      </c>
      <c r="L11" s="79">
        <v>70</v>
      </c>
      <c r="M11" s="80">
        <v>64</v>
      </c>
    </row>
    <row r="12" spans="1:13" ht="21" customHeight="1">
      <c r="A12" s="36" t="s">
        <v>14</v>
      </c>
      <c r="B12" s="64">
        <v>-25</v>
      </c>
      <c r="C12" s="65">
        <v>-18</v>
      </c>
      <c r="D12" s="65">
        <v>-7</v>
      </c>
      <c r="E12" s="64">
        <v>0</v>
      </c>
      <c r="F12" s="65">
        <v>0</v>
      </c>
      <c r="G12" s="66">
        <v>0</v>
      </c>
      <c r="H12" s="65">
        <v>442</v>
      </c>
      <c r="I12" s="65">
        <v>224</v>
      </c>
      <c r="J12" s="65">
        <v>218</v>
      </c>
      <c r="K12" s="64">
        <v>467</v>
      </c>
      <c r="L12" s="77">
        <v>242</v>
      </c>
      <c r="M12" s="78">
        <v>225</v>
      </c>
    </row>
    <row r="13" spans="1:13">
      <c r="A13" s="15" t="s">
        <v>16</v>
      </c>
      <c r="B13" s="67">
        <v>1</v>
      </c>
      <c r="C13" s="68">
        <v>-1</v>
      </c>
      <c r="D13" s="68">
        <v>2</v>
      </c>
      <c r="E13" s="67">
        <v>0</v>
      </c>
      <c r="F13" s="68">
        <v>0</v>
      </c>
      <c r="G13" s="69">
        <v>0</v>
      </c>
      <c r="H13" s="68">
        <v>113</v>
      </c>
      <c r="I13" s="68">
        <v>58</v>
      </c>
      <c r="J13" s="68">
        <v>55</v>
      </c>
      <c r="K13" s="67">
        <v>112</v>
      </c>
      <c r="L13" s="79">
        <v>59</v>
      </c>
      <c r="M13" s="80">
        <v>53</v>
      </c>
    </row>
    <row r="14" spans="1:13">
      <c r="A14" s="15" t="s">
        <v>18</v>
      </c>
      <c r="B14" s="67">
        <v>-17</v>
      </c>
      <c r="C14" s="68">
        <v>-21</v>
      </c>
      <c r="D14" s="68">
        <v>4</v>
      </c>
      <c r="E14" s="67">
        <v>0</v>
      </c>
      <c r="F14" s="68">
        <v>0</v>
      </c>
      <c r="G14" s="69">
        <v>0</v>
      </c>
      <c r="H14" s="68">
        <v>102</v>
      </c>
      <c r="I14" s="68">
        <v>45</v>
      </c>
      <c r="J14" s="68">
        <v>57</v>
      </c>
      <c r="K14" s="67">
        <v>119</v>
      </c>
      <c r="L14" s="79">
        <v>66</v>
      </c>
      <c r="M14" s="80">
        <v>53</v>
      </c>
    </row>
    <row r="15" spans="1:13">
      <c r="A15" s="15" t="s">
        <v>20</v>
      </c>
      <c r="B15" s="67">
        <v>6</v>
      </c>
      <c r="C15" s="68">
        <v>2</v>
      </c>
      <c r="D15" s="68">
        <v>4</v>
      </c>
      <c r="E15" s="67">
        <v>0</v>
      </c>
      <c r="F15" s="68">
        <v>0</v>
      </c>
      <c r="G15" s="69">
        <v>0</v>
      </c>
      <c r="H15" s="68">
        <v>111</v>
      </c>
      <c r="I15" s="68">
        <v>62</v>
      </c>
      <c r="J15" s="68">
        <v>49</v>
      </c>
      <c r="K15" s="67">
        <v>105</v>
      </c>
      <c r="L15" s="79">
        <v>60</v>
      </c>
      <c r="M15" s="80">
        <v>45</v>
      </c>
    </row>
    <row r="16" spans="1:13">
      <c r="A16" s="15" t="s">
        <v>22</v>
      </c>
      <c r="B16" s="67">
        <v>-10</v>
      </c>
      <c r="C16" s="68">
        <v>4</v>
      </c>
      <c r="D16" s="68">
        <v>-14</v>
      </c>
      <c r="E16" s="67">
        <v>0</v>
      </c>
      <c r="F16" s="68">
        <v>0</v>
      </c>
      <c r="G16" s="69">
        <v>0</v>
      </c>
      <c r="H16" s="68">
        <v>63</v>
      </c>
      <c r="I16" s="68">
        <v>35</v>
      </c>
      <c r="J16" s="68">
        <v>28</v>
      </c>
      <c r="K16" s="67">
        <v>73</v>
      </c>
      <c r="L16" s="79">
        <v>31</v>
      </c>
      <c r="M16" s="80">
        <v>42</v>
      </c>
    </row>
    <row r="17" spans="1:13">
      <c r="A17" s="15" t="s">
        <v>24</v>
      </c>
      <c r="B17" s="67">
        <v>-5</v>
      </c>
      <c r="C17" s="68">
        <v>-2</v>
      </c>
      <c r="D17" s="68">
        <v>-3</v>
      </c>
      <c r="E17" s="67">
        <v>0</v>
      </c>
      <c r="F17" s="68">
        <v>0</v>
      </c>
      <c r="G17" s="69">
        <v>0</v>
      </c>
      <c r="H17" s="68">
        <v>53</v>
      </c>
      <c r="I17" s="68">
        <v>24</v>
      </c>
      <c r="J17" s="68">
        <v>29</v>
      </c>
      <c r="K17" s="67">
        <v>58</v>
      </c>
      <c r="L17" s="79">
        <v>26</v>
      </c>
      <c r="M17" s="80">
        <v>32</v>
      </c>
    </row>
    <row r="18" spans="1:13" ht="21" customHeight="1">
      <c r="A18" s="36" t="s">
        <v>26</v>
      </c>
      <c r="B18" s="64">
        <v>-47</v>
      </c>
      <c r="C18" s="65">
        <v>-34</v>
      </c>
      <c r="D18" s="65">
        <v>-13</v>
      </c>
      <c r="E18" s="64">
        <v>0</v>
      </c>
      <c r="F18" s="65">
        <v>0</v>
      </c>
      <c r="G18" s="66">
        <v>0</v>
      </c>
      <c r="H18" s="65">
        <v>236</v>
      </c>
      <c r="I18" s="65">
        <v>111</v>
      </c>
      <c r="J18" s="65">
        <v>125</v>
      </c>
      <c r="K18" s="64">
        <v>283</v>
      </c>
      <c r="L18" s="77">
        <v>145</v>
      </c>
      <c r="M18" s="78">
        <v>138</v>
      </c>
    </row>
    <row r="19" spans="1:13">
      <c r="A19" s="15" t="s">
        <v>28</v>
      </c>
      <c r="B19" s="67">
        <v>-22</v>
      </c>
      <c r="C19" s="68">
        <v>-7</v>
      </c>
      <c r="D19" s="68">
        <v>-15</v>
      </c>
      <c r="E19" s="67">
        <v>0</v>
      </c>
      <c r="F19" s="68">
        <v>0</v>
      </c>
      <c r="G19" s="69">
        <v>0</v>
      </c>
      <c r="H19" s="68">
        <v>44</v>
      </c>
      <c r="I19" s="68">
        <v>21</v>
      </c>
      <c r="J19" s="68">
        <v>23</v>
      </c>
      <c r="K19" s="67">
        <v>66</v>
      </c>
      <c r="L19" s="79">
        <v>28</v>
      </c>
      <c r="M19" s="80">
        <v>38</v>
      </c>
    </row>
    <row r="20" spans="1:13">
      <c r="A20" s="15" t="s">
        <v>30</v>
      </c>
      <c r="B20" s="67">
        <v>-4</v>
      </c>
      <c r="C20" s="68">
        <v>-6</v>
      </c>
      <c r="D20" s="68">
        <v>2</v>
      </c>
      <c r="E20" s="67">
        <v>0</v>
      </c>
      <c r="F20" s="68">
        <v>0</v>
      </c>
      <c r="G20" s="69">
        <v>0</v>
      </c>
      <c r="H20" s="68">
        <v>53</v>
      </c>
      <c r="I20" s="68">
        <v>28</v>
      </c>
      <c r="J20" s="68">
        <v>25</v>
      </c>
      <c r="K20" s="67">
        <v>57</v>
      </c>
      <c r="L20" s="79">
        <v>34</v>
      </c>
      <c r="M20" s="80">
        <v>23</v>
      </c>
    </row>
    <row r="21" spans="1:13">
      <c r="A21" s="15" t="s">
        <v>32</v>
      </c>
      <c r="B21" s="67">
        <v>6</v>
      </c>
      <c r="C21" s="68">
        <v>-5</v>
      </c>
      <c r="D21" s="68">
        <v>11</v>
      </c>
      <c r="E21" s="67">
        <v>0</v>
      </c>
      <c r="F21" s="68">
        <v>0</v>
      </c>
      <c r="G21" s="69">
        <v>0</v>
      </c>
      <c r="H21" s="68">
        <v>56</v>
      </c>
      <c r="I21" s="68">
        <v>21</v>
      </c>
      <c r="J21" s="68">
        <v>35</v>
      </c>
      <c r="K21" s="67">
        <v>50</v>
      </c>
      <c r="L21" s="79">
        <v>26</v>
      </c>
      <c r="M21" s="80">
        <v>24</v>
      </c>
    </row>
    <row r="22" spans="1:13">
      <c r="A22" s="15" t="s">
        <v>34</v>
      </c>
      <c r="B22" s="67">
        <v>-8</v>
      </c>
      <c r="C22" s="68">
        <v>-9</v>
      </c>
      <c r="D22" s="68">
        <v>1</v>
      </c>
      <c r="E22" s="67">
        <v>0</v>
      </c>
      <c r="F22" s="68">
        <v>0</v>
      </c>
      <c r="G22" s="69">
        <v>0</v>
      </c>
      <c r="H22" s="68">
        <v>56</v>
      </c>
      <c r="I22" s="68">
        <v>27</v>
      </c>
      <c r="J22" s="68">
        <v>29</v>
      </c>
      <c r="K22" s="67">
        <v>64</v>
      </c>
      <c r="L22" s="79">
        <v>36</v>
      </c>
      <c r="M22" s="80">
        <v>28</v>
      </c>
    </row>
    <row r="23" spans="1:13">
      <c r="A23" s="15" t="s">
        <v>36</v>
      </c>
      <c r="B23" s="67">
        <v>-19</v>
      </c>
      <c r="C23" s="68">
        <v>-7</v>
      </c>
      <c r="D23" s="68">
        <v>-12</v>
      </c>
      <c r="E23" s="67">
        <v>0</v>
      </c>
      <c r="F23" s="68">
        <v>0</v>
      </c>
      <c r="G23" s="69">
        <v>0</v>
      </c>
      <c r="H23" s="68">
        <v>27</v>
      </c>
      <c r="I23" s="68">
        <v>14</v>
      </c>
      <c r="J23" s="68">
        <v>13</v>
      </c>
      <c r="K23" s="67">
        <v>46</v>
      </c>
      <c r="L23" s="79">
        <v>21</v>
      </c>
      <c r="M23" s="80">
        <v>25</v>
      </c>
    </row>
    <row r="24" spans="1:13" ht="21" customHeight="1">
      <c r="A24" s="36" t="s">
        <v>38</v>
      </c>
      <c r="B24" s="64">
        <v>75</v>
      </c>
      <c r="C24" s="65">
        <v>12</v>
      </c>
      <c r="D24" s="65">
        <v>63</v>
      </c>
      <c r="E24" s="64">
        <v>3</v>
      </c>
      <c r="F24" s="65">
        <v>1</v>
      </c>
      <c r="G24" s="66">
        <v>2</v>
      </c>
      <c r="H24" s="65">
        <v>403</v>
      </c>
      <c r="I24" s="65">
        <v>193</v>
      </c>
      <c r="J24" s="65">
        <v>210</v>
      </c>
      <c r="K24" s="64">
        <v>325</v>
      </c>
      <c r="L24" s="77">
        <v>180</v>
      </c>
      <c r="M24" s="78">
        <v>145</v>
      </c>
    </row>
    <row r="25" spans="1:13">
      <c r="A25" s="15" t="s">
        <v>40</v>
      </c>
      <c r="B25" s="67">
        <v>-4</v>
      </c>
      <c r="C25" s="68">
        <v>-10</v>
      </c>
      <c r="D25" s="68">
        <v>6</v>
      </c>
      <c r="E25" s="67">
        <v>1</v>
      </c>
      <c r="F25" s="68">
        <v>1</v>
      </c>
      <c r="G25" s="69">
        <v>0</v>
      </c>
      <c r="H25" s="68">
        <v>44</v>
      </c>
      <c r="I25" s="68">
        <v>16</v>
      </c>
      <c r="J25" s="68">
        <v>28</v>
      </c>
      <c r="K25" s="67">
        <v>47</v>
      </c>
      <c r="L25" s="79">
        <v>25</v>
      </c>
      <c r="M25" s="80">
        <v>22</v>
      </c>
    </row>
    <row r="26" spans="1:13">
      <c r="A26" s="15" t="s">
        <v>42</v>
      </c>
      <c r="B26" s="67">
        <v>-11</v>
      </c>
      <c r="C26" s="68">
        <v>-10</v>
      </c>
      <c r="D26" s="68">
        <v>-1</v>
      </c>
      <c r="E26" s="67">
        <v>1</v>
      </c>
      <c r="F26" s="68">
        <v>0</v>
      </c>
      <c r="G26" s="69">
        <v>1</v>
      </c>
      <c r="H26" s="68">
        <v>61</v>
      </c>
      <c r="I26" s="68">
        <v>25</v>
      </c>
      <c r="J26" s="68">
        <v>36</v>
      </c>
      <c r="K26" s="67">
        <v>71</v>
      </c>
      <c r="L26" s="79">
        <v>35</v>
      </c>
      <c r="M26" s="80">
        <v>36</v>
      </c>
    </row>
    <row r="27" spans="1:13">
      <c r="A27" s="15" t="s">
        <v>44</v>
      </c>
      <c r="B27" s="67">
        <v>-12</v>
      </c>
      <c r="C27" s="68">
        <v>-3</v>
      </c>
      <c r="D27" s="68">
        <v>-9</v>
      </c>
      <c r="E27" s="67">
        <v>1</v>
      </c>
      <c r="F27" s="68">
        <v>0</v>
      </c>
      <c r="G27" s="69">
        <v>1</v>
      </c>
      <c r="H27" s="68">
        <v>29</v>
      </c>
      <c r="I27" s="68">
        <v>17</v>
      </c>
      <c r="J27" s="68">
        <v>12</v>
      </c>
      <c r="K27" s="67">
        <v>40</v>
      </c>
      <c r="L27" s="79">
        <v>20</v>
      </c>
      <c r="M27" s="80">
        <v>20</v>
      </c>
    </row>
    <row r="28" spans="1:13">
      <c r="A28" s="15" t="s">
        <v>46</v>
      </c>
      <c r="B28" s="67">
        <v>19</v>
      </c>
      <c r="C28" s="68">
        <v>7</v>
      </c>
      <c r="D28" s="68">
        <v>12</v>
      </c>
      <c r="E28" s="67">
        <v>0</v>
      </c>
      <c r="F28" s="68">
        <v>0</v>
      </c>
      <c r="G28" s="69">
        <v>0</v>
      </c>
      <c r="H28" s="68">
        <v>86</v>
      </c>
      <c r="I28" s="68">
        <v>44</v>
      </c>
      <c r="J28" s="68">
        <v>42</v>
      </c>
      <c r="K28" s="67">
        <v>67</v>
      </c>
      <c r="L28" s="79">
        <v>37</v>
      </c>
      <c r="M28" s="80">
        <v>30</v>
      </c>
    </row>
    <row r="29" spans="1:13">
      <c r="A29" s="15" t="s">
        <v>48</v>
      </c>
      <c r="B29" s="67">
        <v>83</v>
      </c>
      <c r="C29" s="68">
        <v>28</v>
      </c>
      <c r="D29" s="68">
        <v>55</v>
      </c>
      <c r="E29" s="67">
        <v>0</v>
      </c>
      <c r="F29" s="68">
        <v>0</v>
      </c>
      <c r="G29" s="69">
        <v>0</v>
      </c>
      <c r="H29" s="68">
        <v>183</v>
      </c>
      <c r="I29" s="68">
        <v>91</v>
      </c>
      <c r="J29" s="68">
        <v>92</v>
      </c>
      <c r="K29" s="67">
        <v>100</v>
      </c>
      <c r="L29" s="79">
        <v>63</v>
      </c>
      <c r="M29" s="80">
        <v>37</v>
      </c>
    </row>
    <row r="30" spans="1:13" ht="21" customHeight="1">
      <c r="A30" s="36" t="s">
        <v>50</v>
      </c>
      <c r="B30" s="64">
        <v>394</v>
      </c>
      <c r="C30" s="65">
        <v>120</v>
      </c>
      <c r="D30" s="65">
        <v>274</v>
      </c>
      <c r="E30" s="64">
        <v>2</v>
      </c>
      <c r="F30" s="65">
        <v>1</v>
      </c>
      <c r="G30" s="66">
        <v>1</v>
      </c>
      <c r="H30" s="65">
        <v>2006</v>
      </c>
      <c r="I30" s="65">
        <v>922</v>
      </c>
      <c r="J30" s="65">
        <v>1084</v>
      </c>
      <c r="K30" s="64">
        <v>1610</v>
      </c>
      <c r="L30" s="77">
        <v>801</v>
      </c>
      <c r="M30" s="78">
        <v>809</v>
      </c>
    </row>
    <row r="31" spans="1:13">
      <c r="A31" s="15" t="s">
        <v>52</v>
      </c>
      <c r="B31" s="67">
        <v>61</v>
      </c>
      <c r="C31" s="68">
        <v>37</v>
      </c>
      <c r="D31" s="68">
        <v>24</v>
      </c>
      <c r="E31" s="67">
        <v>0</v>
      </c>
      <c r="F31" s="68">
        <v>0</v>
      </c>
      <c r="G31" s="69">
        <v>0</v>
      </c>
      <c r="H31" s="68">
        <v>174</v>
      </c>
      <c r="I31" s="68">
        <v>100</v>
      </c>
      <c r="J31" s="68">
        <v>74</v>
      </c>
      <c r="K31" s="67">
        <v>113</v>
      </c>
      <c r="L31" s="79">
        <v>63</v>
      </c>
      <c r="M31" s="80">
        <v>50</v>
      </c>
    </row>
    <row r="32" spans="1:13">
      <c r="A32" s="15" t="s">
        <v>54</v>
      </c>
      <c r="B32" s="67">
        <v>124</v>
      </c>
      <c r="C32" s="68">
        <v>25</v>
      </c>
      <c r="D32" s="68">
        <v>99</v>
      </c>
      <c r="E32" s="67">
        <v>1</v>
      </c>
      <c r="F32" s="68">
        <v>1</v>
      </c>
      <c r="G32" s="69">
        <v>0</v>
      </c>
      <c r="H32" s="68">
        <v>268</v>
      </c>
      <c r="I32" s="68">
        <v>90</v>
      </c>
      <c r="J32" s="68">
        <v>178</v>
      </c>
      <c r="K32" s="67">
        <v>143</v>
      </c>
      <c r="L32" s="79">
        <v>64</v>
      </c>
      <c r="M32" s="80">
        <v>79</v>
      </c>
    </row>
    <row r="33" spans="1:13">
      <c r="A33" s="15" t="s">
        <v>56</v>
      </c>
      <c r="B33" s="67">
        <v>46</v>
      </c>
      <c r="C33" s="68">
        <v>8</v>
      </c>
      <c r="D33" s="68">
        <v>38</v>
      </c>
      <c r="E33" s="67">
        <v>1</v>
      </c>
      <c r="F33" s="68">
        <v>0</v>
      </c>
      <c r="G33" s="69">
        <v>1</v>
      </c>
      <c r="H33" s="68">
        <v>348</v>
      </c>
      <c r="I33" s="68">
        <v>156</v>
      </c>
      <c r="J33" s="68">
        <v>192</v>
      </c>
      <c r="K33" s="67">
        <v>301</v>
      </c>
      <c r="L33" s="79">
        <v>148</v>
      </c>
      <c r="M33" s="80">
        <v>153</v>
      </c>
    </row>
    <row r="34" spans="1:13">
      <c r="A34" s="15" t="s">
        <v>58</v>
      </c>
      <c r="B34" s="67">
        <v>145</v>
      </c>
      <c r="C34" s="68">
        <v>29</v>
      </c>
      <c r="D34" s="68">
        <v>116</v>
      </c>
      <c r="E34" s="67">
        <v>0</v>
      </c>
      <c r="F34" s="68">
        <v>0</v>
      </c>
      <c r="G34" s="69">
        <v>0</v>
      </c>
      <c r="H34" s="68">
        <v>662</v>
      </c>
      <c r="I34" s="68">
        <v>285</v>
      </c>
      <c r="J34" s="68">
        <v>377</v>
      </c>
      <c r="K34" s="67">
        <v>517</v>
      </c>
      <c r="L34" s="79">
        <v>256</v>
      </c>
      <c r="M34" s="80">
        <v>261</v>
      </c>
    </row>
    <row r="35" spans="1:13">
      <c r="A35" s="15" t="s">
        <v>60</v>
      </c>
      <c r="B35" s="67">
        <v>18</v>
      </c>
      <c r="C35" s="68">
        <v>21</v>
      </c>
      <c r="D35" s="68">
        <v>-3</v>
      </c>
      <c r="E35" s="67">
        <v>0</v>
      </c>
      <c r="F35" s="68">
        <v>0</v>
      </c>
      <c r="G35" s="69">
        <v>0</v>
      </c>
      <c r="H35" s="68">
        <v>554</v>
      </c>
      <c r="I35" s="68">
        <v>291</v>
      </c>
      <c r="J35" s="68">
        <v>263</v>
      </c>
      <c r="K35" s="67">
        <v>536</v>
      </c>
      <c r="L35" s="79">
        <v>270</v>
      </c>
      <c r="M35" s="80">
        <v>266</v>
      </c>
    </row>
    <row r="36" spans="1:13" ht="21" customHeight="1">
      <c r="A36" s="36" t="s">
        <v>62</v>
      </c>
      <c r="B36" s="64">
        <v>160</v>
      </c>
      <c r="C36" s="65">
        <v>83</v>
      </c>
      <c r="D36" s="65">
        <v>77</v>
      </c>
      <c r="E36" s="64">
        <v>4</v>
      </c>
      <c r="F36" s="65">
        <v>1</v>
      </c>
      <c r="G36" s="66">
        <v>3</v>
      </c>
      <c r="H36" s="65">
        <v>3029</v>
      </c>
      <c r="I36" s="65">
        <v>1519</v>
      </c>
      <c r="J36" s="65">
        <v>1510</v>
      </c>
      <c r="K36" s="64">
        <v>2865</v>
      </c>
      <c r="L36" s="77">
        <v>1435</v>
      </c>
      <c r="M36" s="78">
        <v>1430</v>
      </c>
    </row>
    <row r="37" spans="1:13">
      <c r="A37" s="15" t="s">
        <v>64</v>
      </c>
      <c r="B37" s="67">
        <v>27</v>
      </c>
      <c r="C37" s="68">
        <v>24</v>
      </c>
      <c r="D37" s="68">
        <v>3</v>
      </c>
      <c r="E37" s="67">
        <v>0</v>
      </c>
      <c r="F37" s="68">
        <v>0</v>
      </c>
      <c r="G37" s="69">
        <v>0</v>
      </c>
      <c r="H37" s="68">
        <v>641</v>
      </c>
      <c r="I37" s="68">
        <v>330</v>
      </c>
      <c r="J37" s="68">
        <v>311</v>
      </c>
      <c r="K37" s="67">
        <v>614</v>
      </c>
      <c r="L37" s="79">
        <v>306</v>
      </c>
      <c r="M37" s="80">
        <v>308</v>
      </c>
    </row>
    <row r="38" spans="1:13">
      <c r="A38" s="15" t="s">
        <v>66</v>
      </c>
      <c r="B38" s="67">
        <v>37</v>
      </c>
      <c r="C38" s="68">
        <v>30</v>
      </c>
      <c r="D38" s="68">
        <v>7</v>
      </c>
      <c r="E38" s="67">
        <v>2</v>
      </c>
      <c r="F38" s="68">
        <v>0</v>
      </c>
      <c r="G38" s="69">
        <v>2</v>
      </c>
      <c r="H38" s="68">
        <v>637</v>
      </c>
      <c r="I38" s="68">
        <v>322</v>
      </c>
      <c r="J38" s="68">
        <v>315</v>
      </c>
      <c r="K38" s="67">
        <v>598</v>
      </c>
      <c r="L38" s="79">
        <v>292</v>
      </c>
      <c r="M38" s="80">
        <v>306</v>
      </c>
    </row>
    <row r="39" spans="1:13">
      <c r="A39" s="15" t="s">
        <v>68</v>
      </c>
      <c r="B39" s="67">
        <v>22</v>
      </c>
      <c r="C39" s="68">
        <v>-10</v>
      </c>
      <c r="D39" s="68">
        <v>32</v>
      </c>
      <c r="E39" s="67">
        <v>0</v>
      </c>
      <c r="F39" s="68">
        <v>0</v>
      </c>
      <c r="G39" s="69">
        <v>0</v>
      </c>
      <c r="H39" s="68">
        <v>573</v>
      </c>
      <c r="I39" s="68">
        <v>267</v>
      </c>
      <c r="J39" s="68">
        <v>306</v>
      </c>
      <c r="K39" s="67">
        <v>551</v>
      </c>
      <c r="L39" s="79">
        <v>277</v>
      </c>
      <c r="M39" s="80">
        <v>274</v>
      </c>
    </row>
    <row r="40" spans="1:13">
      <c r="A40" s="15" t="s">
        <v>70</v>
      </c>
      <c r="B40" s="67">
        <v>8</v>
      </c>
      <c r="C40" s="68">
        <v>13</v>
      </c>
      <c r="D40" s="68">
        <v>-5</v>
      </c>
      <c r="E40" s="67">
        <v>1</v>
      </c>
      <c r="F40" s="68">
        <v>1</v>
      </c>
      <c r="G40" s="69">
        <v>0</v>
      </c>
      <c r="H40" s="68">
        <v>582</v>
      </c>
      <c r="I40" s="68">
        <v>297</v>
      </c>
      <c r="J40" s="68">
        <v>285</v>
      </c>
      <c r="K40" s="67">
        <v>573</v>
      </c>
      <c r="L40" s="79">
        <v>283</v>
      </c>
      <c r="M40" s="80">
        <v>290</v>
      </c>
    </row>
    <row r="41" spans="1:13">
      <c r="A41" s="15" t="s">
        <v>72</v>
      </c>
      <c r="B41" s="67">
        <v>66</v>
      </c>
      <c r="C41" s="68">
        <v>26</v>
      </c>
      <c r="D41" s="68">
        <v>40</v>
      </c>
      <c r="E41" s="67">
        <v>1</v>
      </c>
      <c r="F41" s="68">
        <v>0</v>
      </c>
      <c r="G41" s="69">
        <v>1</v>
      </c>
      <c r="H41" s="68">
        <v>596</v>
      </c>
      <c r="I41" s="68">
        <v>303</v>
      </c>
      <c r="J41" s="68">
        <v>293</v>
      </c>
      <c r="K41" s="67">
        <v>529</v>
      </c>
      <c r="L41" s="79">
        <v>277</v>
      </c>
      <c r="M41" s="80">
        <v>252</v>
      </c>
    </row>
    <row r="42" spans="1:13" ht="21" customHeight="1">
      <c r="A42" s="36" t="s">
        <v>74</v>
      </c>
      <c r="B42" s="64">
        <v>312</v>
      </c>
      <c r="C42" s="65">
        <v>163</v>
      </c>
      <c r="D42" s="65">
        <v>149</v>
      </c>
      <c r="E42" s="64">
        <v>6</v>
      </c>
      <c r="F42" s="65">
        <v>3</v>
      </c>
      <c r="G42" s="66">
        <v>3</v>
      </c>
      <c r="H42" s="65">
        <v>2220</v>
      </c>
      <c r="I42" s="65">
        <v>1111</v>
      </c>
      <c r="J42" s="65">
        <v>1109</v>
      </c>
      <c r="K42" s="64">
        <v>1902</v>
      </c>
      <c r="L42" s="77">
        <v>945</v>
      </c>
      <c r="M42" s="78">
        <v>957</v>
      </c>
    </row>
    <row r="43" spans="1:13">
      <c r="A43" s="15" t="s">
        <v>76</v>
      </c>
      <c r="B43" s="67">
        <v>51</v>
      </c>
      <c r="C43" s="68">
        <v>26</v>
      </c>
      <c r="D43" s="68">
        <v>25</v>
      </c>
      <c r="E43" s="67">
        <v>1</v>
      </c>
      <c r="F43" s="68">
        <v>1</v>
      </c>
      <c r="G43" s="69">
        <v>0</v>
      </c>
      <c r="H43" s="68">
        <v>528</v>
      </c>
      <c r="I43" s="68">
        <v>251</v>
      </c>
      <c r="J43" s="68">
        <v>277</v>
      </c>
      <c r="K43" s="67">
        <v>476</v>
      </c>
      <c r="L43" s="79">
        <v>224</v>
      </c>
      <c r="M43" s="80">
        <v>252</v>
      </c>
    </row>
    <row r="44" spans="1:13">
      <c r="A44" s="15" t="s">
        <v>78</v>
      </c>
      <c r="B44" s="67">
        <v>73</v>
      </c>
      <c r="C44" s="68">
        <v>30</v>
      </c>
      <c r="D44" s="68">
        <v>43</v>
      </c>
      <c r="E44" s="67">
        <v>0</v>
      </c>
      <c r="F44" s="68">
        <v>0</v>
      </c>
      <c r="G44" s="69">
        <v>0</v>
      </c>
      <c r="H44" s="68">
        <v>476</v>
      </c>
      <c r="I44" s="68">
        <v>236</v>
      </c>
      <c r="J44" s="68">
        <v>240</v>
      </c>
      <c r="K44" s="67">
        <v>403</v>
      </c>
      <c r="L44" s="79">
        <v>206</v>
      </c>
      <c r="M44" s="80">
        <v>197</v>
      </c>
    </row>
    <row r="45" spans="1:13">
      <c r="A45" s="15" t="s">
        <v>80</v>
      </c>
      <c r="B45" s="67">
        <v>52</v>
      </c>
      <c r="C45" s="68">
        <v>35</v>
      </c>
      <c r="D45" s="68">
        <v>17</v>
      </c>
      <c r="E45" s="67">
        <v>2</v>
      </c>
      <c r="F45" s="68">
        <v>1</v>
      </c>
      <c r="G45" s="69">
        <v>1</v>
      </c>
      <c r="H45" s="68">
        <v>422</v>
      </c>
      <c r="I45" s="68">
        <v>223</v>
      </c>
      <c r="J45" s="68">
        <v>199</v>
      </c>
      <c r="K45" s="67">
        <v>368</v>
      </c>
      <c r="L45" s="79">
        <v>187</v>
      </c>
      <c r="M45" s="80">
        <v>181</v>
      </c>
    </row>
    <row r="46" spans="1:13">
      <c r="A46" s="15" t="s">
        <v>82</v>
      </c>
      <c r="B46" s="67">
        <v>71</v>
      </c>
      <c r="C46" s="68">
        <v>35</v>
      </c>
      <c r="D46" s="68">
        <v>36</v>
      </c>
      <c r="E46" s="67">
        <v>2</v>
      </c>
      <c r="F46" s="68">
        <v>1</v>
      </c>
      <c r="G46" s="69">
        <v>1</v>
      </c>
      <c r="H46" s="68">
        <v>403</v>
      </c>
      <c r="I46" s="68">
        <v>204</v>
      </c>
      <c r="J46" s="68">
        <v>199</v>
      </c>
      <c r="K46" s="67">
        <v>330</v>
      </c>
      <c r="L46" s="79">
        <v>168</v>
      </c>
      <c r="M46" s="80">
        <v>162</v>
      </c>
    </row>
    <row r="47" spans="1:13">
      <c r="A47" s="15" t="s">
        <v>84</v>
      </c>
      <c r="B47" s="67">
        <v>65</v>
      </c>
      <c r="C47" s="68">
        <v>37</v>
      </c>
      <c r="D47" s="68">
        <v>28</v>
      </c>
      <c r="E47" s="67">
        <v>1</v>
      </c>
      <c r="F47" s="68">
        <v>0</v>
      </c>
      <c r="G47" s="69">
        <v>1</v>
      </c>
      <c r="H47" s="68">
        <v>391</v>
      </c>
      <c r="I47" s="68">
        <v>197</v>
      </c>
      <c r="J47" s="68">
        <v>194</v>
      </c>
      <c r="K47" s="67">
        <v>325</v>
      </c>
      <c r="L47" s="79">
        <v>160</v>
      </c>
      <c r="M47" s="80">
        <v>165</v>
      </c>
    </row>
    <row r="48" spans="1:13" ht="21" customHeight="1">
      <c r="A48" s="36" t="s">
        <v>86</v>
      </c>
      <c r="B48" s="64">
        <v>22</v>
      </c>
      <c r="C48" s="65">
        <v>33</v>
      </c>
      <c r="D48" s="65">
        <v>-11</v>
      </c>
      <c r="E48" s="64">
        <v>5</v>
      </c>
      <c r="F48" s="65">
        <v>2</v>
      </c>
      <c r="G48" s="66">
        <v>3</v>
      </c>
      <c r="H48" s="65">
        <v>1341</v>
      </c>
      <c r="I48" s="65">
        <v>733</v>
      </c>
      <c r="J48" s="65">
        <v>608</v>
      </c>
      <c r="K48" s="64">
        <v>1314</v>
      </c>
      <c r="L48" s="77">
        <v>698</v>
      </c>
      <c r="M48" s="78">
        <v>616</v>
      </c>
    </row>
    <row r="49" spans="1:13">
      <c r="A49" s="15" t="s">
        <v>88</v>
      </c>
      <c r="B49" s="67">
        <v>19</v>
      </c>
      <c r="C49" s="68">
        <v>14</v>
      </c>
      <c r="D49" s="68">
        <v>5</v>
      </c>
      <c r="E49" s="67">
        <v>0</v>
      </c>
      <c r="F49" s="68">
        <v>0</v>
      </c>
      <c r="G49" s="69">
        <v>0</v>
      </c>
      <c r="H49" s="68">
        <v>313</v>
      </c>
      <c r="I49" s="68">
        <v>169</v>
      </c>
      <c r="J49" s="68">
        <v>144</v>
      </c>
      <c r="K49" s="67">
        <v>294</v>
      </c>
      <c r="L49" s="79">
        <v>155</v>
      </c>
      <c r="M49" s="80">
        <v>139</v>
      </c>
    </row>
    <row r="50" spans="1:13">
      <c r="A50" s="15" t="s">
        <v>90</v>
      </c>
      <c r="B50" s="67">
        <v>30</v>
      </c>
      <c r="C50" s="68">
        <v>28</v>
      </c>
      <c r="D50" s="68">
        <v>2</v>
      </c>
      <c r="E50" s="67">
        <v>0</v>
      </c>
      <c r="F50" s="68">
        <v>0</v>
      </c>
      <c r="G50" s="69">
        <v>0</v>
      </c>
      <c r="H50" s="68">
        <v>283</v>
      </c>
      <c r="I50" s="68">
        <v>168</v>
      </c>
      <c r="J50" s="68">
        <v>115</v>
      </c>
      <c r="K50" s="67">
        <v>253</v>
      </c>
      <c r="L50" s="79">
        <v>140</v>
      </c>
      <c r="M50" s="80">
        <v>113</v>
      </c>
    </row>
    <row r="51" spans="1:13">
      <c r="A51" s="15" t="s">
        <v>92</v>
      </c>
      <c r="B51" s="67">
        <v>14</v>
      </c>
      <c r="C51" s="68">
        <v>2</v>
      </c>
      <c r="D51" s="68">
        <v>12</v>
      </c>
      <c r="E51" s="67">
        <v>0</v>
      </c>
      <c r="F51" s="68">
        <v>0</v>
      </c>
      <c r="G51" s="69">
        <v>0</v>
      </c>
      <c r="H51" s="68">
        <v>263</v>
      </c>
      <c r="I51" s="68">
        <v>139</v>
      </c>
      <c r="J51" s="68">
        <v>124</v>
      </c>
      <c r="K51" s="67">
        <v>249</v>
      </c>
      <c r="L51" s="79">
        <v>137</v>
      </c>
      <c r="M51" s="80">
        <v>112</v>
      </c>
    </row>
    <row r="52" spans="1:13">
      <c r="A52" s="15" t="s">
        <v>94</v>
      </c>
      <c r="B52" s="67">
        <v>-33</v>
      </c>
      <c r="C52" s="68">
        <v>-10</v>
      </c>
      <c r="D52" s="68">
        <v>-23</v>
      </c>
      <c r="E52" s="67">
        <v>2</v>
      </c>
      <c r="F52" s="68">
        <v>0</v>
      </c>
      <c r="G52" s="69">
        <v>2</v>
      </c>
      <c r="H52" s="68">
        <v>251</v>
      </c>
      <c r="I52" s="68">
        <v>131</v>
      </c>
      <c r="J52" s="68">
        <v>120</v>
      </c>
      <c r="K52" s="67">
        <v>282</v>
      </c>
      <c r="L52" s="79">
        <v>141</v>
      </c>
      <c r="M52" s="80">
        <v>141</v>
      </c>
    </row>
    <row r="53" spans="1:13">
      <c r="A53" s="15" t="s">
        <v>96</v>
      </c>
      <c r="B53" s="67">
        <v>-8</v>
      </c>
      <c r="C53" s="68">
        <v>-1</v>
      </c>
      <c r="D53" s="68">
        <v>-7</v>
      </c>
      <c r="E53" s="67">
        <v>3</v>
      </c>
      <c r="F53" s="68">
        <v>2</v>
      </c>
      <c r="G53" s="69">
        <v>1</v>
      </c>
      <c r="H53" s="68">
        <v>231</v>
      </c>
      <c r="I53" s="68">
        <v>126</v>
      </c>
      <c r="J53" s="68">
        <v>105</v>
      </c>
      <c r="K53" s="67">
        <v>236</v>
      </c>
      <c r="L53" s="79">
        <v>125</v>
      </c>
      <c r="M53" s="80">
        <v>111</v>
      </c>
    </row>
    <row r="54" spans="1:13" ht="21" customHeight="1">
      <c r="A54" s="36" t="s">
        <v>98</v>
      </c>
      <c r="B54" s="64">
        <v>-45</v>
      </c>
      <c r="C54" s="65">
        <v>-25</v>
      </c>
      <c r="D54" s="65">
        <v>-20</v>
      </c>
      <c r="E54" s="64">
        <v>11</v>
      </c>
      <c r="F54" s="65">
        <v>3</v>
      </c>
      <c r="G54" s="66">
        <v>8</v>
      </c>
      <c r="H54" s="65">
        <v>847</v>
      </c>
      <c r="I54" s="65">
        <v>454</v>
      </c>
      <c r="J54" s="65">
        <v>393</v>
      </c>
      <c r="K54" s="64">
        <v>881</v>
      </c>
      <c r="L54" s="77">
        <v>476</v>
      </c>
      <c r="M54" s="78">
        <v>405</v>
      </c>
    </row>
    <row r="55" spans="1:13">
      <c r="A55" s="15" t="s">
        <v>100</v>
      </c>
      <c r="B55" s="67">
        <v>-7</v>
      </c>
      <c r="C55" s="68">
        <v>-4</v>
      </c>
      <c r="D55" s="68">
        <v>-3</v>
      </c>
      <c r="E55" s="67">
        <v>3</v>
      </c>
      <c r="F55" s="68">
        <v>2</v>
      </c>
      <c r="G55" s="69">
        <v>1</v>
      </c>
      <c r="H55" s="68">
        <v>206</v>
      </c>
      <c r="I55" s="68">
        <v>109</v>
      </c>
      <c r="J55" s="68">
        <v>97</v>
      </c>
      <c r="K55" s="67">
        <v>210</v>
      </c>
      <c r="L55" s="79">
        <v>111</v>
      </c>
      <c r="M55" s="80">
        <v>99</v>
      </c>
    </row>
    <row r="56" spans="1:13">
      <c r="A56" s="15" t="s">
        <v>102</v>
      </c>
      <c r="B56" s="67">
        <v>-11</v>
      </c>
      <c r="C56" s="68">
        <v>-17</v>
      </c>
      <c r="D56" s="68">
        <v>6</v>
      </c>
      <c r="E56" s="67">
        <v>1</v>
      </c>
      <c r="F56" s="68">
        <v>0</v>
      </c>
      <c r="G56" s="69">
        <v>1</v>
      </c>
      <c r="H56" s="68">
        <v>181</v>
      </c>
      <c r="I56" s="68">
        <v>87</v>
      </c>
      <c r="J56" s="68">
        <v>94</v>
      </c>
      <c r="K56" s="67">
        <v>191</v>
      </c>
      <c r="L56" s="79">
        <v>104</v>
      </c>
      <c r="M56" s="80">
        <v>87</v>
      </c>
    </row>
    <row r="57" spans="1:13">
      <c r="A57" s="15" t="s">
        <v>104</v>
      </c>
      <c r="B57" s="67">
        <v>-3</v>
      </c>
      <c r="C57" s="68">
        <v>-5</v>
      </c>
      <c r="D57" s="68">
        <v>2</v>
      </c>
      <c r="E57" s="67">
        <v>1</v>
      </c>
      <c r="F57" s="68">
        <v>0</v>
      </c>
      <c r="G57" s="69">
        <v>1</v>
      </c>
      <c r="H57" s="68">
        <v>162</v>
      </c>
      <c r="I57" s="68">
        <v>87</v>
      </c>
      <c r="J57" s="68">
        <v>75</v>
      </c>
      <c r="K57" s="67">
        <v>164</v>
      </c>
      <c r="L57" s="79">
        <v>92</v>
      </c>
      <c r="M57" s="80">
        <v>72</v>
      </c>
    </row>
    <row r="58" spans="1:13">
      <c r="A58" s="15" t="s">
        <v>106</v>
      </c>
      <c r="B58" s="67">
        <v>-5</v>
      </c>
      <c r="C58" s="68">
        <v>16</v>
      </c>
      <c r="D58" s="68">
        <v>-21</v>
      </c>
      <c r="E58" s="67">
        <v>3</v>
      </c>
      <c r="F58" s="68">
        <v>1</v>
      </c>
      <c r="G58" s="69">
        <v>2</v>
      </c>
      <c r="H58" s="68">
        <v>153</v>
      </c>
      <c r="I58" s="68">
        <v>92</v>
      </c>
      <c r="J58" s="68">
        <v>61</v>
      </c>
      <c r="K58" s="67">
        <v>155</v>
      </c>
      <c r="L58" s="79">
        <v>75</v>
      </c>
      <c r="M58" s="80">
        <v>80</v>
      </c>
    </row>
    <row r="59" spans="1:13">
      <c r="A59" s="15" t="s">
        <v>108</v>
      </c>
      <c r="B59" s="67">
        <v>-19</v>
      </c>
      <c r="C59" s="68">
        <v>-15</v>
      </c>
      <c r="D59" s="68">
        <v>-4</v>
      </c>
      <c r="E59" s="67">
        <v>3</v>
      </c>
      <c r="F59" s="68">
        <v>0</v>
      </c>
      <c r="G59" s="69">
        <v>3</v>
      </c>
      <c r="H59" s="68">
        <v>145</v>
      </c>
      <c r="I59" s="68">
        <v>79</v>
      </c>
      <c r="J59" s="68">
        <v>66</v>
      </c>
      <c r="K59" s="67">
        <v>161</v>
      </c>
      <c r="L59" s="79">
        <v>94</v>
      </c>
      <c r="M59" s="80">
        <v>67</v>
      </c>
    </row>
    <row r="60" spans="1:13" ht="21" customHeight="1">
      <c r="A60" s="36" t="s">
        <v>110</v>
      </c>
      <c r="B60" s="64">
        <v>-10</v>
      </c>
      <c r="C60" s="65">
        <v>-39</v>
      </c>
      <c r="D60" s="65">
        <v>29</v>
      </c>
      <c r="E60" s="64">
        <v>27</v>
      </c>
      <c r="F60" s="65">
        <v>19</v>
      </c>
      <c r="G60" s="66">
        <v>8</v>
      </c>
      <c r="H60" s="65">
        <v>623</v>
      </c>
      <c r="I60" s="65">
        <v>319</v>
      </c>
      <c r="J60" s="65">
        <v>304</v>
      </c>
      <c r="K60" s="64">
        <v>606</v>
      </c>
      <c r="L60" s="77">
        <v>339</v>
      </c>
      <c r="M60" s="78">
        <v>267</v>
      </c>
    </row>
    <row r="61" spans="1:13">
      <c r="A61" s="15" t="s">
        <v>112</v>
      </c>
      <c r="B61" s="67">
        <v>18</v>
      </c>
      <c r="C61" s="68">
        <v>3</v>
      </c>
      <c r="D61" s="68">
        <v>15</v>
      </c>
      <c r="E61" s="67">
        <v>5</v>
      </c>
      <c r="F61" s="68">
        <v>4</v>
      </c>
      <c r="G61" s="69">
        <v>1</v>
      </c>
      <c r="H61" s="68">
        <v>144</v>
      </c>
      <c r="I61" s="68">
        <v>80</v>
      </c>
      <c r="J61" s="68">
        <v>64</v>
      </c>
      <c r="K61" s="67">
        <v>121</v>
      </c>
      <c r="L61" s="79">
        <v>73</v>
      </c>
      <c r="M61" s="80">
        <v>48</v>
      </c>
    </row>
    <row r="62" spans="1:13">
      <c r="A62" s="15" t="s">
        <v>114</v>
      </c>
      <c r="B62" s="67">
        <v>-10</v>
      </c>
      <c r="C62" s="68">
        <v>-6</v>
      </c>
      <c r="D62" s="68">
        <v>-4</v>
      </c>
      <c r="E62" s="67">
        <v>3</v>
      </c>
      <c r="F62" s="68">
        <v>1</v>
      </c>
      <c r="G62" s="69">
        <v>2</v>
      </c>
      <c r="H62" s="68">
        <v>126</v>
      </c>
      <c r="I62" s="68">
        <v>67</v>
      </c>
      <c r="J62" s="68">
        <v>59</v>
      </c>
      <c r="K62" s="67">
        <v>133</v>
      </c>
      <c r="L62" s="79">
        <v>72</v>
      </c>
      <c r="M62" s="80">
        <v>61</v>
      </c>
    </row>
    <row r="63" spans="1:13">
      <c r="A63" s="15" t="s">
        <v>116</v>
      </c>
      <c r="B63" s="67">
        <v>-9</v>
      </c>
      <c r="C63" s="68">
        <v>-14</v>
      </c>
      <c r="D63" s="68">
        <v>5</v>
      </c>
      <c r="E63" s="67">
        <v>5</v>
      </c>
      <c r="F63" s="68">
        <v>4</v>
      </c>
      <c r="G63" s="69">
        <v>1</v>
      </c>
      <c r="H63" s="68">
        <v>118</v>
      </c>
      <c r="I63" s="68">
        <v>62</v>
      </c>
      <c r="J63" s="68">
        <v>56</v>
      </c>
      <c r="K63" s="67">
        <v>122</v>
      </c>
      <c r="L63" s="79">
        <v>72</v>
      </c>
      <c r="M63" s="80">
        <v>50</v>
      </c>
    </row>
    <row r="64" spans="1:13">
      <c r="A64" s="15" t="s">
        <v>118</v>
      </c>
      <c r="B64" s="67">
        <v>-5</v>
      </c>
      <c r="C64" s="68">
        <v>-7</v>
      </c>
      <c r="D64" s="68">
        <v>2</v>
      </c>
      <c r="E64" s="67">
        <v>9</v>
      </c>
      <c r="F64" s="68">
        <v>5</v>
      </c>
      <c r="G64" s="69">
        <v>4</v>
      </c>
      <c r="H64" s="68">
        <v>123</v>
      </c>
      <c r="I64" s="68">
        <v>63</v>
      </c>
      <c r="J64" s="68">
        <v>60</v>
      </c>
      <c r="K64" s="67">
        <v>119</v>
      </c>
      <c r="L64" s="79">
        <v>65</v>
      </c>
      <c r="M64" s="80">
        <v>54</v>
      </c>
    </row>
    <row r="65" spans="1:13">
      <c r="A65" s="19" t="s">
        <v>120</v>
      </c>
      <c r="B65" s="70">
        <v>-4</v>
      </c>
      <c r="C65" s="71">
        <v>-15</v>
      </c>
      <c r="D65" s="71">
        <v>11</v>
      </c>
      <c r="E65" s="70">
        <v>5</v>
      </c>
      <c r="F65" s="71">
        <v>5</v>
      </c>
      <c r="G65" s="72">
        <v>0</v>
      </c>
      <c r="H65" s="71">
        <v>112</v>
      </c>
      <c r="I65" s="71">
        <v>47</v>
      </c>
      <c r="J65" s="71">
        <v>65</v>
      </c>
      <c r="K65" s="70">
        <v>111</v>
      </c>
      <c r="L65" s="81">
        <v>57</v>
      </c>
      <c r="M65" s="82">
        <v>54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631</v>
      </c>
      <c r="C69" s="50">
        <v>843</v>
      </c>
      <c r="D69" s="84">
        <v>788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72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01</v>
      </c>
      <c r="C75" s="65">
        <v>-52</v>
      </c>
      <c r="D75" s="65">
        <v>-49</v>
      </c>
      <c r="E75" s="64">
        <v>38</v>
      </c>
      <c r="F75" s="65">
        <v>23</v>
      </c>
      <c r="G75" s="66">
        <v>15</v>
      </c>
      <c r="H75" s="65">
        <v>503</v>
      </c>
      <c r="I75" s="65">
        <v>276</v>
      </c>
      <c r="J75" s="65">
        <v>227</v>
      </c>
      <c r="K75" s="64">
        <v>566</v>
      </c>
      <c r="L75" s="77">
        <v>305</v>
      </c>
      <c r="M75" s="78">
        <v>261</v>
      </c>
    </row>
    <row r="76" spans="1:13">
      <c r="A76" s="27" t="s">
        <v>5</v>
      </c>
      <c r="B76" s="67">
        <v>0</v>
      </c>
      <c r="C76" s="68">
        <v>-13</v>
      </c>
      <c r="D76" s="68">
        <v>13</v>
      </c>
      <c r="E76" s="67">
        <v>8</v>
      </c>
      <c r="F76" s="68">
        <v>5</v>
      </c>
      <c r="G76" s="69">
        <v>3</v>
      </c>
      <c r="H76" s="68">
        <v>108</v>
      </c>
      <c r="I76" s="68">
        <v>46</v>
      </c>
      <c r="J76" s="68">
        <v>62</v>
      </c>
      <c r="K76" s="67">
        <v>100</v>
      </c>
      <c r="L76" s="79">
        <v>54</v>
      </c>
      <c r="M76" s="80">
        <v>46</v>
      </c>
    </row>
    <row r="77" spans="1:13">
      <c r="A77" s="27" t="s">
        <v>7</v>
      </c>
      <c r="B77" s="67">
        <v>-21</v>
      </c>
      <c r="C77" s="68">
        <v>-5</v>
      </c>
      <c r="D77" s="68">
        <v>-16</v>
      </c>
      <c r="E77" s="67">
        <v>5</v>
      </c>
      <c r="F77" s="68">
        <v>1</v>
      </c>
      <c r="G77" s="69">
        <v>4</v>
      </c>
      <c r="H77" s="68">
        <v>107</v>
      </c>
      <c r="I77" s="68">
        <v>60</v>
      </c>
      <c r="J77" s="68">
        <v>47</v>
      </c>
      <c r="K77" s="67">
        <v>123</v>
      </c>
      <c r="L77" s="79">
        <v>64</v>
      </c>
      <c r="M77" s="80">
        <v>59</v>
      </c>
    </row>
    <row r="78" spans="1:13">
      <c r="A78" s="27" t="s">
        <v>9</v>
      </c>
      <c r="B78" s="67">
        <v>-9</v>
      </c>
      <c r="C78" s="68">
        <v>1</v>
      </c>
      <c r="D78" s="68">
        <v>-10</v>
      </c>
      <c r="E78" s="67">
        <v>5</v>
      </c>
      <c r="F78" s="68">
        <v>3</v>
      </c>
      <c r="G78" s="69">
        <v>2</v>
      </c>
      <c r="H78" s="68">
        <v>100</v>
      </c>
      <c r="I78" s="68">
        <v>60</v>
      </c>
      <c r="J78" s="68">
        <v>40</v>
      </c>
      <c r="K78" s="67">
        <v>104</v>
      </c>
      <c r="L78" s="79">
        <v>56</v>
      </c>
      <c r="M78" s="80">
        <v>48</v>
      </c>
    </row>
    <row r="79" spans="1:13">
      <c r="A79" s="27" t="s">
        <v>11</v>
      </c>
      <c r="B79" s="67">
        <v>-11</v>
      </c>
      <c r="C79" s="68">
        <v>-3</v>
      </c>
      <c r="D79" s="68">
        <v>-8</v>
      </c>
      <c r="E79" s="67">
        <v>9</v>
      </c>
      <c r="F79" s="68">
        <v>7</v>
      </c>
      <c r="G79" s="69">
        <v>2</v>
      </c>
      <c r="H79" s="68">
        <v>104</v>
      </c>
      <c r="I79" s="68">
        <v>58</v>
      </c>
      <c r="J79" s="68">
        <v>46</v>
      </c>
      <c r="K79" s="67">
        <v>106</v>
      </c>
      <c r="L79" s="79">
        <v>54</v>
      </c>
      <c r="M79" s="80">
        <v>52</v>
      </c>
    </row>
    <row r="80" spans="1:13">
      <c r="A80" s="27" t="s">
        <v>13</v>
      </c>
      <c r="B80" s="67">
        <v>-60</v>
      </c>
      <c r="C80" s="68">
        <v>-32</v>
      </c>
      <c r="D80" s="68">
        <v>-28</v>
      </c>
      <c r="E80" s="67">
        <v>11</v>
      </c>
      <c r="F80" s="68">
        <v>7</v>
      </c>
      <c r="G80" s="69">
        <v>4</v>
      </c>
      <c r="H80" s="68">
        <v>84</v>
      </c>
      <c r="I80" s="68">
        <v>52</v>
      </c>
      <c r="J80" s="68">
        <v>32</v>
      </c>
      <c r="K80" s="67">
        <v>133</v>
      </c>
      <c r="L80" s="79">
        <v>77</v>
      </c>
      <c r="M80" s="80">
        <v>56</v>
      </c>
    </row>
    <row r="81" spans="1:13" ht="21" customHeight="1">
      <c r="A81" s="38" t="s">
        <v>15</v>
      </c>
      <c r="B81" s="64">
        <v>-139</v>
      </c>
      <c r="C81" s="65">
        <v>-76</v>
      </c>
      <c r="D81" s="65">
        <v>-63</v>
      </c>
      <c r="E81" s="64">
        <v>54</v>
      </c>
      <c r="F81" s="65">
        <v>41</v>
      </c>
      <c r="G81" s="66">
        <v>13</v>
      </c>
      <c r="H81" s="65">
        <v>398</v>
      </c>
      <c r="I81" s="65">
        <v>226</v>
      </c>
      <c r="J81" s="65">
        <v>172</v>
      </c>
      <c r="K81" s="64">
        <v>483</v>
      </c>
      <c r="L81" s="77">
        <v>261</v>
      </c>
      <c r="M81" s="78">
        <v>222</v>
      </c>
    </row>
    <row r="82" spans="1:13">
      <c r="A82" s="27" t="s">
        <v>17</v>
      </c>
      <c r="B82" s="67">
        <v>-31</v>
      </c>
      <c r="C82" s="68">
        <v>-21</v>
      </c>
      <c r="D82" s="68">
        <v>-10</v>
      </c>
      <c r="E82" s="67">
        <v>15</v>
      </c>
      <c r="F82" s="68">
        <v>12</v>
      </c>
      <c r="G82" s="69">
        <v>3</v>
      </c>
      <c r="H82" s="68">
        <v>101</v>
      </c>
      <c r="I82" s="68">
        <v>54</v>
      </c>
      <c r="J82" s="68">
        <v>47</v>
      </c>
      <c r="K82" s="67">
        <v>117</v>
      </c>
      <c r="L82" s="79">
        <v>63</v>
      </c>
      <c r="M82" s="80">
        <v>54</v>
      </c>
    </row>
    <row r="83" spans="1:13">
      <c r="A83" s="27" t="s">
        <v>19</v>
      </c>
      <c r="B83" s="67">
        <v>-28</v>
      </c>
      <c r="C83" s="68">
        <v>-15</v>
      </c>
      <c r="D83" s="68">
        <v>-13</v>
      </c>
      <c r="E83" s="67">
        <v>9</v>
      </c>
      <c r="F83" s="68">
        <v>9</v>
      </c>
      <c r="G83" s="69">
        <v>0</v>
      </c>
      <c r="H83" s="68">
        <v>71</v>
      </c>
      <c r="I83" s="68">
        <v>45</v>
      </c>
      <c r="J83" s="68">
        <v>26</v>
      </c>
      <c r="K83" s="67">
        <v>90</v>
      </c>
      <c r="L83" s="79">
        <v>51</v>
      </c>
      <c r="M83" s="80">
        <v>39</v>
      </c>
    </row>
    <row r="84" spans="1:13">
      <c r="A84" s="27" t="s">
        <v>21</v>
      </c>
      <c r="B84" s="67">
        <v>-34</v>
      </c>
      <c r="C84" s="68">
        <v>-10</v>
      </c>
      <c r="D84" s="68">
        <v>-24</v>
      </c>
      <c r="E84" s="67">
        <v>9</v>
      </c>
      <c r="F84" s="68">
        <v>7</v>
      </c>
      <c r="G84" s="69">
        <v>2</v>
      </c>
      <c r="H84" s="68">
        <v>77</v>
      </c>
      <c r="I84" s="68">
        <v>45</v>
      </c>
      <c r="J84" s="68">
        <v>32</v>
      </c>
      <c r="K84" s="67">
        <v>102</v>
      </c>
      <c r="L84" s="79">
        <v>48</v>
      </c>
      <c r="M84" s="80">
        <v>54</v>
      </c>
    </row>
    <row r="85" spans="1:13">
      <c r="A85" s="27" t="s">
        <v>23</v>
      </c>
      <c r="B85" s="67">
        <v>-21</v>
      </c>
      <c r="C85" s="68">
        <v>-15</v>
      </c>
      <c r="D85" s="68">
        <v>-6</v>
      </c>
      <c r="E85" s="67">
        <v>6</v>
      </c>
      <c r="F85" s="68">
        <v>1</v>
      </c>
      <c r="G85" s="69">
        <v>5</v>
      </c>
      <c r="H85" s="68">
        <v>84</v>
      </c>
      <c r="I85" s="68">
        <v>45</v>
      </c>
      <c r="J85" s="68">
        <v>39</v>
      </c>
      <c r="K85" s="67">
        <v>99</v>
      </c>
      <c r="L85" s="79">
        <v>59</v>
      </c>
      <c r="M85" s="80">
        <v>40</v>
      </c>
    </row>
    <row r="86" spans="1:13">
      <c r="A86" s="27" t="s">
        <v>25</v>
      </c>
      <c r="B86" s="67">
        <v>-25</v>
      </c>
      <c r="C86" s="68">
        <v>-15</v>
      </c>
      <c r="D86" s="68">
        <v>-10</v>
      </c>
      <c r="E86" s="67">
        <v>15</v>
      </c>
      <c r="F86" s="68">
        <v>12</v>
      </c>
      <c r="G86" s="69">
        <v>3</v>
      </c>
      <c r="H86" s="68">
        <v>65</v>
      </c>
      <c r="I86" s="68">
        <v>37</v>
      </c>
      <c r="J86" s="68">
        <v>28</v>
      </c>
      <c r="K86" s="67">
        <v>75</v>
      </c>
      <c r="L86" s="79">
        <v>40</v>
      </c>
      <c r="M86" s="80">
        <v>35</v>
      </c>
    </row>
    <row r="87" spans="1:13" ht="21" customHeight="1">
      <c r="A87" s="38" t="s">
        <v>27</v>
      </c>
      <c r="B87" s="64">
        <v>-127</v>
      </c>
      <c r="C87" s="65">
        <v>-82</v>
      </c>
      <c r="D87" s="65">
        <v>-45</v>
      </c>
      <c r="E87" s="64">
        <v>79</v>
      </c>
      <c r="F87" s="65">
        <v>57</v>
      </c>
      <c r="G87" s="66">
        <v>22</v>
      </c>
      <c r="H87" s="65">
        <v>266</v>
      </c>
      <c r="I87" s="65">
        <v>145</v>
      </c>
      <c r="J87" s="65">
        <v>121</v>
      </c>
      <c r="K87" s="64">
        <v>314</v>
      </c>
      <c r="L87" s="77">
        <v>170</v>
      </c>
      <c r="M87" s="78">
        <v>144</v>
      </c>
    </row>
    <row r="88" spans="1:13">
      <c r="A88" s="27" t="s">
        <v>29</v>
      </c>
      <c r="B88" s="67">
        <v>-44</v>
      </c>
      <c r="C88" s="68">
        <v>-32</v>
      </c>
      <c r="D88" s="68">
        <v>-12</v>
      </c>
      <c r="E88" s="67">
        <v>16</v>
      </c>
      <c r="F88" s="68">
        <v>11</v>
      </c>
      <c r="G88" s="69">
        <v>5</v>
      </c>
      <c r="H88" s="68">
        <v>54</v>
      </c>
      <c r="I88" s="68">
        <v>30</v>
      </c>
      <c r="J88" s="68">
        <v>24</v>
      </c>
      <c r="K88" s="67">
        <v>82</v>
      </c>
      <c r="L88" s="79">
        <v>51</v>
      </c>
      <c r="M88" s="80">
        <v>31</v>
      </c>
    </row>
    <row r="89" spans="1:13">
      <c r="A89" s="27" t="s">
        <v>31</v>
      </c>
      <c r="B89" s="67">
        <v>-29</v>
      </c>
      <c r="C89" s="68">
        <v>-25</v>
      </c>
      <c r="D89" s="68">
        <v>-4</v>
      </c>
      <c r="E89" s="67">
        <v>22</v>
      </c>
      <c r="F89" s="68">
        <v>16</v>
      </c>
      <c r="G89" s="69">
        <v>6</v>
      </c>
      <c r="H89" s="68">
        <v>67</v>
      </c>
      <c r="I89" s="68">
        <v>38</v>
      </c>
      <c r="J89" s="68">
        <v>29</v>
      </c>
      <c r="K89" s="67">
        <v>74</v>
      </c>
      <c r="L89" s="79">
        <v>47</v>
      </c>
      <c r="M89" s="80">
        <v>27</v>
      </c>
    </row>
    <row r="90" spans="1:13">
      <c r="A90" s="27" t="s">
        <v>33</v>
      </c>
      <c r="B90" s="67">
        <v>-10</v>
      </c>
      <c r="C90" s="68">
        <v>2</v>
      </c>
      <c r="D90" s="68">
        <v>-12</v>
      </c>
      <c r="E90" s="67">
        <v>14</v>
      </c>
      <c r="F90" s="68">
        <v>12</v>
      </c>
      <c r="G90" s="69">
        <v>2</v>
      </c>
      <c r="H90" s="68">
        <v>53</v>
      </c>
      <c r="I90" s="68">
        <v>32</v>
      </c>
      <c r="J90" s="68">
        <v>21</v>
      </c>
      <c r="K90" s="67">
        <v>49</v>
      </c>
      <c r="L90" s="79">
        <v>18</v>
      </c>
      <c r="M90" s="80">
        <v>31</v>
      </c>
    </row>
    <row r="91" spans="1:13">
      <c r="A91" s="27" t="s">
        <v>35</v>
      </c>
      <c r="B91" s="67">
        <v>-24</v>
      </c>
      <c r="C91" s="68">
        <v>-12</v>
      </c>
      <c r="D91" s="68">
        <v>-12</v>
      </c>
      <c r="E91" s="67">
        <v>10</v>
      </c>
      <c r="F91" s="68">
        <v>6</v>
      </c>
      <c r="G91" s="69">
        <v>4</v>
      </c>
      <c r="H91" s="68">
        <v>40</v>
      </c>
      <c r="I91" s="68">
        <v>21</v>
      </c>
      <c r="J91" s="68">
        <v>19</v>
      </c>
      <c r="K91" s="67">
        <v>54</v>
      </c>
      <c r="L91" s="79">
        <v>27</v>
      </c>
      <c r="M91" s="80">
        <v>27</v>
      </c>
    </row>
    <row r="92" spans="1:13">
      <c r="A92" s="27" t="s">
        <v>37</v>
      </c>
      <c r="B92" s="67">
        <v>-20</v>
      </c>
      <c r="C92" s="68">
        <v>-15</v>
      </c>
      <c r="D92" s="68">
        <v>-5</v>
      </c>
      <c r="E92" s="67">
        <v>17</v>
      </c>
      <c r="F92" s="68">
        <v>12</v>
      </c>
      <c r="G92" s="69">
        <v>5</v>
      </c>
      <c r="H92" s="68">
        <v>52</v>
      </c>
      <c r="I92" s="68">
        <v>24</v>
      </c>
      <c r="J92" s="68">
        <v>28</v>
      </c>
      <c r="K92" s="67">
        <v>55</v>
      </c>
      <c r="L92" s="79">
        <v>27</v>
      </c>
      <c r="M92" s="80">
        <v>28</v>
      </c>
    </row>
    <row r="93" spans="1:13" ht="21" customHeight="1">
      <c r="A93" s="38" t="s">
        <v>39</v>
      </c>
      <c r="B93" s="64">
        <v>-107</v>
      </c>
      <c r="C93" s="65">
        <v>-68</v>
      </c>
      <c r="D93" s="65">
        <v>-39</v>
      </c>
      <c r="E93" s="64">
        <v>89</v>
      </c>
      <c r="F93" s="65">
        <v>56</v>
      </c>
      <c r="G93" s="66">
        <v>33</v>
      </c>
      <c r="H93" s="65">
        <v>190</v>
      </c>
      <c r="I93" s="65">
        <v>104</v>
      </c>
      <c r="J93" s="65">
        <v>86</v>
      </c>
      <c r="K93" s="64">
        <v>208</v>
      </c>
      <c r="L93" s="77">
        <v>116</v>
      </c>
      <c r="M93" s="78">
        <v>92</v>
      </c>
    </row>
    <row r="94" spans="1:13">
      <c r="A94" s="27" t="s">
        <v>41</v>
      </c>
      <c r="B94" s="67">
        <v>-22</v>
      </c>
      <c r="C94" s="68">
        <v>-16</v>
      </c>
      <c r="D94" s="68">
        <v>-6</v>
      </c>
      <c r="E94" s="67">
        <v>18</v>
      </c>
      <c r="F94" s="68">
        <v>11</v>
      </c>
      <c r="G94" s="69">
        <v>7</v>
      </c>
      <c r="H94" s="68">
        <v>46</v>
      </c>
      <c r="I94" s="68">
        <v>25</v>
      </c>
      <c r="J94" s="68">
        <v>21</v>
      </c>
      <c r="K94" s="67">
        <v>50</v>
      </c>
      <c r="L94" s="79">
        <v>30</v>
      </c>
      <c r="M94" s="80">
        <v>20</v>
      </c>
    </row>
    <row r="95" spans="1:13">
      <c r="A95" s="27" t="s">
        <v>43</v>
      </c>
      <c r="B95" s="67">
        <v>-19</v>
      </c>
      <c r="C95" s="68">
        <v>-10</v>
      </c>
      <c r="D95" s="68">
        <v>-9</v>
      </c>
      <c r="E95" s="67">
        <v>15</v>
      </c>
      <c r="F95" s="68">
        <v>9</v>
      </c>
      <c r="G95" s="69">
        <v>6</v>
      </c>
      <c r="H95" s="68">
        <v>42</v>
      </c>
      <c r="I95" s="68">
        <v>23</v>
      </c>
      <c r="J95" s="68">
        <v>19</v>
      </c>
      <c r="K95" s="67">
        <v>46</v>
      </c>
      <c r="L95" s="79">
        <v>24</v>
      </c>
      <c r="M95" s="80">
        <v>22</v>
      </c>
    </row>
    <row r="96" spans="1:13">
      <c r="A96" s="27" t="s">
        <v>45</v>
      </c>
      <c r="B96" s="67">
        <v>-23</v>
      </c>
      <c r="C96" s="68">
        <v>-16</v>
      </c>
      <c r="D96" s="68">
        <v>-7</v>
      </c>
      <c r="E96" s="67">
        <v>17</v>
      </c>
      <c r="F96" s="68">
        <v>11</v>
      </c>
      <c r="G96" s="69">
        <v>6</v>
      </c>
      <c r="H96" s="68">
        <v>34</v>
      </c>
      <c r="I96" s="68">
        <v>18</v>
      </c>
      <c r="J96" s="68">
        <v>16</v>
      </c>
      <c r="K96" s="67">
        <v>40</v>
      </c>
      <c r="L96" s="79">
        <v>23</v>
      </c>
      <c r="M96" s="80">
        <v>17</v>
      </c>
    </row>
    <row r="97" spans="1:13">
      <c r="A97" s="27" t="s">
        <v>47</v>
      </c>
      <c r="B97" s="67">
        <v>-28</v>
      </c>
      <c r="C97" s="68">
        <v>-11</v>
      </c>
      <c r="D97" s="68">
        <v>-17</v>
      </c>
      <c r="E97" s="67">
        <v>15</v>
      </c>
      <c r="F97" s="68">
        <v>9</v>
      </c>
      <c r="G97" s="69">
        <v>6</v>
      </c>
      <c r="H97" s="68">
        <v>33</v>
      </c>
      <c r="I97" s="68">
        <v>21</v>
      </c>
      <c r="J97" s="68">
        <v>12</v>
      </c>
      <c r="K97" s="67">
        <v>46</v>
      </c>
      <c r="L97" s="79">
        <v>23</v>
      </c>
      <c r="M97" s="80">
        <v>23</v>
      </c>
    </row>
    <row r="98" spans="1:13">
      <c r="A98" s="27" t="s">
        <v>49</v>
      </c>
      <c r="B98" s="67">
        <v>-15</v>
      </c>
      <c r="C98" s="68">
        <v>-15</v>
      </c>
      <c r="D98" s="68">
        <v>0</v>
      </c>
      <c r="E98" s="67">
        <v>24</v>
      </c>
      <c r="F98" s="68">
        <v>16</v>
      </c>
      <c r="G98" s="69">
        <v>8</v>
      </c>
      <c r="H98" s="68">
        <v>35</v>
      </c>
      <c r="I98" s="68">
        <v>17</v>
      </c>
      <c r="J98" s="68">
        <v>18</v>
      </c>
      <c r="K98" s="67">
        <v>26</v>
      </c>
      <c r="L98" s="79">
        <v>16</v>
      </c>
      <c r="M98" s="80">
        <v>10</v>
      </c>
    </row>
    <row r="99" spans="1:13" ht="21" customHeight="1">
      <c r="A99" s="38" t="s">
        <v>51</v>
      </c>
      <c r="B99" s="64">
        <v>-174</v>
      </c>
      <c r="C99" s="65">
        <v>-126</v>
      </c>
      <c r="D99" s="65">
        <v>-48</v>
      </c>
      <c r="E99" s="64">
        <v>163</v>
      </c>
      <c r="F99" s="65">
        <v>122</v>
      </c>
      <c r="G99" s="66">
        <v>41</v>
      </c>
      <c r="H99" s="65">
        <v>167</v>
      </c>
      <c r="I99" s="65">
        <v>84</v>
      </c>
      <c r="J99" s="65">
        <v>83</v>
      </c>
      <c r="K99" s="64">
        <v>178</v>
      </c>
      <c r="L99" s="77">
        <v>88</v>
      </c>
      <c r="M99" s="78">
        <v>90</v>
      </c>
    </row>
    <row r="100" spans="1:13">
      <c r="A100" s="27" t="s">
        <v>53</v>
      </c>
      <c r="B100" s="67">
        <v>-34</v>
      </c>
      <c r="C100" s="68">
        <v>-22</v>
      </c>
      <c r="D100" s="68">
        <v>-12</v>
      </c>
      <c r="E100" s="67">
        <v>21</v>
      </c>
      <c r="F100" s="68">
        <v>17</v>
      </c>
      <c r="G100" s="69">
        <v>4</v>
      </c>
      <c r="H100" s="68">
        <v>25</v>
      </c>
      <c r="I100" s="68">
        <v>15</v>
      </c>
      <c r="J100" s="68">
        <v>10</v>
      </c>
      <c r="K100" s="67">
        <v>38</v>
      </c>
      <c r="L100" s="79">
        <v>20</v>
      </c>
      <c r="M100" s="80">
        <v>18</v>
      </c>
    </row>
    <row r="101" spans="1:13">
      <c r="A101" s="27" t="s">
        <v>55</v>
      </c>
      <c r="B101" s="67">
        <v>-44</v>
      </c>
      <c r="C101" s="68">
        <v>-31</v>
      </c>
      <c r="D101" s="68">
        <v>-13</v>
      </c>
      <c r="E101" s="67">
        <v>34</v>
      </c>
      <c r="F101" s="68">
        <v>26</v>
      </c>
      <c r="G101" s="69">
        <v>8</v>
      </c>
      <c r="H101" s="68">
        <v>27</v>
      </c>
      <c r="I101" s="68">
        <v>12</v>
      </c>
      <c r="J101" s="68">
        <v>15</v>
      </c>
      <c r="K101" s="67">
        <v>37</v>
      </c>
      <c r="L101" s="79">
        <v>17</v>
      </c>
      <c r="M101" s="80">
        <v>20</v>
      </c>
    </row>
    <row r="102" spans="1:13">
      <c r="A102" s="27" t="s">
        <v>57</v>
      </c>
      <c r="B102" s="67">
        <v>-27</v>
      </c>
      <c r="C102" s="68">
        <v>-33</v>
      </c>
      <c r="D102" s="68">
        <v>6</v>
      </c>
      <c r="E102" s="67">
        <v>35</v>
      </c>
      <c r="F102" s="68">
        <v>27</v>
      </c>
      <c r="G102" s="69">
        <v>8</v>
      </c>
      <c r="H102" s="68">
        <v>37</v>
      </c>
      <c r="I102" s="68">
        <v>13</v>
      </c>
      <c r="J102" s="68">
        <v>24</v>
      </c>
      <c r="K102" s="67">
        <v>29</v>
      </c>
      <c r="L102" s="79">
        <v>19</v>
      </c>
      <c r="M102" s="80">
        <v>10</v>
      </c>
    </row>
    <row r="103" spans="1:13">
      <c r="A103" s="27" t="s">
        <v>59</v>
      </c>
      <c r="B103" s="67">
        <v>-36</v>
      </c>
      <c r="C103" s="68">
        <v>-18</v>
      </c>
      <c r="D103" s="68">
        <v>-18</v>
      </c>
      <c r="E103" s="67">
        <v>44</v>
      </c>
      <c r="F103" s="68">
        <v>31</v>
      </c>
      <c r="G103" s="69">
        <v>13</v>
      </c>
      <c r="H103" s="68">
        <v>42</v>
      </c>
      <c r="I103" s="68">
        <v>27</v>
      </c>
      <c r="J103" s="68">
        <v>15</v>
      </c>
      <c r="K103" s="67">
        <v>34</v>
      </c>
      <c r="L103" s="79">
        <v>14</v>
      </c>
      <c r="M103" s="80">
        <v>20</v>
      </c>
    </row>
    <row r="104" spans="1:13">
      <c r="A104" s="27" t="s">
        <v>61</v>
      </c>
      <c r="B104" s="67">
        <v>-33</v>
      </c>
      <c r="C104" s="68">
        <v>-22</v>
      </c>
      <c r="D104" s="68">
        <v>-11</v>
      </c>
      <c r="E104" s="67">
        <v>29</v>
      </c>
      <c r="F104" s="68">
        <v>21</v>
      </c>
      <c r="G104" s="69">
        <v>8</v>
      </c>
      <c r="H104" s="68">
        <v>36</v>
      </c>
      <c r="I104" s="68">
        <v>17</v>
      </c>
      <c r="J104" s="68">
        <v>19</v>
      </c>
      <c r="K104" s="67">
        <v>40</v>
      </c>
      <c r="L104" s="79">
        <v>18</v>
      </c>
      <c r="M104" s="80">
        <v>22</v>
      </c>
    </row>
    <row r="105" spans="1:13" ht="21" customHeight="1">
      <c r="A105" s="38" t="s">
        <v>63</v>
      </c>
      <c r="B105" s="64">
        <v>-197</v>
      </c>
      <c r="C105" s="65">
        <v>-105</v>
      </c>
      <c r="D105" s="65">
        <v>-92</v>
      </c>
      <c r="E105" s="64">
        <v>205</v>
      </c>
      <c r="F105" s="65">
        <v>114</v>
      </c>
      <c r="G105" s="66">
        <v>91</v>
      </c>
      <c r="H105" s="65">
        <v>139</v>
      </c>
      <c r="I105" s="65">
        <v>61</v>
      </c>
      <c r="J105" s="65">
        <v>78</v>
      </c>
      <c r="K105" s="64">
        <v>131</v>
      </c>
      <c r="L105" s="77">
        <v>52</v>
      </c>
      <c r="M105" s="78">
        <v>79</v>
      </c>
    </row>
    <row r="106" spans="1:13">
      <c r="A106" s="27" t="s">
        <v>65</v>
      </c>
      <c r="B106" s="67">
        <v>-31</v>
      </c>
      <c r="C106" s="68">
        <v>-16</v>
      </c>
      <c r="D106" s="68">
        <v>-15</v>
      </c>
      <c r="E106" s="67">
        <v>45</v>
      </c>
      <c r="F106" s="68">
        <v>26</v>
      </c>
      <c r="G106" s="69">
        <v>19</v>
      </c>
      <c r="H106" s="68">
        <v>49</v>
      </c>
      <c r="I106" s="68">
        <v>23</v>
      </c>
      <c r="J106" s="68">
        <v>26</v>
      </c>
      <c r="K106" s="67">
        <v>35</v>
      </c>
      <c r="L106" s="79">
        <v>13</v>
      </c>
      <c r="M106" s="80">
        <v>22</v>
      </c>
    </row>
    <row r="107" spans="1:13">
      <c r="A107" s="27" t="s">
        <v>67</v>
      </c>
      <c r="B107" s="67">
        <v>-27</v>
      </c>
      <c r="C107" s="68">
        <v>-15</v>
      </c>
      <c r="D107" s="68">
        <v>-12</v>
      </c>
      <c r="E107" s="67">
        <v>32</v>
      </c>
      <c r="F107" s="68">
        <v>20</v>
      </c>
      <c r="G107" s="69">
        <v>12</v>
      </c>
      <c r="H107" s="68">
        <v>25</v>
      </c>
      <c r="I107" s="68">
        <v>12</v>
      </c>
      <c r="J107" s="68">
        <v>13</v>
      </c>
      <c r="K107" s="67">
        <v>20</v>
      </c>
      <c r="L107" s="79">
        <v>7</v>
      </c>
      <c r="M107" s="80">
        <v>13</v>
      </c>
    </row>
    <row r="108" spans="1:13">
      <c r="A108" s="27" t="s">
        <v>69</v>
      </c>
      <c r="B108" s="67">
        <v>-40</v>
      </c>
      <c r="C108" s="68">
        <v>-19</v>
      </c>
      <c r="D108" s="68">
        <v>-21</v>
      </c>
      <c r="E108" s="67">
        <v>35</v>
      </c>
      <c r="F108" s="68">
        <v>15</v>
      </c>
      <c r="G108" s="69">
        <v>20</v>
      </c>
      <c r="H108" s="68">
        <v>18</v>
      </c>
      <c r="I108" s="68">
        <v>6</v>
      </c>
      <c r="J108" s="68">
        <v>12</v>
      </c>
      <c r="K108" s="67">
        <v>23</v>
      </c>
      <c r="L108" s="79">
        <v>10</v>
      </c>
      <c r="M108" s="80">
        <v>13</v>
      </c>
    </row>
    <row r="109" spans="1:13">
      <c r="A109" s="27" t="s">
        <v>71</v>
      </c>
      <c r="B109" s="67">
        <v>-48</v>
      </c>
      <c r="C109" s="68">
        <v>-27</v>
      </c>
      <c r="D109" s="68">
        <v>-21</v>
      </c>
      <c r="E109" s="67">
        <v>44</v>
      </c>
      <c r="F109" s="68">
        <v>25</v>
      </c>
      <c r="G109" s="69">
        <v>19</v>
      </c>
      <c r="H109" s="68">
        <v>23</v>
      </c>
      <c r="I109" s="68">
        <v>10</v>
      </c>
      <c r="J109" s="68">
        <v>13</v>
      </c>
      <c r="K109" s="67">
        <v>27</v>
      </c>
      <c r="L109" s="79">
        <v>12</v>
      </c>
      <c r="M109" s="80">
        <v>15</v>
      </c>
    </row>
    <row r="110" spans="1:13">
      <c r="A110" s="27" t="s">
        <v>73</v>
      </c>
      <c r="B110" s="67">
        <v>-51</v>
      </c>
      <c r="C110" s="68">
        <v>-28</v>
      </c>
      <c r="D110" s="68">
        <v>-23</v>
      </c>
      <c r="E110" s="67">
        <v>49</v>
      </c>
      <c r="F110" s="68">
        <v>28</v>
      </c>
      <c r="G110" s="69">
        <v>21</v>
      </c>
      <c r="H110" s="68">
        <v>24</v>
      </c>
      <c r="I110" s="68">
        <v>10</v>
      </c>
      <c r="J110" s="68">
        <v>14</v>
      </c>
      <c r="K110" s="67">
        <v>26</v>
      </c>
      <c r="L110" s="79">
        <v>10</v>
      </c>
      <c r="M110" s="80">
        <v>16</v>
      </c>
    </row>
    <row r="111" spans="1:13" ht="21" customHeight="1">
      <c r="A111" s="38" t="s">
        <v>75</v>
      </c>
      <c r="B111" s="64">
        <v>-308</v>
      </c>
      <c r="C111" s="65">
        <v>-192</v>
      </c>
      <c r="D111" s="65">
        <v>-116</v>
      </c>
      <c r="E111" s="64">
        <v>304</v>
      </c>
      <c r="F111" s="65">
        <v>189</v>
      </c>
      <c r="G111" s="66">
        <v>115</v>
      </c>
      <c r="H111" s="65">
        <v>107</v>
      </c>
      <c r="I111" s="65">
        <v>33</v>
      </c>
      <c r="J111" s="65">
        <v>74</v>
      </c>
      <c r="K111" s="64">
        <v>111</v>
      </c>
      <c r="L111" s="77">
        <v>36</v>
      </c>
      <c r="M111" s="78">
        <v>75</v>
      </c>
    </row>
    <row r="112" spans="1:13">
      <c r="A112" s="27" t="s">
        <v>77</v>
      </c>
      <c r="B112" s="67">
        <v>-72</v>
      </c>
      <c r="C112" s="68">
        <v>-48</v>
      </c>
      <c r="D112" s="68">
        <v>-24</v>
      </c>
      <c r="E112" s="67">
        <v>68</v>
      </c>
      <c r="F112" s="68">
        <v>43</v>
      </c>
      <c r="G112" s="69">
        <v>25</v>
      </c>
      <c r="H112" s="68">
        <v>26</v>
      </c>
      <c r="I112" s="68">
        <v>8</v>
      </c>
      <c r="J112" s="68">
        <v>18</v>
      </c>
      <c r="K112" s="67">
        <v>30</v>
      </c>
      <c r="L112" s="79">
        <v>13</v>
      </c>
      <c r="M112" s="80">
        <v>17</v>
      </c>
    </row>
    <row r="113" spans="1:13">
      <c r="A113" s="27" t="s">
        <v>79</v>
      </c>
      <c r="B113" s="67">
        <v>-66</v>
      </c>
      <c r="C113" s="68">
        <v>-35</v>
      </c>
      <c r="D113" s="68">
        <v>-31</v>
      </c>
      <c r="E113" s="67">
        <v>66</v>
      </c>
      <c r="F113" s="68">
        <v>38</v>
      </c>
      <c r="G113" s="69">
        <v>28</v>
      </c>
      <c r="H113" s="68">
        <v>19</v>
      </c>
      <c r="I113" s="68">
        <v>9</v>
      </c>
      <c r="J113" s="68">
        <v>10</v>
      </c>
      <c r="K113" s="67">
        <v>19</v>
      </c>
      <c r="L113" s="79">
        <v>6</v>
      </c>
      <c r="M113" s="80">
        <v>13</v>
      </c>
    </row>
    <row r="114" spans="1:13">
      <c r="A114" s="27" t="s">
        <v>81</v>
      </c>
      <c r="B114" s="67">
        <v>-62</v>
      </c>
      <c r="C114" s="68">
        <v>-40</v>
      </c>
      <c r="D114" s="68">
        <v>-22</v>
      </c>
      <c r="E114" s="67">
        <v>61</v>
      </c>
      <c r="F114" s="68">
        <v>40</v>
      </c>
      <c r="G114" s="69">
        <v>21</v>
      </c>
      <c r="H114" s="68">
        <v>20</v>
      </c>
      <c r="I114" s="68">
        <v>7</v>
      </c>
      <c r="J114" s="68">
        <v>13</v>
      </c>
      <c r="K114" s="67">
        <v>21</v>
      </c>
      <c r="L114" s="79">
        <v>7</v>
      </c>
      <c r="M114" s="80">
        <v>14</v>
      </c>
    </row>
    <row r="115" spans="1:13">
      <c r="A115" s="27" t="s">
        <v>83</v>
      </c>
      <c r="B115" s="67">
        <v>-39</v>
      </c>
      <c r="C115" s="68">
        <v>-26</v>
      </c>
      <c r="D115" s="68">
        <v>-13</v>
      </c>
      <c r="E115" s="67">
        <v>41</v>
      </c>
      <c r="F115" s="68">
        <v>25</v>
      </c>
      <c r="G115" s="69">
        <v>16</v>
      </c>
      <c r="H115" s="68">
        <v>23</v>
      </c>
      <c r="I115" s="68">
        <v>5</v>
      </c>
      <c r="J115" s="68">
        <v>18</v>
      </c>
      <c r="K115" s="67">
        <v>21</v>
      </c>
      <c r="L115" s="79">
        <v>6</v>
      </c>
      <c r="M115" s="80">
        <v>15</v>
      </c>
    </row>
    <row r="116" spans="1:13">
      <c r="A116" s="27" t="s">
        <v>85</v>
      </c>
      <c r="B116" s="67">
        <v>-69</v>
      </c>
      <c r="C116" s="68">
        <v>-43</v>
      </c>
      <c r="D116" s="68">
        <v>-26</v>
      </c>
      <c r="E116" s="67">
        <v>68</v>
      </c>
      <c r="F116" s="68">
        <v>43</v>
      </c>
      <c r="G116" s="69">
        <v>25</v>
      </c>
      <c r="H116" s="68">
        <v>19</v>
      </c>
      <c r="I116" s="68">
        <v>4</v>
      </c>
      <c r="J116" s="68">
        <v>15</v>
      </c>
      <c r="K116" s="67">
        <v>20</v>
      </c>
      <c r="L116" s="79">
        <v>4</v>
      </c>
      <c r="M116" s="80">
        <v>16</v>
      </c>
    </row>
    <row r="117" spans="1:13" ht="21" customHeight="1">
      <c r="A117" s="38" t="s">
        <v>87</v>
      </c>
      <c r="B117" s="64">
        <v>-390</v>
      </c>
      <c r="C117" s="65">
        <v>-234</v>
      </c>
      <c r="D117" s="65">
        <v>-156</v>
      </c>
      <c r="E117" s="64">
        <v>419</v>
      </c>
      <c r="F117" s="65">
        <v>236</v>
      </c>
      <c r="G117" s="66">
        <v>183</v>
      </c>
      <c r="H117" s="65">
        <v>129</v>
      </c>
      <c r="I117" s="65">
        <v>32</v>
      </c>
      <c r="J117" s="65">
        <v>97</v>
      </c>
      <c r="K117" s="64">
        <v>100</v>
      </c>
      <c r="L117" s="77">
        <v>30</v>
      </c>
      <c r="M117" s="78">
        <v>70</v>
      </c>
    </row>
    <row r="118" spans="1:13">
      <c r="A118" s="27" t="s">
        <v>89</v>
      </c>
      <c r="B118" s="67">
        <v>-84</v>
      </c>
      <c r="C118" s="68">
        <v>-45</v>
      </c>
      <c r="D118" s="68">
        <v>-39</v>
      </c>
      <c r="E118" s="67">
        <v>86</v>
      </c>
      <c r="F118" s="68">
        <v>43</v>
      </c>
      <c r="G118" s="69">
        <v>43</v>
      </c>
      <c r="H118" s="68">
        <v>26</v>
      </c>
      <c r="I118" s="68">
        <v>9</v>
      </c>
      <c r="J118" s="68">
        <v>17</v>
      </c>
      <c r="K118" s="67">
        <v>24</v>
      </c>
      <c r="L118" s="79">
        <v>11</v>
      </c>
      <c r="M118" s="80">
        <v>13</v>
      </c>
    </row>
    <row r="119" spans="1:13">
      <c r="A119" s="27" t="s">
        <v>91</v>
      </c>
      <c r="B119" s="67">
        <v>-82</v>
      </c>
      <c r="C119" s="68">
        <v>-52</v>
      </c>
      <c r="D119" s="68">
        <v>-30</v>
      </c>
      <c r="E119" s="67">
        <v>89</v>
      </c>
      <c r="F119" s="68">
        <v>57</v>
      </c>
      <c r="G119" s="69">
        <v>32</v>
      </c>
      <c r="H119" s="68">
        <v>29</v>
      </c>
      <c r="I119" s="68">
        <v>10</v>
      </c>
      <c r="J119" s="68">
        <v>19</v>
      </c>
      <c r="K119" s="67">
        <v>22</v>
      </c>
      <c r="L119" s="79">
        <v>5</v>
      </c>
      <c r="M119" s="80">
        <v>17</v>
      </c>
    </row>
    <row r="120" spans="1:13">
      <c r="A120" s="27" t="s">
        <v>93</v>
      </c>
      <c r="B120" s="67">
        <v>-82</v>
      </c>
      <c r="C120" s="68">
        <v>-53</v>
      </c>
      <c r="D120" s="68">
        <v>-29</v>
      </c>
      <c r="E120" s="67">
        <v>88</v>
      </c>
      <c r="F120" s="68">
        <v>51</v>
      </c>
      <c r="G120" s="69">
        <v>37</v>
      </c>
      <c r="H120" s="68">
        <v>29</v>
      </c>
      <c r="I120" s="68">
        <v>6</v>
      </c>
      <c r="J120" s="68">
        <v>23</v>
      </c>
      <c r="K120" s="67">
        <v>23</v>
      </c>
      <c r="L120" s="79">
        <v>8</v>
      </c>
      <c r="M120" s="80">
        <v>15</v>
      </c>
    </row>
    <row r="121" spans="1:13">
      <c r="A121" s="27" t="s">
        <v>95</v>
      </c>
      <c r="B121" s="67">
        <v>-69</v>
      </c>
      <c r="C121" s="68">
        <v>-43</v>
      </c>
      <c r="D121" s="68">
        <v>-26</v>
      </c>
      <c r="E121" s="67">
        <v>73</v>
      </c>
      <c r="F121" s="68">
        <v>43</v>
      </c>
      <c r="G121" s="69">
        <v>30</v>
      </c>
      <c r="H121" s="68">
        <v>23</v>
      </c>
      <c r="I121" s="68">
        <v>3</v>
      </c>
      <c r="J121" s="68">
        <v>20</v>
      </c>
      <c r="K121" s="67">
        <v>19</v>
      </c>
      <c r="L121" s="79">
        <v>3</v>
      </c>
      <c r="M121" s="80">
        <v>16</v>
      </c>
    </row>
    <row r="122" spans="1:13">
      <c r="A122" s="27" t="s">
        <v>97</v>
      </c>
      <c r="B122" s="67">
        <v>-73</v>
      </c>
      <c r="C122" s="68">
        <v>-41</v>
      </c>
      <c r="D122" s="68">
        <v>-32</v>
      </c>
      <c r="E122" s="67">
        <v>83</v>
      </c>
      <c r="F122" s="68">
        <v>42</v>
      </c>
      <c r="G122" s="69">
        <v>41</v>
      </c>
      <c r="H122" s="68">
        <v>22</v>
      </c>
      <c r="I122" s="68">
        <v>4</v>
      </c>
      <c r="J122" s="68">
        <v>18</v>
      </c>
      <c r="K122" s="67">
        <v>12</v>
      </c>
      <c r="L122" s="79">
        <v>3</v>
      </c>
      <c r="M122" s="80">
        <v>9</v>
      </c>
    </row>
    <row r="123" spans="1:13" ht="21" customHeight="1">
      <c r="A123" s="38" t="s">
        <v>99</v>
      </c>
      <c r="B123" s="64">
        <v>-302</v>
      </c>
      <c r="C123" s="65">
        <v>-130</v>
      </c>
      <c r="D123" s="65">
        <v>-172</v>
      </c>
      <c r="E123" s="64">
        <v>321</v>
      </c>
      <c r="F123" s="65">
        <v>133</v>
      </c>
      <c r="G123" s="66">
        <v>188</v>
      </c>
      <c r="H123" s="65">
        <v>70</v>
      </c>
      <c r="I123" s="65">
        <v>18</v>
      </c>
      <c r="J123" s="65">
        <v>52</v>
      </c>
      <c r="K123" s="64">
        <v>51</v>
      </c>
      <c r="L123" s="77">
        <v>15</v>
      </c>
      <c r="M123" s="78">
        <v>36</v>
      </c>
    </row>
    <row r="124" spans="1:13">
      <c r="A124" s="27" t="s">
        <v>101</v>
      </c>
      <c r="B124" s="67">
        <v>-71</v>
      </c>
      <c r="C124" s="68">
        <v>-37</v>
      </c>
      <c r="D124" s="68">
        <v>-34</v>
      </c>
      <c r="E124" s="67">
        <v>82</v>
      </c>
      <c r="F124" s="68">
        <v>38</v>
      </c>
      <c r="G124" s="69">
        <v>44</v>
      </c>
      <c r="H124" s="68">
        <v>21</v>
      </c>
      <c r="I124" s="68">
        <v>6</v>
      </c>
      <c r="J124" s="68">
        <v>15</v>
      </c>
      <c r="K124" s="67">
        <v>10</v>
      </c>
      <c r="L124" s="79">
        <v>5</v>
      </c>
      <c r="M124" s="80">
        <v>5</v>
      </c>
    </row>
    <row r="125" spans="1:13">
      <c r="A125" s="27" t="s">
        <v>103</v>
      </c>
      <c r="B125" s="67">
        <v>-82</v>
      </c>
      <c r="C125" s="68">
        <v>-34</v>
      </c>
      <c r="D125" s="68">
        <v>-48</v>
      </c>
      <c r="E125" s="67">
        <v>75</v>
      </c>
      <c r="F125" s="68">
        <v>31</v>
      </c>
      <c r="G125" s="69">
        <v>44</v>
      </c>
      <c r="H125" s="68">
        <v>11</v>
      </c>
      <c r="I125" s="68">
        <v>1</v>
      </c>
      <c r="J125" s="68">
        <v>10</v>
      </c>
      <c r="K125" s="67">
        <v>18</v>
      </c>
      <c r="L125" s="79">
        <v>4</v>
      </c>
      <c r="M125" s="80">
        <v>14</v>
      </c>
    </row>
    <row r="126" spans="1:13">
      <c r="A126" s="27" t="s">
        <v>105</v>
      </c>
      <c r="B126" s="67">
        <v>-54</v>
      </c>
      <c r="C126" s="68">
        <v>-17</v>
      </c>
      <c r="D126" s="68">
        <v>-37</v>
      </c>
      <c r="E126" s="67">
        <v>58</v>
      </c>
      <c r="F126" s="68">
        <v>22</v>
      </c>
      <c r="G126" s="69">
        <v>36</v>
      </c>
      <c r="H126" s="68">
        <v>13</v>
      </c>
      <c r="I126" s="68">
        <v>6</v>
      </c>
      <c r="J126" s="68">
        <v>7</v>
      </c>
      <c r="K126" s="67">
        <v>9</v>
      </c>
      <c r="L126" s="79">
        <v>1</v>
      </c>
      <c r="M126" s="80">
        <v>8</v>
      </c>
    </row>
    <row r="127" spans="1:13">
      <c r="A127" s="27" t="s">
        <v>107</v>
      </c>
      <c r="B127" s="67">
        <v>-51</v>
      </c>
      <c r="C127" s="68">
        <v>-30</v>
      </c>
      <c r="D127" s="68">
        <v>-21</v>
      </c>
      <c r="E127" s="67">
        <v>57</v>
      </c>
      <c r="F127" s="68">
        <v>30</v>
      </c>
      <c r="G127" s="69">
        <v>27</v>
      </c>
      <c r="H127" s="68">
        <v>13</v>
      </c>
      <c r="I127" s="68">
        <v>4</v>
      </c>
      <c r="J127" s="68">
        <v>9</v>
      </c>
      <c r="K127" s="67">
        <v>7</v>
      </c>
      <c r="L127" s="79">
        <v>4</v>
      </c>
      <c r="M127" s="80">
        <v>3</v>
      </c>
    </row>
    <row r="128" spans="1:13">
      <c r="A128" s="27" t="s">
        <v>109</v>
      </c>
      <c r="B128" s="67">
        <v>-44</v>
      </c>
      <c r="C128" s="68">
        <v>-12</v>
      </c>
      <c r="D128" s="68">
        <v>-32</v>
      </c>
      <c r="E128" s="67">
        <v>49</v>
      </c>
      <c r="F128" s="68">
        <v>12</v>
      </c>
      <c r="G128" s="69">
        <v>37</v>
      </c>
      <c r="H128" s="68">
        <v>12</v>
      </c>
      <c r="I128" s="68">
        <v>1</v>
      </c>
      <c r="J128" s="68">
        <v>11</v>
      </c>
      <c r="K128" s="67">
        <v>7</v>
      </c>
      <c r="L128" s="79">
        <v>1</v>
      </c>
      <c r="M128" s="80">
        <v>6</v>
      </c>
    </row>
    <row r="129" spans="1:14" ht="21" customHeight="1">
      <c r="A129" s="38" t="s">
        <v>111</v>
      </c>
      <c r="B129" s="64">
        <v>-167</v>
      </c>
      <c r="C129" s="65">
        <v>-40</v>
      </c>
      <c r="D129" s="65">
        <v>-127</v>
      </c>
      <c r="E129" s="64">
        <v>178</v>
      </c>
      <c r="F129" s="65">
        <v>45</v>
      </c>
      <c r="G129" s="66">
        <v>133</v>
      </c>
      <c r="H129" s="65">
        <v>28</v>
      </c>
      <c r="I129" s="65">
        <v>9</v>
      </c>
      <c r="J129" s="65">
        <v>19</v>
      </c>
      <c r="K129" s="64">
        <v>17</v>
      </c>
      <c r="L129" s="77">
        <v>4</v>
      </c>
      <c r="M129" s="78">
        <v>13</v>
      </c>
    </row>
    <row r="130" spans="1:14">
      <c r="A130" s="27" t="s">
        <v>113</v>
      </c>
      <c r="B130" s="67">
        <v>-50</v>
      </c>
      <c r="C130" s="68">
        <v>-15</v>
      </c>
      <c r="D130" s="68">
        <v>-35</v>
      </c>
      <c r="E130" s="67">
        <v>54</v>
      </c>
      <c r="F130" s="68">
        <v>17</v>
      </c>
      <c r="G130" s="69">
        <v>37</v>
      </c>
      <c r="H130" s="68">
        <v>9</v>
      </c>
      <c r="I130" s="68">
        <v>3</v>
      </c>
      <c r="J130" s="68">
        <v>6</v>
      </c>
      <c r="K130" s="67">
        <v>5</v>
      </c>
      <c r="L130" s="79">
        <v>1</v>
      </c>
      <c r="M130" s="80">
        <v>4</v>
      </c>
    </row>
    <row r="131" spans="1:14">
      <c r="A131" s="27" t="s">
        <v>115</v>
      </c>
      <c r="B131" s="67">
        <v>-41</v>
      </c>
      <c r="C131" s="68">
        <v>-8</v>
      </c>
      <c r="D131" s="68">
        <v>-33</v>
      </c>
      <c r="E131" s="67">
        <v>47</v>
      </c>
      <c r="F131" s="68">
        <v>10</v>
      </c>
      <c r="G131" s="69">
        <v>37</v>
      </c>
      <c r="H131" s="68">
        <v>9</v>
      </c>
      <c r="I131" s="68">
        <v>3</v>
      </c>
      <c r="J131" s="68">
        <v>6</v>
      </c>
      <c r="K131" s="67">
        <v>3</v>
      </c>
      <c r="L131" s="79">
        <v>1</v>
      </c>
      <c r="M131" s="80">
        <v>2</v>
      </c>
    </row>
    <row r="132" spans="1:14">
      <c r="A132" s="27" t="s">
        <v>117</v>
      </c>
      <c r="B132" s="67">
        <v>-34</v>
      </c>
      <c r="C132" s="68">
        <v>-8</v>
      </c>
      <c r="D132" s="68">
        <v>-26</v>
      </c>
      <c r="E132" s="67">
        <v>33</v>
      </c>
      <c r="F132" s="68">
        <v>9</v>
      </c>
      <c r="G132" s="69">
        <v>24</v>
      </c>
      <c r="H132" s="68">
        <v>1</v>
      </c>
      <c r="I132" s="68">
        <v>1</v>
      </c>
      <c r="J132" s="68">
        <v>0</v>
      </c>
      <c r="K132" s="67">
        <v>2</v>
      </c>
      <c r="L132" s="79">
        <v>0</v>
      </c>
      <c r="M132" s="80">
        <v>2</v>
      </c>
    </row>
    <row r="133" spans="1:14">
      <c r="A133" s="27" t="s">
        <v>119</v>
      </c>
      <c r="B133" s="67">
        <v>-21</v>
      </c>
      <c r="C133" s="68">
        <v>-6</v>
      </c>
      <c r="D133" s="68">
        <v>-15</v>
      </c>
      <c r="E133" s="67">
        <v>25</v>
      </c>
      <c r="F133" s="68">
        <v>7</v>
      </c>
      <c r="G133" s="69">
        <v>18</v>
      </c>
      <c r="H133" s="68">
        <v>5</v>
      </c>
      <c r="I133" s="68">
        <v>1</v>
      </c>
      <c r="J133" s="68">
        <v>4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21</v>
      </c>
      <c r="C134" s="68">
        <v>-3</v>
      </c>
      <c r="D134" s="68">
        <v>-18</v>
      </c>
      <c r="E134" s="67">
        <v>19</v>
      </c>
      <c r="F134" s="68">
        <v>2</v>
      </c>
      <c r="G134" s="69">
        <v>17</v>
      </c>
      <c r="H134" s="68">
        <v>4</v>
      </c>
      <c r="I134" s="68">
        <v>1</v>
      </c>
      <c r="J134" s="68">
        <v>3</v>
      </c>
      <c r="K134" s="67">
        <v>6</v>
      </c>
      <c r="L134" s="79">
        <v>2</v>
      </c>
      <c r="M134" s="80">
        <v>4</v>
      </c>
    </row>
    <row r="135" spans="1:14" ht="21" customHeight="1">
      <c r="A135" s="39" t="s">
        <v>122</v>
      </c>
      <c r="B135" s="42">
        <v>-38</v>
      </c>
      <c r="C135" s="40">
        <v>-4</v>
      </c>
      <c r="D135" s="40">
        <v>-34</v>
      </c>
      <c r="E135" s="42">
        <v>41</v>
      </c>
      <c r="F135" s="40">
        <v>5</v>
      </c>
      <c r="G135" s="43">
        <v>36</v>
      </c>
      <c r="H135" s="40">
        <v>7</v>
      </c>
      <c r="I135" s="40">
        <v>2</v>
      </c>
      <c r="J135" s="40">
        <v>5</v>
      </c>
      <c r="K135" s="42">
        <v>4</v>
      </c>
      <c r="L135" s="44">
        <v>1</v>
      </c>
      <c r="M135" s="85">
        <v>3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73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21</v>
      </c>
      <c r="C5" s="62">
        <v>4</v>
      </c>
      <c r="D5" s="62">
        <v>-25</v>
      </c>
      <c r="E5" s="61">
        <v>1603</v>
      </c>
      <c r="F5" s="62">
        <v>835</v>
      </c>
      <c r="G5" s="63">
        <v>768</v>
      </c>
      <c r="H5" s="62">
        <v>10201</v>
      </c>
      <c r="I5" s="62">
        <v>5158</v>
      </c>
      <c r="J5" s="62">
        <v>5043</v>
      </c>
      <c r="K5" s="61">
        <v>9702</v>
      </c>
      <c r="L5" s="75">
        <v>4892</v>
      </c>
      <c r="M5" s="76">
        <v>4810</v>
      </c>
    </row>
    <row r="6" spans="1:13" ht="23.25" customHeight="1">
      <c r="A6" s="36" t="s">
        <v>2</v>
      </c>
      <c r="B6" s="64">
        <v>1066</v>
      </c>
      <c r="C6" s="65">
        <v>598</v>
      </c>
      <c r="D6" s="65">
        <v>468</v>
      </c>
      <c r="E6" s="64">
        <v>4</v>
      </c>
      <c r="F6" s="65">
        <v>0</v>
      </c>
      <c r="G6" s="66">
        <v>4</v>
      </c>
      <c r="H6" s="65">
        <v>558</v>
      </c>
      <c r="I6" s="65">
        <v>325</v>
      </c>
      <c r="J6" s="65">
        <v>233</v>
      </c>
      <c r="K6" s="64">
        <v>571</v>
      </c>
      <c r="L6" s="77">
        <v>300</v>
      </c>
      <c r="M6" s="78">
        <v>271</v>
      </c>
    </row>
    <row r="7" spans="1:13">
      <c r="A7" s="15" t="s">
        <v>4</v>
      </c>
      <c r="B7" s="67">
        <v>1095</v>
      </c>
      <c r="C7" s="68">
        <v>589</v>
      </c>
      <c r="D7" s="68">
        <v>506</v>
      </c>
      <c r="E7" s="67">
        <v>4</v>
      </c>
      <c r="F7" s="68">
        <v>0</v>
      </c>
      <c r="G7" s="69">
        <v>4</v>
      </c>
      <c r="H7" s="68">
        <v>88</v>
      </c>
      <c r="I7" s="68">
        <v>55</v>
      </c>
      <c r="J7" s="68">
        <v>33</v>
      </c>
      <c r="K7" s="67">
        <v>72</v>
      </c>
      <c r="L7" s="79">
        <v>39</v>
      </c>
      <c r="M7" s="80">
        <v>33</v>
      </c>
    </row>
    <row r="8" spans="1:13">
      <c r="A8" s="15" t="s">
        <v>6</v>
      </c>
      <c r="B8" s="67">
        <v>4</v>
      </c>
      <c r="C8" s="68">
        <v>6</v>
      </c>
      <c r="D8" s="68">
        <v>-2</v>
      </c>
      <c r="E8" s="67">
        <v>0</v>
      </c>
      <c r="F8" s="68">
        <v>0</v>
      </c>
      <c r="G8" s="69">
        <v>0</v>
      </c>
      <c r="H8" s="68">
        <v>151</v>
      </c>
      <c r="I8" s="68">
        <v>86</v>
      </c>
      <c r="J8" s="68">
        <v>65</v>
      </c>
      <c r="K8" s="67">
        <v>147</v>
      </c>
      <c r="L8" s="79">
        <v>80</v>
      </c>
      <c r="M8" s="80">
        <v>67</v>
      </c>
    </row>
    <row r="9" spans="1:13">
      <c r="A9" s="15" t="s">
        <v>8</v>
      </c>
      <c r="B9" s="67">
        <v>-43</v>
      </c>
      <c r="C9" s="68">
        <v>-19</v>
      </c>
      <c r="D9" s="68">
        <v>-24</v>
      </c>
      <c r="E9" s="67">
        <v>0</v>
      </c>
      <c r="F9" s="68">
        <v>0</v>
      </c>
      <c r="G9" s="69">
        <v>0</v>
      </c>
      <c r="H9" s="68">
        <v>98</v>
      </c>
      <c r="I9" s="68">
        <v>52</v>
      </c>
      <c r="J9" s="68">
        <v>46</v>
      </c>
      <c r="K9" s="67">
        <v>141</v>
      </c>
      <c r="L9" s="79">
        <v>71</v>
      </c>
      <c r="M9" s="80">
        <v>70</v>
      </c>
    </row>
    <row r="10" spans="1:13">
      <c r="A10" s="15" t="s">
        <v>10</v>
      </c>
      <c r="B10" s="67">
        <v>2</v>
      </c>
      <c r="C10" s="68">
        <v>13</v>
      </c>
      <c r="D10" s="68">
        <v>-11</v>
      </c>
      <c r="E10" s="67">
        <v>0</v>
      </c>
      <c r="F10" s="68">
        <v>0</v>
      </c>
      <c r="G10" s="69">
        <v>0</v>
      </c>
      <c r="H10" s="68">
        <v>118</v>
      </c>
      <c r="I10" s="68">
        <v>71</v>
      </c>
      <c r="J10" s="68">
        <v>47</v>
      </c>
      <c r="K10" s="67">
        <v>116</v>
      </c>
      <c r="L10" s="79">
        <v>58</v>
      </c>
      <c r="M10" s="80">
        <v>58</v>
      </c>
    </row>
    <row r="11" spans="1:13">
      <c r="A11" s="15" t="s">
        <v>12</v>
      </c>
      <c r="B11" s="67">
        <v>8</v>
      </c>
      <c r="C11" s="68">
        <v>9</v>
      </c>
      <c r="D11" s="68">
        <v>-1</v>
      </c>
      <c r="E11" s="67">
        <v>0</v>
      </c>
      <c r="F11" s="68">
        <v>0</v>
      </c>
      <c r="G11" s="69">
        <v>0</v>
      </c>
      <c r="H11" s="68">
        <v>103</v>
      </c>
      <c r="I11" s="68">
        <v>61</v>
      </c>
      <c r="J11" s="68">
        <v>42</v>
      </c>
      <c r="K11" s="67">
        <v>95</v>
      </c>
      <c r="L11" s="79">
        <v>52</v>
      </c>
      <c r="M11" s="80">
        <v>43</v>
      </c>
    </row>
    <row r="12" spans="1:13" ht="21" customHeight="1">
      <c r="A12" s="36" t="s">
        <v>14</v>
      </c>
      <c r="B12" s="64">
        <v>22</v>
      </c>
      <c r="C12" s="65">
        <v>-5</v>
      </c>
      <c r="D12" s="65">
        <v>27</v>
      </c>
      <c r="E12" s="64">
        <v>0</v>
      </c>
      <c r="F12" s="65">
        <v>0</v>
      </c>
      <c r="G12" s="66">
        <v>0</v>
      </c>
      <c r="H12" s="65">
        <v>316</v>
      </c>
      <c r="I12" s="65">
        <v>156</v>
      </c>
      <c r="J12" s="65">
        <v>160</v>
      </c>
      <c r="K12" s="64">
        <v>294</v>
      </c>
      <c r="L12" s="77">
        <v>161</v>
      </c>
      <c r="M12" s="78">
        <v>133</v>
      </c>
    </row>
    <row r="13" spans="1:13">
      <c r="A13" s="15" t="s">
        <v>16</v>
      </c>
      <c r="B13" s="67">
        <v>-10</v>
      </c>
      <c r="C13" s="68">
        <v>1</v>
      </c>
      <c r="D13" s="68">
        <v>-11</v>
      </c>
      <c r="E13" s="67">
        <v>0</v>
      </c>
      <c r="F13" s="68">
        <v>0</v>
      </c>
      <c r="G13" s="69">
        <v>0</v>
      </c>
      <c r="H13" s="68">
        <v>70</v>
      </c>
      <c r="I13" s="68">
        <v>37</v>
      </c>
      <c r="J13" s="68">
        <v>33</v>
      </c>
      <c r="K13" s="67">
        <v>80</v>
      </c>
      <c r="L13" s="79">
        <v>36</v>
      </c>
      <c r="M13" s="80">
        <v>44</v>
      </c>
    </row>
    <row r="14" spans="1:13">
      <c r="A14" s="15" t="s">
        <v>18</v>
      </c>
      <c r="B14" s="67">
        <v>8</v>
      </c>
      <c r="C14" s="68">
        <v>-8</v>
      </c>
      <c r="D14" s="68">
        <v>16</v>
      </c>
      <c r="E14" s="67">
        <v>0</v>
      </c>
      <c r="F14" s="68">
        <v>0</v>
      </c>
      <c r="G14" s="69">
        <v>0</v>
      </c>
      <c r="H14" s="68">
        <v>85</v>
      </c>
      <c r="I14" s="68">
        <v>38</v>
      </c>
      <c r="J14" s="68">
        <v>47</v>
      </c>
      <c r="K14" s="67">
        <v>77</v>
      </c>
      <c r="L14" s="79">
        <v>46</v>
      </c>
      <c r="M14" s="80">
        <v>31</v>
      </c>
    </row>
    <row r="15" spans="1:13">
      <c r="A15" s="15" t="s">
        <v>20</v>
      </c>
      <c r="B15" s="67">
        <v>4</v>
      </c>
      <c r="C15" s="68">
        <v>-7</v>
      </c>
      <c r="D15" s="68">
        <v>11</v>
      </c>
      <c r="E15" s="67">
        <v>0</v>
      </c>
      <c r="F15" s="68">
        <v>0</v>
      </c>
      <c r="G15" s="69">
        <v>0</v>
      </c>
      <c r="H15" s="68">
        <v>67</v>
      </c>
      <c r="I15" s="68">
        <v>33</v>
      </c>
      <c r="J15" s="68">
        <v>34</v>
      </c>
      <c r="K15" s="67">
        <v>63</v>
      </c>
      <c r="L15" s="79">
        <v>40</v>
      </c>
      <c r="M15" s="80">
        <v>23</v>
      </c>
    </row>
    <row r="16" spans="1:13">
      <c r="A16" s="15" t="s">
        <v>22</v>
      </c>
      <c r="B16" s="67">
        <v>8</v>
      </c>
      <c r="C16" s="68">
        <v>7</v>
      </c>
      <c r="D16" s="68">
        <v>1</v>
      </c>
      <c r="E16" s="67">
        <v>0</v>
      </c>
      <c r="F16" s="68">
        <v>0</v>
      </c>
      <c r="G16" s="69">
        <v>0</v>
      </c>
      <c r="H16" s="68">
        <v>49</v>
      </c>
      <c r="I16" s="68">
        <v>27</v>
      </c>
      <c r="J16" s="68">
        <v>22</v>
      </c>
      <c r="K16" s="67">
        <v>41</v>
      </c>
      <c r="L16" s="79">
        <v>20</v>
      </c>
      <c r="M16" s="80">
        <v>21</v>
      </c>
    </row>
    <row r="17" spans="1:13">
      <c r="A17" s="15" t="s">
        <v>24</v>
      </c>
      <c r="B17" s="67">
        <v>12</v>
      </c>
      <c r="C17" s="68">
        <v>2</v>
      </c>
      <c r="D17" s="68">
        <v>10</v>
      </c>
      <c r="E17" s="67">
        <v>0</v>
      </c>
      <c r="F17" s="68">
        <v>0</v>
      </c>
      <c r="G17" s="69">
        <v>0</v>
      </c>
      <c r="H17" s="68">
        <v>45</v>
      </c>
      <c r="I17" s="68">
        <v>21</v>
      </c>
      <c r="J17" s="68">
        <v>24</v>
      </c>
      <c r="K17" s="67">
        <v>33</v>
      </c>
      <c r="L17" s="79">
        <v>19</v>
      </c>
      <c r="M17" s="80">
        <v>14</v>
      </c>
    </row>
    <row r="18" spans="1:13" ht="21" customHeight="1">
      <c r="A18" s="36" t="s">
        <v>26</v>
      </c>
      <c r="B18" s="64">
        <v>19</v>
      </c>
      <c r="C18" s="65">
        <v>5</v>
      </c>
      <c r="D18" s="65">
        <v>14</v>
      </c>
      <c r="E18" s="64">
        <v>0</v>
      </c>
      <c r="F18" s="65">
        <v>0</v>
      </c>
      <c r="G18" s="66">
        <v>0</v>
      </c>
      <c r="H18" s="65">
        <v>184</v>
      </c>
      <c r="I18" s="65">
        <v>84</v>
      </c>
      <c r="J18" s="65">
        <v>100</v>
      </c>
      <c r="K18" s="64">
        <v>165</v>
      </c>
      <c r="L18" s="77">
        <v>79</v>
      </c>
      <c r="M18" s="78">
        <v>86</v>
      </c>
    </row>
    <row r="19" spans="1:13">
      <c r="A19" s="15" t="s">
        <v>28</v>
      </c>
      <c r="B19" s="67">
        <v>-10</v>
      </c>
      <c r="C19" s="68">
        <v>-3</v>
      </c>
      <c r="D19" s="68">
        <v>-7</v>
      </c>
      <c r="E19" s="67">
        <v>0</v>
      </c>
      <c r="F19" s="68">
        <v>0</v>
      </c>
      <c r="G19" s="69">
        <v>0</v>
      </c>
      <c r="H19" s="68">
        <v>41</v>
      </c>
      <c r="I19" s="68">
        <v>19</v>
      </c>
      <c r="J19" s="68">
        <v>22</v>
      </c>
      <c r="K19" s="67">
        <v>51</v>
      </c>
      <c r="L19" s="79">
        <v>22</v>
      </c>
      <c r="M19" s="80">
        <v>29</v>
      </c>
    </row>
    <row r="20" spans="1:13">
      <c r="A20" s="15" t="s">
        <v>30</v>
      </c>
      <c r="B20" s="67">
        <v>2</v>
      </c>
      <c r="C20" s="68">
        <v>2</v>
      </c>
      <c r="D20" s="68">
        <v>0</v>
      </c>
      <c r="E20" s="67">
        <v>0</v>
      </c>
      <c r="F20" s="68">
        <v>0</v>
      </c>
      <c r="G20" s="69">
        <v>0</v>
      </c>
      <c r="H20" s="68">
        <v>34</v>
      </c>
      <c r="I20" s="68">
        <v>18</v>
      </c>
      <c r="J20" s="68">
        <v>16</v>
      </c>
      <c r="K20" s="67">
        <v>32</v>
      </c>
      <c r="L20" s="79">
        <v>16</v>
      </c>
      <c r="M20" s="80">
        <v>16</v>
      </c>
    </row>
    <row r="21" spans="1:13">
      <c r="A21" s="15" t="s">
        <v>32</v>
      </c>
      <c r="B21" s="67">
        <v>8</v>
      </c>
      <c r="C21" s="68">
        <v>3</v>
      </c>
      <c r="D21" s="68">
        <v>5</v>
      </c>
      <c r="E21" s="67">
        <v>0</v>
      </c>
      <c r="F21" s="68">
        <v>0</v>
      </c>
      <c r="G21" s="69">
        <v>0</v>
      </c>
      <c r="H21" s="68">
        <v>43</v>
      </c>
      <c r="I21" s="68">
        <v>20</v>
      </c>
      <c r="J21" s="68">
        <v>23</v>
      </c>
      <c r="K21" s="67">
        <v>35</v>
      </c>
      <c r="L21" s="79">
        <v>17</v>
      </c>
      <c r="M21" s="80">
        <v>18</v>
      </c>
    </row>
    <row r="22" spans="1:13">
      <c r="A22" s="15" t="s">
        <v>34</v>
      </c>
      <c r="B22" s="67">
        <v>15</v>
      </c>
      <c r="C22" s="68">
        <v>2</v>
      </c>
      <c r="D22" s="68">
        <v>13</v>
      </c>
      <c r="E22" s="67">
        <v>0</v>
      </c>
      <c r="F22" s="68">
        <v>0</v>
      </c>
      <c r="G22" s="69">
        <v>0</v>
      </c>
      <c r="H22" s="68">
        <v>43</v>
      </c>
      <c r="I22" s="68">
        <v>18</v>
      </c>
      <c r="J22" s="68">
        <v>25</v>
      </c>
      <c r="K22" s="67">
        <v>28</v>
      </c>
      <c r="L22" s="79">
        <v>16</v>
      </c>
      <c r="M22" s="80">
        <v>12</v>
      </c>
    </row>
    <row r="23" spans="1:13">
      <c r="A23" s="15" t="s">
        <v>36</v>
      </c>
      <c r="B23" s="67">
        <v>4</v>
      </c>
      <c r="C23" s="68">
        <v>1</v>
      </c>
      <c r="D23" s="68">
        <v>3</v>
      </c>
      <c r="E23" s="67">
        <v>0</v>
      </c>
      <c r="F23" s="68">
        <v>0</v>
      </c>
      <c r="G23" s="69">
        <v>0</v>
      </c>
      <c r="H23" s="68">
        <v>23</v>
      </c>
      <c r="I23" s="68">
        <v>9</v>
      </c>
      <c r="J23" s="68">
        <v>14</v>
      </c>
      <c r="K23" s="67">
        <v>19</v>
      </c>
      <c r="L23" s="79">
        <v>8</v>
      </c>
      <c r="M23" s="80">
        <v>11</v>
      </c>
    </row>
    <row r="24" spans="1:13" ht="21" customHeight="1">
      <c r="A24" s="36" t="s">
        <v>38</v>
      </c>
      <c r="B24" s="64">
        <v>137</v>
      </c>
      <c r="C24" s="65">
        <v>45</v>
      </c>
      <c r="D24" s="65">
        <v>92</v>
      </c>
      <c r="E24" s="64">
        <v>3</v>
      </c>
      <c r="F24" s="65">
        <v>2</v>
      </c>
      <c r="G24" s="66">
        <v>1</v>
      </c>
      <c r="H24" s="65">
        <v>336</v>
      </c>
      <c r="I24" s="65">
        <v>156</v>
      </c>
      <c r="J24" s="65">
        <v>180</v>
      </c>
      <c r="K24" s="64">
        <v>196</v>
      </c>
      <c r="L24" s="77">
        <v>109</v>
      </c>
      <c r="M24" s="78">
        <v>87</v>
      </c>
    </row>
    <row r="25" spans="1:13">
      <c r="A25" s="15" t="s">
        <v>40</v>
      </c>
      <c r="B25" s="67">
        <v>-2</v>
      </c>
      <c r="C25" s="68">
        <v>0</v>
      </c>
      <c r="D25" s="68">
        <v>-2</v>
      </c>
      <c r="E25" s="67">
        <v>0</v>
      </c>
      <c r="F25" s="68">
        <v>0</v>
      </c>
      <c r="G25" s="69">
        <v>0</v>
      </c>
      <c r="H25" s="68">
        <v>18</v>
      </c>
      <c r="I25" s="68">
        <v>10</v>
      </c>
      <c r="J25" s="68">
        <v>8</v>
      </c>
      <c r="K25" s="67">
        <v>20</v>
      </c>
      <c r="L25" s="79">
        <v>10</v>
      </c>
      <c r="M25" s="80">
        <v>10</v>
      </c>
    </row>
    <row r="26" spans="1:13">
      <c r="A26" s="15" t="s">
        <v>42</v>
      </c>
      <c r="B26" s="67">
        <v>-2</v>
      </c>
      <c r="C26" s="68">
        <v>0</v>
      </c>
      <c r="D26" s="68">
        <v>-2</v>
      </c>
      <c r="E26" s="67">
        <v>1</v>
      </c>
      <c r="F26" s="68">
        <v>0</v>
      </c>
      <c r="G26" s="69">
        <v>1</v>
      </c>
      <c r="H26" s="68">
        <v>34</v>
      </c>
      <c r="I26" s="68">
        <v>20</v>
      </c>
      <c r="J26" s="68">
        <v>14</v>
      </c>
      <c r="K26" s="67">
        <v>35</v>
      </c>
      <c r="L26" s="79">
        <v>20</v>
      </c>
      <c r="M26" s="80">
        <v>15</v>
      </c>
    </row>
    <row r="27" spans="1:13">
      <c r="A27" s="15" t="s">
        <v>44</v>
      </c>
      <c r="B27" s="67">
        <v>-13</v>
      </c>
      <c r="C27" s="68">
        <v>-11</v>
      </c>
      <c r="D27" s="68">
        <v>-2</v>
      </c>
      <c r="E27" s="67">
        <v>2</v>
      </c>
      <c r="F27" s="68">
        <v>2</v>
      </c>
      <c r="G27" s="69">
        <v>0</v>
      </c>
      <c r="H27" s="68">
        <v>17</v>
      </c>
      <c r="I27" s="68">
        <v>7</v>
      </c>
      <c r="J27" s="68">
        <v>10</v>
      </c>
      <c r="K27" s="67">
        <v>28</v>
      </c>
      <c r="L27" s="79">
        <v>16</v>
      </c>
      <c r="M27" s="80">
        <v>12</v>
      </c>
    </row>
    <row r="28" spans="1:13">
      <c r="A28" s="15" t="s">
        <v>46</v>
      </c>
      <c r="B28" s="67">
        <v>26</v>
      </c>
      <c r="C28" s="68">
        <v>2</v>
      </c>
      <c r="D28" s="68">
        <v>24</v>
      </c>
      <c r="E28" s="67">
        <v>0</v>
      </c>
      <c r="F28" s="68">
        <v>0</v>
      </c>
      <c r="G28" s="69">
        <v>0</v>
      </c>
      <c r="H28" s="68">
        <v>65</v>
      </c>
      <c r="I28" s="68">
        <v>25</v>
      </c>
      <c r="J28" s="68">
        <v>40</v>
      </c>
      <c r="K28" s="67">
        <v>39</v>
      </c>
      <c r="L28" s="79">
        <v>23</v>
      </c>
      <c r="M28" s="80">
        <v>16</v>
      </c>
    </row>
    <row r="29" spans="1:13">
      <c r="A29" s="15" t="s">
        <v>48</v>
      </c>
      <c r="B29" s="67">
        <v>128</v>
      </c>
      <c r="C29" s="68">
        <v>54</v>
      </c>
      <c r="D29" s="68">
        <v>74</v>
      </c>
      <c r="E29" s="67">
        <v>0</v>
      </c>
      <c r="F29" s="68">
        <v>0</v>
      </c>
      <c r="G29" s="69">
        <v>0</v>
      </c>
      <c r="H29" s="68">
        <v>202</v>
      </c>
      <c r="I29" s="68">
        <v>94</v>
      </c>
      <c r="J29" s="68">
        <v>108</v>
      </c>
      <c r="K29" s="67">
        <v>74</v>
      </c>
      <c r="L29" s="79">
        <v>40</v>
      </c>
      <c r="M29" s="80">
        <v>34</v>
      </c>
    </row>
    <row r="30" spans="1:13" ht="21" customHeight="1">
      <c r="A30" s="36" t="s">
        <v>50</v>
      </c>
      <c r="B30" s="64">
        <v>306</v>
      </c>
      <c r="C30" s="65">
        <v>111</v>
      </c>
      <c r="D30" s="65">
        <v>195</v>
      </c>
      <c r="E30" s="64">
        <v>5</v>
      </c>
      <c r="F30" s="65">
        <v>4</v>
      </c>
      <c r="G30" s="66">
        <v>1</v>
      </c>
      <c r="H30" s="65">
        <v>1635</v>
      </c>
      <c r="I30" s="65">
        <v>748</v>
      </c>
      <c r="J30" s="65">
        <v>887</v>
      </c>
      <c r="K30" s="64">
        <v>1324</v>
      </c>
      <c r="L30" s="77">
        <v>633</v>
      </c>
      <c r="M30" s="78">
        <v>691</v>
      </c>
    </row>
    <row r="31" spans="1:13">
      <c r="A31" s="15" t="s">
        <v>52</v>
      </c>
      <c r="B31" s="67">
        <v>54</v>
      </c>
      <c r="C31" s="68">
        <v>14</v>
      </c>
      <c r="D31" s="68">
        <v>40</v>
      </c>
      <c r="E31" s="67">
        <v>2</v>
      </c>
      <c r="F31" s="68">
        <v>2</v>
      </c>
      <c r="G31" s="69">
        <v>0</v>
      </c>
      <c r="H31" s="68">
        <v>169</v>
      </c>
      <c r="I31" s="68">
        <v>71</v>
      </c>
      <c r="J31" s="68">
        <v>98</v>
      </c>
      <c r="K31" s="67">
        <v>113</v>
      </c>
      <c r="L31" s="79">
        <v>55</v>
      </c>
      <c r="M31" s="80">
        <v>58</v>
      </c>
    </row>
    <row r="32" spans="1:13">
      <c r="A32" s="15" t="s">
        <v>54</v>
      </c>
      <c r="B32" s="67">
        <v>106</v>
      </c>
      <c r="C32" s="68">
        <v>41</v>
      </c>
      <c r="D32" s="68">
        <v>65</v>
      </c>
      <c r="E32" s="67">
        <v>1</v>
      </c>
      <c r="F32" s="68">
        <v>1</v>
      </c>
      <c r="G32" s="69">
        <v>0</v>
      </c>
      <c r="H32" s="68">
        <v>245</v>
      </c>
      <c r="I32" s="68">
        <v>103</v>
      </c>
      <c r="J32" s="68">
        <v>142</v>
      </c>
      <c r="K32" s="67">
        <v>138</v>
      </c>
      <c r="L32" s="79">
        <v>61</v>
      </c>
      <c r="M32" s="80">
        <v>77</v>
      </c>
    </row>
    <row r="33" spans="1:13">
      <c r="A33" s="15" t="s">
        <v>56</v>
      </c>
      <c r="B33" s="67">
        <v>87</v>
      </c>
      <c r="C33" s="68">
        <v>20</v>
      </c>
      <c r="D33" s="68">
        <v>67</v>
      </c>
      <c r="E33" s="67">
        <v>1</v>
      </c>
      <c r="F33" s="68">
        <v>0</v>
      </c>
      <c r="G33" s="69">
        <v>1</v>
      </c>
      <c r="H33" s="68">
        <v>319</v>
      </c>
      <c r="I33" s="68">
        <v>140</v>
      </c>
      <c r="J33" s="68">
        <v>179</v>
      </c>
      <c r="K33" s="67">
        <v>231</v>
      </c>
      <c r="L33" s="79">
        <v>120</v>
      </c>
      <c r="M33" s="80">
        <v>111</v>
      </c>
    </row>
    <row r="34" spans="1:13">
      <c r="A34" s="15" t="s">
        <v>58</v>
      </c>
      <c r="B34" s="67">
        <v>35</v>
      </c>
      <c r="C34" s="68">
        <v>1</v>
      </c>
      <c r="D34" s="68">
        <v>34</v>
      </c>
      <c r="E34" s="67">
        <v>1</v>
      </c>
      <c r="F34" s="68">
        <v>1</v>
      </c>
      <c r="G34" s="69">
        <v>0</v>
      </c>
      <c r="H34" s="68">
        <v>477</v>
      </c>
      <c r="I34" s="68">
        <v>215</v>
      </c>
      <c r="J34" s="68">
        <v>262</v>
      </c>
      <c r="K34" s="67">
        <v>441</v>
      </c>
      <c r="L34" s="79">
        <v>213</v>
      </c>
      <c r="M34" s="80">
        <v>228</v>
      </c>
    </row>
    <row r="35" spans="1:13">
      <c r="A35" s="15" t="s">
        <v>60</v>
      </c>
      <c r="B35" s="67">
        <v>24</v>
      </c>
      <c r="C35" s="68">
        <v>35</v>
      </c>
      <c r="D35" s="68">
        <v>-11</v>
      </c>
      <c r="E35" s="67">
        <v>0</v>
      </c>
      <c r="F35" s="68">
        <v>0</v>
      </c>
      <c r="G35" s="69">
        <v>0</v>
      </c>
      <c r="H35" s="68">
        <v>425</v>
      </c>
      <c r="I35" s="68">
        <v>219</v>
      </c>
      <c r="J35" s="68">
        <v>206</v>
      </c>
      <c r="K35" s="67">
        <v>401</v>
      </c>
      <c r="L35" s="79">
        <v>184</v>
      </c>
      <c r="M35" s="80">
        <v>217</v>
      </c>
    </row>
    <row r="36" spans="1:13" ht="21" customHeight="1">
      <c r="A36" s="36" t="s">
        <v>62</v>
      </c>
      <c r="B36" s="64">
        <v>-109</v>
      </c>
      <c r="C36" s="65">
        <v>-33</v>
      </c>
      <c r="D36" s="65">
        <v>-76</v>
      </c>
      <c r="E36" s="64">
        <v>6</v>
      </c>
      <c r="F36" s="65">
        <v>5</v>
      </c>
      <c r="G36" s="66">
        <v>1</v>
      </c>
      <c r="H36" s="65">
        <v>2128</v>
      </c>
      <c r="I36" s="65">
        <v>1064</v>
      </c>
      <c r="J36" s="65">
        <v>1064</v>
      </c>
      <c r="K36" s="64">
        <v>2231</v>
      </c>
      <c r="L36" s="77">
        <v>1092</v>
      </c>
      <c r="M36" s="78">
        <v>1139</v>
      </c>
    </row>
    <row r="37" spans="1:13">
      <c r="A37" s="15" t="s">
        <v>64</v>
      </c>
      <c r="B37" s="67">
        <v>-65</v>
      </c>
      <c r="C37" s="68">
        <v>-22</v>
      </c>
      <c r="D37" s="68">
        <v>-43</v>
      </c>
      <c r="E37" s="67">
        <v>2</v>
      </c>
      <c r="F37" s="68">
        <v>2</v>
      </c>
      <c r="G37" s="69">
        <v>0</v>
      </c>
      <c r="H37" s="68">
        <v>467</v>
      </c>
      <c r="I37" s="68">
        <v>236</v>
      </c>
      <c r="J37" s="68">
        <v>231</v>
      </c>
      <c r="K37" s="67">
        <v>530</v>
      </c>
      <c r="L37" s="79">
        <v>256</v>
      </c>
      <c r="M37" s="80">
        <v>274</v>
      </c>
    </row>
    <row r="38" spans="1:13">
      <c r="A38" s="15" t="s">
        <v>66</v>
      </c>
      <c r="B38" s="67">
        <v>-31</v>
      </c>
      <c r="C38" s="68">
        <v>-14</v>
      </c>
      <c r="D38" s="68">
        <v>-17</v>
      </c>
      <c r="E38" s="67">
        <v>3</v>
      </c>
      <c r="F38" s="68">
        <v>3</v>
      </c>
      <c r="G38" s="69">
        <v>0</v>
      </c>
      <c r="H38" s="68">
        <v>443</v>
      </c>
      <c r="I38" s="68">
        <v>225</v>
      </c>
      <c r="J38" s="68">
        <v>218</v>
      </c>
      <c r="K38" s="67">
        <v>471</v>
      </c>
      <c r="L38" s="79">
        <v>236</v>
      </c>
      <c r="M38" s="80">
        <v>235</v>
      </c>
    </row>
    <row r="39" spans="1:13">
      <c r="A39" s="15" t="s">
        <v>68</v>
      </c>
      <c r="B39" s="67">
        <v>-29</v>
      </c>
      <c r="C39" s="68">
        <v>-37</v>
      </c>
      <c r="D39" s="68">
        <v>8</v>
      </c>
      <c r="E39" s="67">
        <v>1</v>
      </c>
      <c r="F39" s="68">
        <v>0</v>
      </c>
      <c r="G39" s="69">
        <v>1</v>
      </c>
      <c r="H39" s="68">
        <v>404</v>
      </c>
      <c r="I39" s="68">
        <v>192</v>
      </c>
      <c r="J39" s="68">
        <v>212</v>
      </c>
      <c r="K39" s="67">
        <v>432</v>
      </c>
      <c r="L39" s="79">
        <v>229</v>
      </c>
      <c r="M39" s="80">
        <v>203</v>
      </c>
    </row>
    <row r="40" spans="1:13">
      <c r="A40" s="15" t="s">
        <v>70</v>
      </c>
      <c r="B40" s="67">
        <v>0</v>
      </c>
      <c r="C40" s="68">
        <v>21</v>
      </c>
      <c r="D40" s="68">
        <v>-21</v>
      </c>
      <c r="E40" s="67">
        <v>0</v>
      </c>
      <c r="F40" s="68">
        <v>0</v>
      </c>
      <c r="G40" s="69">
        <v>0</v>
      </c>
      <c r="H40" s="68">
        <v>440</v>
      </c>
      <c r="I40" s="68">
        <v>222</v>
      </c>
      <c r="J40" s="68">
        <v>218</v>
      </c>
      <c r="K40" s="67">
        <v>440</v>
      </c>
      <c r="L40" s="79">
        <v>201</v>
      </c>
      <c r="M40" s="80">
        <v>239</v>
      </c>
    </row>
    <row r="41" spans="1:13">
      <c r="A41" s="15" t="s">
        <v>72</v>
      </c>
      <c r="B41" s="67">
        <v>16</v>
      </c>
      <c r="C41" s="68">
        <v>19</v>
      </c>
      <c r="D41" s="68">
        <v>-3</v>
      </c>
      <c r="E41" s="67">
        <v>0</v>
      </c>
      <c r="F41" s="68">
        <v>0</v>
      </c>
      <c r="G41" s="69">
        <v>0</v>
      </c>
      <c r="H41" s="68">
        <v>374</v>
      </c>
      <c r="I41" s="68">
        <v>189</v>
      </c>
      <c r="J41" s="68">
        <v>185</v>
      </c>
      <c r="K41" s="67">
        <v>358</v>
      </c>
      <c r="L41" s="79">
        <v>170</v>
      </c>
      <c r="M41" s="80">
        <v>188</v>
      </c>
    </row>
    <row r="42" spans="1:13" ht="21" customHeight="1">
      <c r="A42" s="36" t="s">
        <v>74</v>
      </c>
      <c r="B42" s="64">
        <v>47</v>
      </c>
      <c r="C42" s="65">
        <v>65</v>
      </c>
      <c r="D42" s="65">
        <v>-18</v>
      </c>
      <c r="E42" s="64">
        <v>2</v>
      </c>
      <c r="F42" s="65">
        <v>0</v>
      </c>
      <c r="G42" s="66">
        <v>2</v>
      </c>
      <c r="H42" s="65">
        <v>1548</v>
      </c>
      <c r="I42" s="65">
        <v>812</v>
      </c>
      <c r="J42" s="65">
        <v>736</v>
      </c>
      <c r="K42" s="64">
        <v>1499</v>
      </c>
      <c r="L42" s="77">
        <v>747</v>
      </c>
      <c r="M42" s="78">
        <v>752</v>
      </c>
    </row>
    <row r="43" spans="1:13">
      <c r="A43" s="15" t="s">
        <v>76</v>
      </c>
      <c r="B43" s="67">
        <v>10</v>
      </c>
      <c r="C43" s="68">
        <v>10</v>
      </c>
      <c r="D43" s="68">
        <v>0</v>
      </c>
      <c r="E43" s="67">
        <v>1</v>
      </c>
      <c r="F43" s="68">
        <v>0</v>
      </c>
      <c r="G43" s="69">
        <v>1</v>
      </c>
      <c r="H43" s="68">
        <v>378</v>
      </c>
      <c r="I43" s="68">
        <v>191</v>
      </c>
      <c r="J43" s="68">
        <v>187</v>
      </c>
      <c r="K43" s="67">
        <v>367</v>
      </c>
      <c r="L43" s="79">
        <v>181</v>
      </c>
      <c r="M43" s="80">
        <v>186</v>
      </c>
    </row>
    <row r="44" spans="1:13">
      <c r="A44" s="15" t="s">
        <v>78</v>
      </c>
      <c r="B44" s="67">
        <v>10</v>
      </c>
      <c r="C44" s="68">
        <v>17</v>
      </c>
      <c r="D44" s="68">
        <v>-7</v>
      </c>
      <c r="E44" s="67">
        <v>0</v>
      </c>
      <c r="F44" s="68">
        <v>0</v>
      </c>
      <c r="G44" s="69">
        <v>0</v>
      </c>
      <c r="H44" s="68">
        <v>325</v>
      </c>
      <c r="I44" s="68">
        <v>177</v>
      </c>
      <c r="J44" s="68">
        <v>148</v>
      </c>
      <c r="K44" s="67">
        <v>315</v>
      </c>
      <c r="L44" s="79">
        <v>160</v>
      </c>
      <c r="M44" s="80">
        <v>155</v>
      </c>
    </row>
    <row r="45" spans="1:13">
      <c r="A45" s="15" t="s">
        <v>80</v>
      </c>
      <c r="B45" s="67">
        <v>6</v>
      </c>
      <c r="C45" s="68">
        <v>10</v>
      </c>
      <c r="D45" s="68">
        <v>-4</v>
      </c>
      <c r="E45" s="67">
        <v>1</v>
      </c>
      <c r="F45" s="68">
        <v>0</v>
      </c>
      <c r="G45" s="69">
        <v>1</v>
      </c>
      <c r="H45" s="68">
        <v>303</v>
      </c>
      <c r="I45" s="68">
        <v>154</v>
      </c>
      <c r="J45" s="68">
        <v>149</v>
      </c>
      <c r="K45" s="67">
        <v>296</v>
      </c>
      <c r="L45" s="79">
        <v>144</v>
      </c>
      <c r="M45" s="80">
        <v>152</v>
      </c>
    </row>
    <row r="46" spans="1:13">
      <c r="A46" s="15" t="s">
        <v>82</v>
      </c>
      <c r="B46" s="67">
        <v>10</v>
      </c>
      <c r="C46" s="68">
        <v>3</v>
      </c>
      <c r="D46" s="68">
        <v>7</v>
      </c>
      <c r="E46" s="67">
        <v>0</v>
      </c>
      <c r="F46" s="68">
        <v>0</v>
      </c>
      <c r="G46" s="69">
        <v>0</v>
      </c>
      <c r="H46" s="68">
        <v>272</v>
      </c>
      <c r="I46" s="68">
        <v>142</v>
      </c>
      <c r="J46" s="68">
        <v>130</v>
      </c>
      <c r="K46" s="67">
        <v>262</v>
      </c>
      <c r="L46" s="79">
        <v>139</v>
      </c>
      <c r="M46" s="80">
        <v>123</v>
      </c>
    </row>
    <row r="47" spans="1:13">
      <c r="A47" s="15" t="s">
        <v>84</v>
      </c>
      <c r="B47" s="67">
        <v>11</v>
      </c>
      <c r="C47" s="68">
        <v>25</v>
      </c>
      <c r="D47" s="68">
        <v>-14</v>
      </c>
      <c r="E47" s="67">
        <v>0</v>
      </c>
      <c r="F47" s="68">
        <v>0</v>
      </c>
      <c r="G47" s="69">
        <v>0</v>
      </c>
      <c r="H47" s="68">
        <v>270</v>
      </c>
      <c r="I47" s="68">
        <v>148</v>
      </c>
      <c r="J47" s="68">
        <v>122</v>
      </c>
      <c r="K47" s="67">
        <v>259</v>
      </c>
      <c r="L47" s="79">
        <v>123</v>
      </c>
      <c r="M47" s="80">
        <v>136</v>
      </c>
    </row>
    <row r="48" spans="1:13" ht="21" customHeight="1">
      <c r="A48" s="36" t="s">
        <v>86</v>
      </c>
      <c r="B48" s="64">
        <v>52</v>
      </c>
      <c r="C48" s="65">
        <v>44</v>
      </c>
      <c r="D48" s="65">
        <v>8</v>
      </c>
      <c r="E48" s="64">
        <v>8</v>
      </c>
      <c r="F48" s="65">
        <v>3</v>
      </c>
      <c r="G48" s="66">
        <v>5</v>
      </c>
      <c r="H48" s="65">
        <v>897</v>
      </c>
      <c r="I48" s="65">
        <v>489</v>
      </c>
      <c r="J48" s="65">
        <v>408</v>
      </c>
      <c r="K48" s="64">
        <v>837</v>
      </c>
      <c r="L48" s="77">
        <v>442</v>
      </c>
      <c r="M48" s="78">
        <v>395</v>
      </c>
    </row>
    <row r="49" spans="1:13">
      <c r="A49" s="15" t="s">
        <v>88</v>
      </c>
      <c r="B49" s="67">
        <v>-28</v>
      </c>
      <c r="C49" s="68">
        <v>-22</v>
      </c>
      <c r="D49" s="68">
        <v>-6</v>
      </c>
      <c r="E49" s="67">
        <v>2</v>
      </c>
      <c r="F49" s="68">
        <v>2</v>
      </c>
      <c r="G49" s="69">
        <v>0</v>
      </c>
      <c r="H49" s="68">
        <v>165</v>
      </c>
      <c r="I49" s="68">
        <v>90</v>
      </c>
      <c r="J49" s="68">
        <v>75</v>
      </c>
      <c r="K49" s="67">
        <v>191</v>
      </c>
      <c r="L49" s="79">
        <v>110</v>
      </c>
      <c r="M49" s="80">
        <v>81</v>
      </c>
    </row>
    <row r="50" spans="1:13">
      <c r="A50" s="15" t="s">
        <v>90</v>
      </c>
      <c r="B50" s="67">
        <v>35</v>
      </c>
      <c r="C50" s="68">
        <v>9</v>
      </c>
      <c r="D50" s="68">
        <v>26</v>
      </c>
      <c r="E50" s="67">
        <v>1</v>
      </c>
      <c r="F50" s="68">
        <v>0</v>
      </c>
      <c r="G50" s="69">
        <v>1</v>
      </c>
      <c r="H50" s="68">
        <v>218</v>
      </c>
      <c r="I50" s="68">
        <v>104</v>
      </c>
      <c r="J50" s="68">
        <v>114</v>
      </c>
      <c r="K50" s="67">
        <v>182</v>
      </c>
      <c r="L50" s="79">
        <v>95</v>
      </c>
      <c r="M50" s="80">
        <v>87</v>
      </c>
    </row>
    <row r="51" spans="1:13">
      <c r="A51" s="15" t="s">
        <v>92</v>
      </c>
      <c r="B51" s="67">
        <v>14</v>
      </c>
      <c r="C51" s="68">
        <v>13</v>
      </c>
      <c r="D51" s="68">
        <v>1</v>
      </c>
      <c r="E51" s="67">
        <v>1</v>
      </c>
      <c r="F51" s="68">
        <v>0</v>
      </c>
      <c r="G51" s="69">
        <v>1</v>
      </c>
      <c r="H51" s="68">
        <v>180</v>
      </c>
      <c r="I51" s="68">
        <v>103</v>
      </c>
      <c r="J51" s="68">
        <v>77</v>
      </c>
      <c r="K51" s="67">
        <v>165</v>
      </c>
      <c r="L51" s="79">
        <v>90</v>
      </c>
      <c r="M51" s="80">
        <v>75</v>
      </c>
    </row>
    <row r="52" spans="1:13">
      <c r="A52" s="15" t="s">
        <v>94</v>
      </c>
      <c r="B52" s="67">
        <v>16</v>
      </c>
      <c r="C52" s="68">
        <v>27</v>
      </c>
      <c r="D52" s="68">
        <v>-11</v>
      </c>
      <c r="E52" s="67">
        <v>1</v>
      </c>
      <c r="F52" s="68">
        <v>1</v>
      </c>
      <c r="G52" s="69">
        <v>0</v>
      </c>
      <c r="H52" s="68">
        <v>186</v>
      </c>
      <c r="I52" s="68">
        <v>104</v>
      </c>
      <c r="J52" s="68">
        <v>82</v>
      </c>
      <c r="K52" s="67">
        <v>169</v>
      </c>
      <c r="L52" s="79">
        <v>76</v>
      </c>
      <c r="M52" s="80">
        <v>93</v>
      </c>
    </row>
    <row r="53" spans="1:13">
      <c r="A53" s="15" t="s">
        <v>96</v>
      </c>
      <c r="B53" s="67">
        <v>15</v>
      </c>
      <c r="C53" s="68">
        <v>17</v>
      </c>
      <c r="D53" s="68">
        <v>-2</v>
      </c>
      <c r="E53" s="67">
        <v>3</v>
      </c>
      <c r="F53" s="68">
        <v>0</v>
      </c>
      <c r="G53" s="69">
        <v>3</v>
      </c>
      <c r="H53" s="68">
        <v>148</v>
      </c>
      <c r="I53" s="68">
        <v>88</v>
      </c>
      <c r="J53" s="68">
        <v>60</v>
      </c>
      <c r="K53" s="67">
        <v>130</v>
      </c>
      <c r="L53" s="79">
        <v>71</v>
      </c>
      <c r="M53" s="80">
        <v>59</v>
      </c>
    </row>
    <row r="54" spans="1:13" ht="21" customHeight="1">
      <c r="A54" s="36" t="s">
        <v>98</v>
      </c>
      <c r="B54" s="64">
        <v>59</v>
      </c>
      <c r="C54" s="65">
        <v>44</v>
      </c>
      <c r="D54" s="65">
        <v>15</v>
      </c>
      <c r="E54" s="64">
        <v>7</v>
      </c>
      <c r="F54" s="65">
        <v>5</v>
      </c>
      <c r="G54" s="66">
        <v>2</v>
      </c>
      <c r="H54" s="65">
        <v>627</v>
      </c>
      <c r="I54" s="65">
        <v>347</v>
      </c>
      <c r="J54" s="65">
        <v>280</v>
      </c>
      <c r="K54" s="64">
        <v>561</v>
      </c>
      <c r="L54" s="77">
        <v>298</v>
      </c>
      <c r="M54" s="78">
        <v>263</v>
      </c>
    </row>
    <row r="55" spans="1:13">
      <c r="A55" s="15" t="s">
        <v>100</v>
      </c>
      <c r="B55" s="67">
        <v>25</v>
      </c>
      <c r="C55" s="68">
        <v>9</v>
      </c>
      <c r="D55" s="68">
        <v>16</v>
      </c>
      <c r="E55" s="67">
        <v>0</v>
      </c>
      <c r="F55" s="68">
        <v>0</v>
      </c>
      <c r="G55" s="69">
        <v>0</v>
      </c>
      <c r="H55" s="68">
        <v>166</v>
      </c>
      <c r="I55" s="68">
        <v>88</v>
      </c>
      <c r="J55" s="68">
        <v>78</v>
      </c>
      <c r="K55" s="67">
        <v>141</v>
      </c>
      <c r="L55" s="79">
        <v>79</v>
      </c>
      <c r="M55" s="80">
        <v>62</v>
      </c>
    </row>
    <row r="56" spans="1:13">
      <c r="A56" s="15" t="s">
        <v>102</v>
      </c>
      <c r="B56" s="67">
        <v>6</v>
      </c>
      <c r="C56" s="68">
        <v>8</v>
      </c>
      <c r="D56" s="68">
        <v>-2</v>
      </c>
      <c r="E56" s="67">
        <v>1</v>
      </c>
      <c r="F56" s="68">
        <v>0</v>
      </c>
      <c r="G56" s="69">
        <v>1</v>
      </c>
      <c r="H56" s="68">
        <v>119</v>
      </c>
      <c r="I56" s="68">
        <v>64</v>
      </c>
      <c r="J56" s="68">
        <v>55</v>
      </c>
      <c r="K56" s="67">
        <v>112</v>
      </c>
      <c r="L56" s="79">
        <v>56</v>
      </c>
      <c r="M56" s="80">
        <v>56</v>
      </c>
    </row>
    <row r="57" spans="1:13">
      <c r="A57" s="15" t="s">
        <v>104</v>
      </c>
      <c r="B57" s="67">
        <v>12</v>
      </c>
      <c r="C57" s="68">
        <v>18</v>
      </c>
      <c r="D57" s="68">
        <v>-6</v>
      </c>
      <c r="E57" s="67">
        <v>3</v>
      </c>
      <c r="F57" s="68">
        <v>2</v>
      </c>
      <c r="G57" s="69">
        <v>1</v>
      </c>
      <c r="H57" s="68">
        <v>130</v>
      </c>
      <c r="I57" s="68">
        <v>79</v>
      </c>
      <c r="J57" s="68">
        <v>51</v>
      </c>
      <c r="K57" s="67">
        <v>115</v>
      </c>
      <c r="L57" s="79">
        <v>59</v>
      </c>
      <c r="M57" s="80">
        <v>56</v>
      </c>
    </row>
    <row r="58" spans="1:13">
      <c r="A58" s="15" t="s">
        <v>106</v>
      </c>
      <c r="B58" s="67">
        <v>11</v>
      </c>
      <c r="C58" s="68">
        <v>3</v>
      </c>
      <c r="D58" s="68">
        <v>8</v>
      </c>
      <c r="E58" s="67">
        <v>1</v>
      </c>
      <c r="F58" s="68">
        <v>1</v>
      </c>
      <c r="G58" s="69">
        <v>0</v>
      </c>
      <c r="H58" s="68">
        <v>109</v>
      </c>
      <c r="I58" s="68">
        <v>58</v>
      </c>
      <c r="J58" s="68">
        <v>51</v>
      </c>
      <c r="K58" s="67">
        <v>97</v>
      </c>
      <c r="L58" s="79">
        <v>54</v>
      </c>
      <c r="M58" s="80">
        <v>43</v>
      </c>
    </row>
    <row r="59" spans="1:13">
      <c r="A59" s="15" t="s">
        <v>108</v>
      </c>
      <c r="B59" s="67">
        <v>5</v>
      </c>
      <c r="C59" s="68">
        <v>6</v>
      </c>
      <c r="D59" s="68">
        <v>-1</v>
      </c>
      <c r="E59" s="67">
        <v>2</v>
      </c>
      <c r="F59" s="68">
        <v>2</v>
      </c>
      <c r="G59" s="69">
        <v>0</v>
      </c>
      <c r="H59" s="68">
        <v>103</v>
      </c>
      <c r="I59" s="68">
        <v>58</v>
      </c>
      <c r="J59" s="68">
        <v>45</v>
      </c>
      <c r="K59" s="67">
        <v>96</v>
      </c>
      <c r="L59" s="79">
        <v>50</v>
      </c>
      <c r="M59" s="80">
        <v>46</v>
      </c>
    </row>
    <row r="60" spans="1:13" ht="21" customHeight="1">
      <c r="A60" s="36" t="s">
        <v>110</v>
      </c>
      <c r="B60" s="64">
        <v>-60</v>
      </c>
      <c r="C60" s="65">
        <v>-46</v>
      </c>
      <c r="D60" s="65">
        <v>-14</v>
      </c>
      <c r="E60" s="64">
        <v>11</v>
      </c>
      <c r="F60" s="65">
        <v>6</v>
      </c>
      <c r="G60" s="66">
        <v>5</v>
      </c>
      <c r="H60" s="65">
        <v>408</v>
      </c>
      <c r="I60" s="65">
        <v>220</v>
      </c>
      <c r="J60" s="65">
        <v>188</v>
      </c>
      <c r="K60" s="64">
        <v>457</v>
      </c>
      <c r="L60" s="77">
        <v>260</v>
      </c>
      <c r="M60" s="78">
        <v>197</v>
      </c>
    </row>
    <row r="61" spans="1:13">
      <c r="A61" s="15" t="s">
        <v>112</v>
      </c>
      <c r="B61" s="67">
        <v>-17</v>
      </c>
      <c r="C61" s="68">
        <v>-5</v>
      </c>
      <c r="D61" s="68">
        <v>-12</v>
      </c>
      <c r="E61" s="67">
        <v>1</v>
      </c>
      <c r="F61" s="68">
        <v>0</v>
      </c>
      <c r="G61" s="69">
        <v>1</v>
      </c>
      <c r="H61" s="68">
        <v>91</v>
      </c>
      <c r="I61" s="68">
        <v>52</v>
      </c>
      <c r="J61" s="68">
        <v>39</v>
      </c>
      <c r="K61" s="67">
        <v>107</v>
      </c>
      <c r="L61" s="79">
        <v>57</v>
      </c>
      <c r="M61" s="80">
        <v>50</v>
      </c>
    </row>
    <row r="62" spans="1:13">
      <c r="A62" s="15" t="s">
        <v>114</v>
      </c>
      <c r="B62" s="67">
        <v>-21</v>
      </c>
      <c r="C62" s="68">
        <v>-19</v>
      </c>
      <c r="D62" s="68">
        <v>-2</v>
      </c>
      <c r="E62" s="67">
        <v>1</v>
      </c>
      <c r="F62" s="68">
        <v>0</v>
      </c>
      <c r="G62" s="69">
        <v>1</v>
      </c>
      <c r="H62" s="68">
        <v>69</v>
      </c>
      <c r="I62" s="68">
        <v>36</v>
      </c>
      <c r="J62" s="68">
        <v>33</v>
      </c>
      <c r="K62" s="67">
        <v>89</v>
      </c>
      <c r="L62" s="79">
        <v>55</v>
      </c>
      <c r="M62" s="80">
        <v>34</v>
      </c>
    </row>
    <row r="63" spans="1:13">
      <c r="A63" s="15" t="s">
        <v>116</v>
      </c>
      <c r="B63" s="67">
        <v>-10</v>
      </c>
      <c r="C63" s="68">
        <v>-17</v>
      </c>
      <c r="D63" s="68">
        <v>7</v>
      </c>
      <c r="E63" s="67">
        <v>4</v>
      </c>
      <c r="F63" s="68">
        <v>3</v>
      </c>
      <c r="G63" s="69">
        <v>1</v>
      </c>
      <c r="H63" s="68">
        <v>88</v>
      </c>
      <c r="I63" s="68">
        <v>43</v>
      </c>
      <c r="J63" s="68">
        <v>45</v>
      </c>
      <c r="K63" s="67">
        <v>94</v>
      </c>
      <c r="L63" s="79">
        <v>57</v>
      </c>
      <c r="M63" s="80">
        <v>37</v>
      </c>
    </row>
    <row r="64" spans="1:13">
      <c r="A64" s="15" t="s">
        <v>118</v>
      </c>
      <c r="B64" s="67">
        <v>10</v>
      </c>
      <c r="C64" s="68">
        <v>11</v>
      </c>
      <c r="D64" s="68">
        <v>-1</v>
      </c>
      <c r="E64" s="67">
        <v>1</v>
      </c>
      <c r="F64" s="68">
        <v>1</v>
      </c>
      <c r="G64" s="69">
        <v>0</v>
      </c>
      <c r="H64" s="68">
        <v>88</v>
      </c>
      <c r="I64" s="68">
        <v>50</v>
      </c>
      <c r="J64" s="68">
        <v>38</v>
      </c>
      <c r="K64" s="67">
        <v>77</v>
      </c>
      <c r="L64" s="79">
        <v>38</v>
      </c>
      <c r="M64" s="80">
        <v>39</v>
      </c>
    </row>
    <row r="65" spans="1:13">
      <c r="A65" s="19" t="s">
        <v>120</v>
      </c>
      <c r="B65" s="70">
        <v>-22</v>
      </c>
      <c r="C65" s="71">
        <v>-16</v>
      </c>
      <c r="D65" s="71">
        <v>-6</v>
      </c>
      <c r="E65" s="70">
        <v>4</v>
      </c>
      <c r="F65" s="71">
        <v>2</v>
      </c>
      <c r="G65" s="72">
        <v>2</v>
      </c>
      <c r="H65" s="71">
        <v>72</v>
      </c>
      <c r="I65" s="71">
        <v>39</v>
      </c>
      <c r="J65" s="71">
        <v>33</v>
      </c>
      <c r="K65" s="70">
        <v>90</v>
      </c>
      <c r="L65" s="81">
        <v>53</v>
      </c>
      <c r="M65" s="82">
        <v>37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083</v>
      </c>
      <c r="C69" s="50">
        <v>573</v>
      </c>
      <c r="D69" s="84">
        <v>510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73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31</v>
      </c>
      <c r="C75" s="65">
        <v>37</v>
      </c>
      <c r="D75" s="65">
        <v>-6</v>
      </c>
      <c r="E75" s="64">
        <v>22</v>
      </c>
      <c r="F75" s="65">
        <v>12</v>
      </c>
      <c r="G75" s="66">
        <v>10</v>
      </c>
      <c r="H75" s="65">
        <v>417</v>
      </c>
      <c r="I75" s="65">
        <v>224</v>
      </c>
      <c r="J75" s="65">
        <v>193</v>
      </c>
      <c r="K75" s="64">
        <v>364</v>
      </c>
      <c r="L75" s="77">
        <v>175</v>
      </c>
      <c r="M75" s="78">
        <v>189</v>
      </c>
    </row>
    <row r="76" spans="1:13">
      <c r="A76" s="27" t="s">
        <v>5</v>
      </c>
      <c r="B76" s="67">
        <v>22</v>
      </c>
      <c r="C76" s="68">
        <v>14</v>
      </c>
      <c r="D76" s="68">
        <v>8</v>
      </c>
      <c r="E76" s="67">
        <v>4</v>
      </c>
      <c r="F76" s="68">
        <v>2</v>
      </c>
      <c r="G76" s="69">
        <v>2</v>
      </c>
      <c r="H76" s="68">
        <v>101</v>
      </c>
      <c r="I76" s="68">
        <v>57</v>
      </c>
      <c r="J76" s="68">
        <v>44</v>
      </c>
      <c r="K76" s="67">
        <v>75</v>
      </c>
      <c r="L76" s="79">
        <v>41</v>
      </c>
      <c r="M76" s="80">
        <v>34</v>
      </c>
    </row>
    <row r="77" spans="1:13">
      <c r="A77" s="27" t="s">
        <v>7</v>
      </c>
      <c r="B77" s="67">
        <v>5</v>
      </c>
      <c r="C77" s="68">
        <v>8</v>
      </c>
      <c r="D77" s="68">
        <v>-3</v>
      </c>
      <c r="E77" s="67">
        <v>1</v>
      </c>
      <c r="F77" s="68">
        <v>0</v>
      </c>
      <c r="G77" s="69">
        <v>1</v>
      </c>
      <c r="H77" s="68">
        <v>93</v>
      </c>
      <c r="I77" s="68">
        <v>44</v>
      </c>
      <c r="J77" s="68">
        <v>49</v>
      </c>
      <c r="K77" s="67">
        <v>87</v>
      </c>
      <c r="L77" s="79">
        <v>36</v>
      </c>
      <c r="M77" s="80">
        <v>51</v>
      </c>
    </row>
    <row r="78" spans="1:13">
      <c r="A78" s="27" t="s">
        <v>9</v>
      </c>
      <c r="B78" s="67">
        <v>10</v>
      </c>
      <c r="C78" s="68">
        <v>-2</v>
      </c>
      <c r="D78" s="68">
        <v>12</v>
      </c>
      <c r="E78" s="67">
        <v>7</v>
      </c>
      <c r="F78" s="68">
        <v>5</v>
      </c>
      <c r="G78" s="69">
        <v>2</v>
      </c>
      <c r="H78" s="68">
        <v>83</v>
      </c>
      <c r="I78" s="68">
        <v>40</v>
      </c>
      <c r="J78" s="68">
        <v>43</v>
      </c>
      <c r="K78" s="67">
        <v>66</v>
      </c>
      <c r="L78" s="79">
        <v>37</v>
      </c>
      <c r="M78" s="80">
        <v>29</v>
      </c>
    </row>
    <row r="79" spans="1:13">
      <c r="A79" s="27" t="s">
        <v>11</v>
      </c>
      <c r="B79" s="67">
        <v>6</v>
      </c>
      <c r="C79" s="68">
        <v>14</v>
      </c>
      <c r="D79" s="68">
        <v>-8</v>
      </c>
      <c r="E79" s="67">
        <v>8</v>
      </c>
      <c r="F79" s="68">
        <v>4</v>
      </c>
      <c r="G79" s="69">
        <v>4</v>
      </c>
      <c r="H79" s="68">
        <v>71</v>
      </c>
      <c r="I79" s="68">
        <v>40</v>
      </c>
      <c r="J79" s="68">
        <v>31</v>
      </c>
      <c r="K79" s="67">
        <v>57</v>
      </c>
      <c r="L79" s="79">
        <v>22</v>
      </c>
      <c r="M79" s="80">
        <v>35</v>
      </c>
    </row>
    <row r="80" spans="1:13">
      <c r="A80" s="27" t="s">
        <v>13</v>
      </c>
      <c r="B80" s="67">
        <v>-12</v>
      </c>
      <c r="C80" s="68">
        <v>3</v>
      </c>
      <c r="D80" s="68">
        <v>-15</v>
      </c>
      <c r="E80" s="67">
        <v>2</v>
      </c>
      <c r="F80" s="68">
        <v>1</v>
      </c>
      <c r="G80" s="69">
        <v>1</v>
      </c>
      <c r="H80" s="68">
        <v>69</v>
      </c>
      <c r="I80" s="68">
        <v>43</v>
      </c>
      <c r="J80" s="68">
        <v>26</v>
      </c>
      <c r="K80" s="67">
        <v>79</v>
      </c>
      <c r="L80" s="79">
        <v>39</v>
      </c>
      <c r="M80" s="80">
        <v>40</v>
      </c>
    </row>
    <row r="81" spans="1:13" ht="21" customHeight="1">
      <c r="A81" s="38" t="s">
        <v>15</v>
      </c>
      <c r="B81" s="64">
        <v>-55</v>
      </c>
      <c r="C81" s="65">
        <v>-36</v>
      </c>
      <c r="D81" s="65">
        <v>-19</v>
      </c>
      <c r="E81" s="64">
        <v>31</v>
      </c>
      <c r="F81" s="65">
        <v>21</v>
      </c>
      <c r="G81" s="66">
        <v>10</v>
      </c>
      <c r="H81" s="65">
        <v>298</v>
      </c>
      <c r="I81" s="65">
        <v>158</v>
      </c>
      <c r="J81" s="65">
        <v>140</v>
      </c>
      <c r="K81" s="64">
        <v>322</v>
      </c>
      <c r="L81" s="77">
        <v>173</v>
      </c>
      <c r="M81" s="78">
        <v>149</v>
      </c>
    </row>
    <row r="82" spans="1:13">
      <c r="A82" s="27" t="s">
        <v>17</v>
      </c>
      <c r="B82" s="67">
        <v>4</v>
      </c>
      <c r="C82" s="68">
        <v>9</v>
      </c>
      <c r="D82" s="68">
        <v>-5</v>
      </c>
      <c r="E82" s="67">
        <v>1</v>
      </c>
      <c r="F82" s="68">
        <v>1</v>
      </c>
      <c r="G82" s="69">
        <v>0</v>
      </c>
      <c r="H82" s="68">
        <v>70</v>
      </c>
      <c r="I82" s="68">
        <v>36</v>
      </c>
      <c r="J82" s="68">
        <v>34</v>
      </c>
      <c r="K82" s="67">
        <v>65</v>
      </c>
      <c r="L82" s="79">
        <v>26</v>
      </c>
      <c r="M82" s="80">
        <v>39</v>
      </c>
    </row>
    <row r="83" spans="1:13">
      <c r="A83" s="27" t="s">
        <v>19</v>
      </c>
      <c r="B83" s="67">
        <v>-15</v>
      </c>
      <c r="C83" s="68">
        <v>-12</v>
      </c>
      <c r="D83" s="68">
        <v>-3</v>
      </c>
      <c r="E83" s="67">
        <v>4</v>
      </c>
      <c r="F83" s="68">
        <v>3</v>
      </c>
      <c r="G83" s="69">
        <v>1</v>
      </c>
      <c r="H83" s="68">
        <v>53</v>
      </c>
      <c r="I83" s="68">
        <v>24</v>
      </c>
      <c r="J83" s="68">
        <v>29</v>
      </c>
      <c r="K83" s="67">
        <v>64</v>
      </c>
      <c r="L83" s="79">
        <v>33</v>
      </c>
      <c r="M83" s="80">
        <v>31</v>
      </c>
    </row>
    <row r="84" spans="1:13">
      <c r="A84" s="27" t="s">
        <v>21</v>
      </c>
      <c r="B84" s="67">
        <v>-7</v>
      </c>
      <c r="C84" s="68">
        <v>-19</v>
      </c>
      <c r="D84" s="68">
        <v>12</v>
      </c>
      <c r="E84" s="67">
        <v>9</v>
      </c>
      <c r="F84" s="68">
        <v>9</v>
      </c>
      <c r="G84" s="69">
        <v>0</v>
      </c>
      <c r="H84" s="68">
        <v>73</v>
      </c>
      <c r="I84" s="68">
        <v>37</v>
      </c>
      <c r="J84" s="68">
        <v>36</v>
      </c>
      <c r="K84" s="67">
        <v>71</v>
      </c>
      <c r="L84" s="79">
        <v>47</v>
      </c>
      <c r="M84" s="80">
        <v>24</v>
      </c>
    </row>
    <row r="85" spans="1:13">
      <c r="A85" s="27" t="s">
        <v>23</v>
      </c>
      <c r="B85" s="67">
        <v>-21</v>
      </c>
      <c r="C85" s="68">
        <v>-12</v>
      </c>
      <c r="D85" s="68">
        <v>-9</v>
      </c>
      <c r="E85" s="67">
        <v>10</v>
      </c>
      <c r="F85" s="68">
        <v>6</v>
      </c>
      <c r="G85" s="69">
        <v>4</v>
      </c>
      <c r="H85" s="68">
        <v>59</v>
      </c>
      <c r="I85" s="68">
        <v>32</v>
      </c>
      <c r="J85" s="68">
        <v>27</v>
      </c>
      <c r="K85" s="67">
        <v>70</v>
      </c>
      <c r="L85" s="79">
        <v>38</v>
      </c>
      <c r="M85" s="80">
        <v>32</v>
      </c>
    </row>
    <row r="86" spans="1:13">
      <c r="A86" s="27" t="s">
        <v>25</v>
      </c>
      <c r="B86" s="67">
        <v>-16</v>
      </c>
      <c r="C86" s="68">
        <v>-2</v>
      </c>
      <c r="D86" s="68">
        <v>-14</v>
      </c>
      <c r="E86" s="67">
        <v>7</v>
      </c>
      <c r="F86" s="68">
        <v>2</v>
      </c>
      <c r="G86" s="69">
        <v>5</v>
      </c>
      <c r="H86" s="68">
        <v>43</v>
      </c>
      <c r="I86" s="68">
        <v>29</v>
      </c>
      <c r="J86" s="68">
        <v>14</v>
      </c>
      <c r="K86" s="67">
        <v>52</v>
      </c>
      <c r="L86" s="79">
        <v>29</v>
      </c>
      <c r="M86" s="80">
        <v>23</v>
      </c>
    </row>
    <row r="87" spans="1:13" ht="21" customHeight="1">
      <c r="A87" s="38" t="s">
        <v>27</v>
      </c>
      <c r="B87" s="64">
        <v>-100</v>
      </c>
      <c r="C87" s="65">
        <v>-61</v>
      </c>
      <c r="D87" s="65">
        <v>-39</v>
      </c>
      <c r="E87" s="64">
        <v>52</v>
      </c>
      <c r="F87" s="65">
        <v>34</v>
      </c>
      <c r="G87" s="66">
        <v>18</v>
      </c>
      <c r="H87" s="65">
        <v>204</v>
      </c>
      <c r="I87" s="65">
        <v>103</v>
      </c>
      <c r="J87" s="65">
        <v>101</v>
      </c>
      <c r="K87" s="64">
        <v>252</v>
      </c>
      <c r="L87" s="77">
        <v>130</v>
      </c>
      <c r="M87" s="78">
        <v>122</v>
      </c>
    </row>
    <row r="88" spans="1:13">
      <c r="A88" s="27" t="s">
        <v>29</v>
      </c>
      <c r="B88" s="67">
        <v>-29</v>
      </c>
      <c r="C88" s="68">
        <v>-12</v>
      </c>
      <c r="D88" s="68">
        <v>-17</v>
      </c>
      <c r="E88" s="67">
        <v>7</v>
      </c>
      <c r="F88" s="68">
        <v>5</v>
      </c>
      <c r="G88" s="69">
        <v>2</v>
      </c>
      <c r="H88" s="68">
        <v>42</v>
      </c>
      <c r="I88" s="68">
        <v>24</v>
      </c>
      <c r="J88" s="68">
        <v>18</v>
      </c>
      <c r="K88" s="67">
        <v>64</v>
      </c>
      <c r="L88" s="79">
        <v>31</v>
      </c>
      <c r="M88" s="80">
        <v>33</v>
      </c>
    </row>
    <row r="89" spans="1:13">
      <c r="A89" s="27" t="s">
        <v>31</v>
      </c>
      <c r="B89" s="67">
        <v>-19</v>
      </c>
      <c r="C89" s="68">
        <v>-3</v>
      </c>
      <c r="D89" s="68">
        <v>-16</v>
      </c>
      <c r="E89" s="67">
        <v>5</v>
      </c>
      <c r="F89" s="68">
        <v>1</v>
      </c>
      <c r="G89" s="69">
        <v>4</v>
      </c>
      <c r="H89" s="68">
        <v>53</v>
      </c>
      <c r="I89" s="68">
        <v>32</v>
      </c>
      <c r="J89" s="68">
        <v>21</v>
      </c>
      <c r="K89" s="67">
        <v>67</v>
      </c>
      <c r="L89" s="79">
        <v>34</v>
      </c>
      <c r="M89" s="80">
        <v>33</v>
      </c>
    </row>
    <row r="90" spans="1:13">
      <c r="A90" s="27" t="s">
        <v>33</v>
      </c>
      <c r="B90" s="67">
        <v>-22</v>
      </c>
      <c r="C90" s="68">
        <v>-18</v>
      </c>
      <c r="D90" s="68">
        <v>-4</v>
      </c>
      <c r="E90" s="67">
        <v>16</v>
      </c>
      <c r="F90" s="68">
        <v>12</v>
      </c>
      <c r="G90" s="69">
        <v>4</v>
      </c>
      <c r="H90" s="68">
        <v>33</v>
      </c>
      <c r="I90" s="68">
        <v>14</v>
      </c>
      <c r="J90" s="68">
        <v>19</v>
      </c>
      <c r="K90" s="67">
        <v>39</v>
      </c>
      <c r="L90" s="79">
        <v>20</v>
      </c>
      <c r="M90" s="80">
        <v>19</v>
      </c>
    </row>
    <row r="91" spans="1:13">
      <c r="A91" s="27" t="s">
        <v>35</v>
      </c>
      <c r="B91" s="67">
        <v>-9</v>
      </c>
      <c r="C91" s="68">
        <v>-13</v>
      </c>
      <c r="D91" s="68">
        <v>4</v>
      </c>
      <c r="E91" s="67">
        <v>13</v>
      </c>
      <c r="F91" s="68">
        <v>9</v>
      </c>
      <c r="G91" s="69">
        <v>4</v>
      </c>
      <c r="H91" s="68">
        <v>41</v>
      </c>
      <c r="I91" s="68">
        <v>14</v>
      </c>
      <c r="J91" s="68">
        <v>27</v>
      </c>
      <c r="K91" s="67">
        <v>37</v>
      </c>
      <c r="L91" s="79">
        <v>18</v>
      </c>
      <c r="M91" s="80">
        <v>19</v>
      </c>
    </row>
    <row r="92" spans="1:13">
      <c r="A92" s="27" t="s">
        <v>37</v>
      </c>
      <c r="B92" s="67">
        <v>-21</v>
      </c>
      <c r="C92" s="68">
        <v>-15</v>
      </c>
      <c r="D92" s="68">
        <v>-6</v>
      </c>
      <c r="E92" s="67">
        <v>11</v>
      </c>
      <c r="F92" s="68">
        <v>7</v>
      </c>
      <c r="G92" s="69">
        <v>4</v>
      </c>
      <c r="H92" s="68">
        <v>35</v>
      </c>
      <c r="I92" s="68">
        <v>19</v>
      </c>
      <c r="J92" s="68">
        <v>16</v>
      </c>
      <c r="K92" s="67">
        <v>45</v>
      </c>
      <c r="L92" s="79">
        <v>27</v>
      </c>
      <c r="M92" s="80">
        <v>18</v>
      </c>
    </row>
    <row r="93" spans="1:13" ht="21" customHeight="1">
      <c r="A93" s="38" t="s">
        <v>39</v>
      </c>
      <c r="B93" s="64">
        <v>-101</v>
      </c>
      <c r="C93" s="65">
        <v>-54</v>
      </c>
      <c r="D93" s="65">
        <v>-47</v>
      </c>
      <c r="E93" s="64">
        <v>47</v>
      </c>
      <c r="F93" s="65">
        <v>34</v>
      </c>
      <c r="G93" s="66">
        <v>13</v>
      </c>
      <c r="H93" s="65">
        <v>130</v>
      </c>
      <c r="I93" s="65">
        <v>75</v>
      </c>
      <c r="J93" s="65">
        <v>55</v>
      </c>
      <c r="K93" s="64">
        <v>184</v>
      </c>
      <c r="L93" s="77">
        <v>95</v>
      </c>
      <c r="M93" s="78">
        <v>89</v>
      </c>
    </row>
    <row r="94" spans="1:13">
      <c r="A94" s="27" t="s">
        <v>41</v>
      </c>
      <c r="B94" s="67">
        <v>-27</v>
      </c>
      <c r="C94" s="68">
        <v>-10</v>
      </c>
      <c r="D94" s="68">
        <v>-17</v>
      </c>
      <c r="E94" s="67">
        <v>6</v>
      </c>
      <c r="F94" s="68">
        <v>4</v>
      </c>
      <c r="G94" s="69">
        <v>2</v>
      </c>
      <c r="H94" s="68">
        <v>31</v>
      </c>
      <c r="I94" s="68">
        <v>19</v>
      </c>
      <c r="J94" s="68">
        <v>12</v>
      </c>
      <c r="K94" s="67">
        <v>52</v>
      </c>
      <c r="L94" s="79">
        <v>25</v>
      </c>
      <c r="M94" s="80">
        <v>27</v>
      </c>
    </row>
    <row r="95" spans="1:13">
      <c r="A95" s="27" t="s">
        <v>43</v>
      </c>
      <c r="B95" s="67">
        <v>-32</v>
      </c>
      <c r="C95" s="68">
        <v>-20</v>
      </c>
      <c r="D95" s="68">
        <v>-12</v>
      </c>
      <c r="E95" s="67">
        <v>10</v>
      </c>
      <c r="F95" s="68">
        <v>7</v>
      </c>
      <c r="G95" s="69">
        <v>3</v>
      </c>
      <c r="H95" s="68">
        <v>25</v>
      </c>
      <c r="I95" s="68">
        <v>12</v>
      </c>
      <c r="J95" s="68">
        <v>13</v>
      </c>
      <c r="K95" s="67">
        <v>47</v>
      </c>
      <c r="L95" s="79">
        <v>25</v>
      </c>
      <c r="M95" s="80">
        <v>22</v>
      </c>
    </row>
    <row r="96" spans="1:13">
      <c r="A96" s="27" t="s">
        <v>45</v>
      </c>
      <c r="B96" s="67">
        <v>-25</v>
      </c>
      <c r="C96" s="68">
        <v>-10</v>
      </c>
      <c r="D96" s="68">
        <v>-15</v>
      </c>
      <c r="E96" s="67">
        <v>11</v>
      </c>
      <c r="F96" s="68">
        <v>7</v>
      </c>
      <c r="G96" s="69">
        <v>4</v>
      </c>
      <c r="H96" s="68">
        <v>17</v>
      </c>
      <c r="I96" s="68">
        <v>12</v>
      </c>
      <c r="J96" s="68">
        <v>5</v>
      </c>
      <c r="K96" s="67">
        <v>31</v>
      </c>
      <c r="L96" s="79">
        <v>15</v>
      </c>
      <c r="M96" s="80">
        <v>16</v>
      </c>
    </row>
    <row r="97" spans="1:13">
      <c r="A97" s="27" t="s">
        <v>47</v>
      </c>
      <c r="B97" s="67">
        <v>-12</v>
      </c>
      <c r="C97" s="68">
        <v>-11</v>
      </c>
      <c r="D97" s="68">
        <v>-1</v>
      </c>
      <c r="E97" s="67">
        <v>10</v>
      </c>
      <c r="F97" s="68">
        <v>8</v>
      </c>
      <c r="G97" s="69">
        <v>2</v>
      </c>
      <c r="H97" s="68">
        <v>25</v>
      </c>
      <c r="I97" s="68">
        <v>13</v>
      </c>
      <c r="J97" s="68">
        <v>12</v>
      </c>
      <c r="K97" s="67">
        <v>27</v>
      </c>
      <c r="L97" s="79">
        <v>16</v>
      </c>
      <c r="M97" s="80">
        <v>11</v>
      </c>
    </row>
    <row r="98" spans="1:13">
      <c r="A98" s="27" t="s">
        <v>49</v>
      </c>
      <c r="B98" s="67">
        <v>-5</v>
      </c>
      <c r="C98" s="68">
        <v>-3</v>
      </c>
      <c r="D98" s="68">
        <v>-2</v>
      </c>
      <c r="E98" s="67">
        <v>10</v>
      </c>
      <c r="F98" s="68">
        <v>8</v>
      </c>
      <c r="G98" s="69">
        <v>2</v>
      </c>
      <c r="H98" s="68">
        <v>32</v>
      </c>
      <c r="I98" s="68">
        <v>19</v>
      </c>
      <c r="J98" s="68">
        <v>13</v>
      </c>
      <c r="K98" s="67">
        <v>27</v>
      </c>
      <c r="L98" s="79">
        <v>14</v>
      </c>
      <c r="M98" s="80">
        <v>13</v>
      </c>
    </row>
    <row r="99" spans="1:13" ht="21" customHeight="1">
      <c r="A99" s="38" t="s">
        <v>51</v>
      </c>
      <c r="B99" s="64">
        <v>-141</v>
      </c>
      <c r="C99" s="65">
        <v>-103</v>
      </c>
      <c r="D99" s="65">
        <v>-38</v>
      </c>
      <c r="E99" s="64">
        <v>115</v>
      </c>
      <c r="F99" s="65">
        <v>78</v>
      </c>
      <c r="G99" s="66">
        <v>37</v>
      </c>
      <c r="H99" s="65">
        <v>121</v>
      </c>
      <c r="I99" s="65">
        <v>59</v>
      </c>
      <c r="J99" s="65">
        <v>62</v>
      </c>
      <c r="K99" s="64">
        <v>147</v>
      </c>
      <c r="L99" s="77">
        <v>84</v>
      </c>
      <c r="M99" s="78">
        <v>63</v>
      </c>
    </row>
    <row r="100" spans="1:13">
      <c r="A100" s="27" t="s">
        <v>53</v>
      </c>
      <c r="B100" s="67">
        <v>-37</v>
      </c>
      <c r="C100" s="68">
        <v>-29</v>
      </c>
      <c r="D100" s="68">
        <v>-8</v>
      </c>
      <c r="E100" s="67">
        <v>22</v>
      </c>
      <c r="F100" s="68">
        <v>15</v>
      </c>
      <c r="G100" s="69">
        <v>7</v>
      </c>
      <c r="H100" s="68">
        <v>12</v>
      </c>
      <c r="I100" s="68">
        <v>3</v>
      </c>
      <c r="J100" s="68">
        <v>9</v>
      </c>
      <c r="K100" s="67">
        <v>27</v>
      </c>
      <c r="L100" s="79">
        <v>17</v>
      </c>
      <c r="M100" s="80">
        <v>10</v>
      </c>
    </row>
    <row r="101" spans="1:13">
      <c r="A101" s="27" t="s">
        <v>55</v>
      </c>
      <c r="B101" s="67">
        <v>-22</v>
      </c>
      <c r="C101" s="68">
        <v>-9</v>
      </c>
      <c r="D101" s="68">
        <v>-13</v>
      </c>
      <c r="E101" s="67">
        <v>17</v>
      </c>
      <c r="F101" s="68">
        <v>10</v>
      </c>
      <c r="G101" s="69">
        <v>7</v>
      </c>
      <c r="H101" s="68">
        <v>21</v>
      </c>
      <c r="I101" s="68">
        <v>14</v>
      </c>
      <c r="J101" s="68">
        <v>7</v>
      </c>
      <c r="K101" s="67">
        <v>26</v>
      </c>
      <c r="L101" s="79">
        <v>13</v>
      </c>
      <c r="M101" s="80">
        <v>13</v>
      </c>
    </row>
    <row r="102" spans="1:13">
      <c r="A102" s="27" t="s">
        <v>57</v>
      </c>
      <c r="B102" s="67">
        <v>-32</v>
      </c>
      <c r="C102" s="68">
        <v>-26</v>
      </c>
      <c r="D102" s="68">
        <v>-6</v>
      </c>
      <c r="E102" s="67">
        <v>22</v>
      </c>
      <c r="F102" s="68">
        <v>18</v>
      </c>
      <c r="G102" s="69">
        <v>4</v>
      </c>
      <c r="H102" s="68">
        <v>20</v>
      </c>
      <c r="I102" s="68">
        <v>11</v>
      </c>
      <c r="J102" s="68">
        <v>9</v>
      </c>
      <c r="K102" s="67">
        <v>30</v>
      </c>
      <c r="L102" s="79">
        <v>19</v>
      </c>
      <c r="M102" s="80">
        <v>11</v>
      </c>
    </row>
    <row r="103" spans="1:13">
      <c r="A103" s="27" t="s">
        <v>59</v>
      </c>
      <c r="B103" s="67">
        <v>-25</v>
      </c>
      <c r="C103" s="68">
        <v>-21</v>
      </c>
      <c r="D103" s="68">
        <v>-4</v>
      </c>
      <c r="E103" s="67">
        <v>24</v>
      </c>
      <c r="F103" s="68">
        <v>11</v>
      </c>
      <c r="G103" s="69">
        <v>13</v>
      </c>
      <c r="H103" s="68">
        <v>37</v>
      </c>
      <c r="I103" s="68">
        <v>13</v>
      </c>
      <c r="J103" s="68">
        <v>24</v>
      </c>
      <c r="K103" s="67">
        <v>38</v>
      </c>
      <c r="L103" s="79">
        <v>23</v>
      </c>
      <c r="M103" s="80">
        <v>15</v>
      </c>
    </row>
    <row r="104" spans="1:13">
      <c r="A104" s="27" t="s">
        <v>61</v>
      </c>
      <c r="B104" s="67">
        <v>-25</v>
      </c>
      <c r="C104" s="68">
        <v>-18</v>
      </c>
      <c r="D104" s="68">
        <v>-7</v>
      </c>
      <c r="E104" s="67">
        <v>30</v>
      </c>
      <c r="F104" s="68">
        <v>24</v>
      </c>
      <c r="G104" s="69">
        <v>6</v>
      </c>
      <c r="H104" s="68">
        <v>31</v>
      </c>
      <c r="I104" s="68">
        <v>18</v>
      </c>
      <c r="J104" s="68">
        <v>13</v>
      </c>
      <c r="K104" s="67">
        <v>26</v>
      </c>
      <c r="L104" s="79">
        <v>12</v>
      </c>
      <c r="M104" s="80">
        <v>14</v>
      </c>
    </row>
    <row r="105" spans="1:13" ht="21" customHeight="1">
      <c r="A105" s="38" t="s">
        <v>63</v>
      </c>
      <c r="B105" s="64">
        <v>-188</v>
      </c>
      <c r="C105" s="65">
        <v>-118</v>
      </c>
      <c r="D105" s="65">
        <v>-70</v>
      </c>
      <c r="E105" s="64">
        <v>170</v>
      </c>
      <c r="F105" s="65">
        <v>109</v>
      </c>
      <c r="G105" s="66">
        <v>61</v>
      </c>
      <c r="H105" s="65">
        <v>101</v>
      </c>
      <c r="I105" s="65">
        <v>47</v>
      </c>
      <c r="J105" s="65">
        <v>54</v>
      </c>
      <c r="K105" s="64">
        <v>119</v>
      </c>
      <c r="L105" s="77">
        <v>56</v>
      </c>
      <c r="M105" s="78">
        <v>63</v>
      </c>
    </row>
    <row r="106" spans="1:13">
      <c r="A106" s="27" t="s">
        <v>65</v>
      </c>
      <c r="B106" s="67">
        <v>-50</v>
      </c>
      <c r="C106" s="68">
        <v>-26</v>
      </c>
      <c r="D106" s="68">
        <v>-24</v>
      </c>
      <c r="E106" s="67">
        <v>36</v>
      </c>
      <c r="F106" s="68">
        <v>20</v>
      </c>
      <c r="G106" s="69">
        <v>16</v>
      </c>
      <c r="H106" s="68">
        <v>22</v>
      </c>
      <c r="I106" s="68">
        <v>12</v>
      </c>
      <c r="J106" s="68">
        <v>10</v>
      </c>
      <c r="K106" s="67">
        <v>36</v>
      </c>
      <c r="L106" s="79">
        <v>18</v>
      </c>
      <c r="M106" s="80">
        <v>18</v>
      </c>
    </row>
    <row r="107" spans="1:13">
      <c r="A107" s="27" t="s">
        <v>67</v>
      </c>
      <c r="B107" s="67">
        <v>-26</v>
      </c>
      <c r="C107" s="68">
        <v>-17</v>
      </c>
      <c r="D107" s="68">
        <v>-9</v>
      </c>
      <c r="E107" s="67">
        <v>29</v>
      </c>
      <c r="F107" s="68">
        <v>19</v>
      </c>
      <c r="G107" s="69">
        <v>10</v>
      </c>
      <c r="H107" s="68">
        <v>24</v>
      </c>
      <c r="I107" s="68">
        <v>14</v>
      </c>
      <c r="J107" s="68">
        <v>10</v>
      </c>
      <c r="K107" s="67">
        <v>21</v>
      </c>
      <c r="L107" s="79">
        <v>12</v>
      </c>
      <c r="M107" s="80">
        <v>9</v>
      </c>
    </row>
    <row r="108" spans="1:13">
      <c r="A108" s="27" t="s">
        <v>69</v>
      </c>
      <c r="B108" s="67">
        <v>-44</v>
      </c>
      <c r="C108" s="68">
        <v>-25</v>
      </c>
      <c r="D108" s="68">
        <v>-19</v>
      </c>
      <c r="E108" s="67">
        <v>27</v>
      </c>
      <c r="F108" s="68">
        <v>15</v>
      </c>
      <c r="G108" s="69">
        <v>12</v>
      </c>
      <c r="H108" s="68">
        <v>9</v>
      </c>
      <c r="I108" s="68">
        <v>4</v>
      </c>
      <c r="J108" s="68">
        <v>5</v>
      </c>
      <c r="K108" s="67">
        <v>26</v>
      </c>
      <c r="L108" s="79">
        <v>14</v>
      </c>
      <c r="M108" s="80">
        <v>12</v>
      </c>
    </row>
    <row r="109" spans="1:13">
      <c r="A109" s="27" t="s">
        <v>71</v>
      </c>
      <c r="B109" s="67">
        <v>-33</v>
      </c>
      <c r="C109" s="68">
        <v>-21</v>
      </c>
      <c r="D109" s="68">
        <v>-12</v>
      </c>
      <c r="E109" s="67">
        <v>37</v>
      </c>
      <c r="F109" s="68">
        <v>23</v>
      </c>
      <c r="G109" s="69">
        <v>14</v>
      </c>
      <c r="H109" s="68">
        <v>26</v>
      </c>
      <c r="I109" s="68">
        <v>8</v>
      </c>
      <c r="J109" s="68">
        <v>18</v>
      </c>
      <c r="K109" s="67">
        <v>22</v>
      </c>
      <c r="L109" s="79">
        <v>6</v>
      </c>
      <c r="M109" s="80">
        <v>16</v>
      </c>
    </row>
    <row r="110" spans="1:13">
      <c r="A110" s="27" t="s">
        <v>73</v>
      </c>
      <c r="B110" s="67">
        <v>-35</v>
      </c>
      <c r="C110" s="68">
        <v>-29</v>
      </c>
      <c r="D110" s="68">
        <v>-6</v>
      </c>
      <c r="E110" s="67">
        <v>41</v>
      </c>
      <c r="F110" s="68">
        <v>32</v>
      </c>
      <c r="G110" s="69">
        <v>9</v>
      </c>
      <c r="H110" s="68">
        <v>20</v>
      </c>
      <c r="I110" s="68">
        <v>9</v>
      </c>
      <c r="J110" s="68">
        <v>11</v>
      </c>
      <c r="K110" s="67">
        <v>14</v>
      </c>
      <c r="L110" s="79">
        <v>6</v>
      </c>
      <c r="M110" s="80">
        <v>8</v>
      </c>
    </row>
    <row r="111" spans="1:13" ht="21" customHeight="1">
      <c r="A111" s="38" t="s">
        <v>75</v>
      </c>
      <c r="B111" s="64">
        <v>-218</v>
      </c>
      <c r="C111" s="65">
        <v>-137</v>
      </c>
      <c r="D111" s="65">
        <v>-81</v>
      </c>
      <c r="E111" s="64">
        <v>245</v>
      </c>
      <c r="F111" s="65">
        <v>144</v>
      </c>
      <c r="G111" s="66">
        <v>101</v>
      </c>
      <c r="H111" s="65">
        <v>100</v>
      </c>
      <c r="I111" s="65">
        <v>40</v>
      </c>
      <c r="J111" s="65">
        <v>60</v>
      </c>
      <c r="K111" s="64">
        <v>73</v>
      </c>
      <c r="L111" s="77">
        <v>33</v>
      </c>
      <c r="M111" s="78">
        <v>40</v>
      </c>
    </row>
    <row r="112" spans="1:13">
      <c r="A112" s="27" t="s">
        <v>77</v>
      </c>
      <c r="B112" s="67">
        <v>-43</v>
      </c>
      <c r="C112" s="68">
        <v>-28</v>
      </c>
      <c r="D112" s="68">
        <v>-15</v>
      </c>
      <c r="E112" s="67">
        <v>51</v>
      </c>
      <c r="F112" s="68">
        <v>35</v>
      </c>
      <c r="G112" s="69">
        <v>16</v>
      </c>
      <c r="H112" s="68">
        <v>23</v>
      </c>
      <c r="I112" s="68">
        <v>13</v>
      </c>
      <c r="J112" s="68">
        <v>10</v>
      </c>
      <c r="K112" s="67">
        <v>15</v>
      </c>
      <c r="L112" s="79">
        <v>6</v>
      </c>
      <c r="M112" s="80">
        <v>9</v>
      </c>
    </row>
    <row r="113" spans="1:13">
      <c r="A113" s="27" t="s">
        <v>79</v>
      </c>
      <c r="B113" s="67">
        <v>-48</v>
      </c>
      <c r="C113" s="68">
        <v>-28</v>
      </c>
      <c r="D113" s="68">
        <v>-20</v>
      </c>
      <c r="E113" s="67">
        <v>52</v>
      </c>
      <c r="F113" s="68">
        <v>30</v>
      </c>
      <c r="G113" s="69">
        <v>22</v>
      </c>
      <c r="H113" s="68">
        <v>18</v>
      </c>
      <c r="I113" s="68">
        <v>11</v>
      </c>
      <c r="J113" s="68">
        <v>7</v>
      </c>
      <c r="K113" s="67">
        <v>14</v>
      </c>
      <c r="L113" s="79">
        <v>9</v>
      </c>
      <c r="M113" s="80">
        <v>5</v>
      </c>
    </row>
    <row r="114" spans="1:13">
      <c r="A114" s="27" t="s">
        <v>81</v>
      </c>
      <c r="B114" s="67">
        <v>-42</v>
      </c>
      <c r="C114" s="68">
        <v>-21</v>
      </c>
      <c r="D114" s="68">
        <v>-21</v>
      </c>
      <c r="E114" s="67">
        <v>42</v>
      </c>
      <c r="F114" s="68">
        <v>21</v>
      </c>
      <c r="G114" s="69">
        <v>21</v>
      </c>
      <c r="H114" s="68">
        <v>18</v>
      </c>
      <c r="I114" s="68">
        <v>7</v>
      </c>
      <c r="J114" s="68">
        <v>11</v>
      </c>
      <c r="K114" s="67">
        <v>18</v>
      </c>
      <c r="L114" s="79">
        <v>7</v>
      </c>
      <c r="M114" s="80">
        <v>11</v>
      </c>
    </row>
    <row r="115" spans="1:13">
      <c r="A115" s="27" t="s">
        <v>83</v>
      </c>
      <c r="B115" s="67">
        <v>-33</v>
      </c>
      <c r="C115" s="68">
        <v>-26</v>
      </c>
      <c r="D115" s="68">
        <v>-7</v>
      </c>
      <c r="E115" s="67">
        <v>42</v>
      </c>
      <c r="F115" s="68">
        <v>26</v>
      </c>
      <c r="G115" s="69">
        <v>16</v>
      </c>
      <c r="H115" s="68">
        <v>20</v>
      </c>
      <c r="I115" s="68">
        <v>5</v>
      </c>
      <c r="J115" s="68">
        <v>15</v>
      </c>
      <c r="K115" s="67">
        <v>11</v>
      </c>
      <c r="L115" s="79">
        <v>5</v>
      </c>
      <c r="M115" s="80">
        <v>6</v>
      </c>
    </row>
    <row r="116" spans="1:13">
      <c r="A116" s="27" t="s">
        <v>85</v>
      </c>
      <c r="B116" s="67">
        <v>-52</v>
      </c>
      <c r="C116" s="68">
        <v>-34</v>
      </c>
      <c r="D116" s="68">
        <v>-18</v>
      </c>
      <c r="E116" s="67">
        <v>58</v>
      </c>
      <c r="F116" s="68">
        <v>32</v>
      </c>
      <c r="G116" s="69">
        <v>26</v>
      </c>
      <c r="H116" s="68">
        <v>21</v>
      </c>
      <c r="I116" s="68">
        <v>4</v>
      </c>
      <c r="J116" s="68">
        <v>17</v>
      </c>
      <c r="K116" s="67">
        <v>15</v>
      </c>
      <c r="L116" s="79">
        <v>6</v>
      </c>
      <c r="M116" s="80">
        <v>9</v>
      </c>
    </row>
    <row r="117" spans="1:13" ht="21" customHeight="1">
      <c r="A117" s="38" t="s">
        <v>87</v>
      </c>
      <c r="B117" s="64">
        <v>-286</v>
      </c>
      <c r="C117" s="65">
        <v>-158</v>
      </c>
      <c r="D117" s="65">
        <v>-128</v>
      </c>
      <c r="E117" s="64">
        <v>333</v>
      </c>
      <c r="F117" s="65">
        <v>177</v>
      </c>
      <c r="G117" s="66">
        <v>156</v>
      </c>
      <c r="H117" s="65">
        <v>104</v>
      </c>
      <c r="I117" s="65">
        <v>31</v>
      </c>
      <c r="J117" s="65">
        <v>73</v>
      </c>
      <c r="K117" s="64">
        <v>57</v>
      </c>
      <c r="L117" s="77">
        <v>12</v>
      </c>
      <c r="M117" s="78">
        <v>45</v>
      </c>
    </row>
    <row r="118" spans="1:13">
      <c r="A118" s="27" t="s">
        <v>89</v>
      </c>
      <c r="B118" s="67">
        <v>-59</v>
      </c>
      <c r="C118" s="68">
        <v>-32</v>
      </c>
      <c r="D118" s="68">
        <v>-27</v>
      </c>
      <c r="E118" s="67">
        <v>57</v>
      </c>
      <c r="F118" s="68">
        <v>32</v>
      </c>
      <c r="G118" s="69">
        <v>25</v>
      </c>
      <c r="H118" s="68">
        <v>16</v>
      </c>
      <c r="I118" s="68">
        <v>4</v>
      </c>
      <c r="J118" s="68">
        <v>12</v>
      </c>
      <c r="K118" s="67">
        <v>18</v>
      </c>
      <c r="L118" s="79">
        <v>4</v>
      </c>
      <c r="M118" s="80">
        <v>14</v>
      </c>
    </row>
    <row r="119" spans="1:13">
      <c r="A119" s="27" t="s">
        <v>91</v>
      </c>
      <c r="B119" s="67">
        <v>-60</v>
      </c>
      <c r="C119" s="68">
        <v>-27</v>
      </c>
      <c r="D119" s="68">
        <v>-33</v>
      </c>
      <c r="E119" s="67">
        <v>76</v>
      </c>
      <c r="F119" s="68">
        <v>32</v>
      </c>
      <c r="G119" s="69">
        <v>44</v>
      </c>
      <c r="H119" s="68">
        <v>26</v>
      </c>
      <c r="I119" s="68">
        <v>8</v>
      </c>
      <c r="J119" s="68">
        <v>18</v>
      </c>
      <c r="K119" s="67">
        <v>10</v>
      </c>
      <c r="L119" s="79">
        <v>3</v>
      </c>
      <c r="M119" s="80">
        <v>7</v>
      </c>
    </row>
    <row r="120" spans="1:13">
      <c r="A120" s="27" t="s">
        <v>93</v>
      </c>
      <c r="B120" s="67">
        <v>-58</v>
      </c>
      <c r="C120" s="68">
        <v>-35</v>
      </c>
      <c r="D120" s="68">
        <v>-23</v>
      </c>
      <c r="E120" s="67">
        <v>69</v>
      </c>
      <c r="F120" s="68">
        <v>37</v>
      </c>
      <c r="G120" s="69">
        <v>32</v>
      </c>
      <c r="H120" s="68">
        <v>22</v>
      </c>
      <c r="I120" s="68">
        <v>3</v>
      </c>
      <c r="J120" s="68">
        <v>19</v>
      </c>
      <c r="K120" s="67">
        <v>11</v>
      </c>
      <c r="L120" s="79">
        <v>1</v>
      </c>
      <c r="M120" s="80">
        <v>10</v>
      </c>
    </row>
    <row r="121" spans="1:13">
      <c r="A121" s="27" t="s">
        <v>95</v>
      </c>
      <c r="B121" s="67">
        <v>-47</v>
      </c>
      <c r="C121" s="68">
        <v>-24</v>
      </c>
      <c r="D121" s="68">
        <v>-23</v>
      </c>
      <c r="E121" s="67">
        <v>62</v>
      </c>
      <c r="F121" s="68">
        <v>31</v>
      </c>
      <c r="G121" s="69">
        <v>31</v>
      </c>
      <c r="H121" s="68">
        <v>23</v>
      </c>
      <c r="I121" s="68">
        <v>8</v>
      </c>
      <c r="J121" s="68">
        <v>15</v>
      </c>
      <c r="K121" s="67">
        <v>8</v>
      </c>
      <c r="L121" s="79">
        <v>1</v>
      </c>
      <c r="M121" s="80">
        <v>7</v>
      </c>
    </row>
    <row r="122" spans="1:13">
      <c r="A122" s="27" t="s">
        <v>97</v>
      </c>
      <c r="B122" s="67">
        <v>-62</v>
      </c>
      <c r="C122" s="68">
        <v>-40</v>
      </c>
      <c r="D122" s="68">
        <v>-22</v>
      </c>
      <c r="E122" s="67">
        <v>69</v>
      </c>
      <c r="F122" s="68">
        <v>45</v>
      </c>
      <c r="G122" s="69">
        <v>24</v>
      </c>
      <c r="H122" s="68">
        <v>17</v>
      </c>
      <c r="I122" s="68">
        <v>8</v>
      </c>
      <c r="J122" s="68">
        <v>9</v>
      </c>
      <c r="K122" s="67">
        <v>10</v>
      </c>
      <c r="L122" s="79">
        <v>3</v>
      </c>
      <c r="M122" s="80">
        <v>7</v>
      </c>
    </row>
    <row r="123" spans="1:13" ht="21" customHeight="1">
      <c r="A123" s="38" t="s">
        <v>99</v>
      </c>
      <c r="B123" s="64">
        <v>-298</v>
      </c>
      <c r="C123" s="65">
        <v>-142</v>
      </c>
      <c r="D123" s="65">
        <v>-156</v>
      </c>
      <c r="E123" s="64">
        <v>324</v>
      </c>
      <c r="F123" s="65">
        <v>148</v>
      </c>
      <c r="G123" s="66">
        <v>176</v>
      </c>
      <c r="H123" s="65">
        <v>62</v>
      </c>
      <c r="I123" s="65">
        <v>16</v>
      </c>
      <c r="J123" s="65">
        <v>46</v>
      </c>
      <c r="K123" s="64">
        <v>36</v>
      </c>
      <c r="L123" s="77">
        <v>10</v>
      </c>
      <c r="M123" s="78">
        <v>26</v>
      </c>
    </row>
    <row r="124" spans="1:13">
      <c r="A124" s="27" t="s">
        <v>101</v>
      </c>
      <c r="B124" s="67">
        <v>-68</v>
      </c>
      <c r="C124" s="68">
        <v>-38</v>
      </c>
      <c r="D124" s="68">
        <v>-30</v>
      </c>
      <c r="E124" s="67">
        <v>68</v>
      </c>
      <c r="F124" s="68">
        <v>37</v>
      </c>
      <c r="G124" s="69">
        <v>31</v>
      </c>
      <c r="H124" s="68">
        <v>15</v>
      </c>
      <c r="I124" s="68">
        <v>4</v>
      </c>
      <c r="J124" s="68">
        <v>11</v>
      </c>
      <c r="K124" s="67">
        <v>15</v>
      </c>
      <c r="L124" s="79">
        <v>5</v>
      </c>
      <c r="M124" s="80">
        <v>10</v>
      </c>
    </row>
    <row r="125" spans="1:13">
      <c r="A125" s="27" t="s">
        <v>103</v>
      </c>
      <c r="B125" s="67">
        <v>-52</v>
      </c>
      <c r="C125" s="68">
        <v>-26</v>
      </c>
      <c r="D125" s="68">
        <v>-26</v>
      </c>
      <c r="E125" s="67">
        <v>63</v>
      </c>
      <c r="F125" s="68">
        <v>29</v>
      </c>
      <c r="G125" s="69">
        <v>34</v>
      </c>
      <c r="H125" s="68">
        <v>19</v>
      </c>
      <c r="I125" s="68">
        <v>4</v>
      </c>
      <c r="J125" s="68">
        <v>15</v>
      </c>
      <c r="K125" s="67">
        <v>8</v>
      </c>
      <c r="L125" s="79">
        <v>1</v>
      </c>
      <c r="M125" s="80">
        <v>7</v>
      </c>
    </row>
    <row r="126" spans="1:13">
      <c r="A126" s="27" t="s">
        <v>105</v>
      </c>
      <c r="B126" s="67">
        <v>-68</v>
      </c>
      <c r="C126" s="68">
        <v>-26</v>
      </c>
      <c r="D126" s="68">
        <v>-42</v>
      </c>
      <c r="E126" s="67">
        <v>79</v>
      </c>
      <c r="F126" s="68">
        <v>31</v>
      </c>
      <c r="G126" s="69">
        <v>48</v>
      </c>
      <c r="H126" s="68">
        <v>16</v>
      </c>
      <c r="I126" s="68">
        <v>6</v>
      </c>
      <c r="J126" s="68">
        <v>10</v>
      </c>
      <c r="K126" s="67">
        <v>5</v>
      </c>
      <c r="L126" s="79">
        <v>1</v>
      </c>
      <c r="M126" s="80">
        <v>4</v>
      </c>
    </row>
    <row r="127" spans="1:13">
      <c r="A127" s="27" t="s">
        <v>107</v>
      </c>
      <c r="B127" s="67">
        <v>-58</v>
      </c>
      <c r="C127" s="68">
        <v>-29</v>
      </c>
      <c r="D127" s="68">
        <v>-29</v>
      </c>
      <c r="E127" s="67">
        <v>58</v>
      </c>
      <c r="F127" s="68">
        <v>29</v>
      </c>
      <c r="G127" s="69">
        <v>29</v>
      </c>
      <c r="H127" s="68">
        <v>6</v>
      </c>
      <c r="I127" s="68">
        <v>2</v>
      </c>
      <c r="J127" s="68">
        <v>4</v>
      </c>
      <c r="K127" s="67">
        <v>6</v>
      </c>
      <c r="L127" s="79">
        <v>2</v>
      </c>
      <c r="M127" s="80">
        <v>4</v>
      </c>
    </row>
    <row r="128" spans="1:13">
      <c r="A128" s="27" t="s">
        <v>109</v>
      </c>
      <c r="B128" s="67">
        <v>-52</v>
      </c>
      <c r="C128" s="68">
        <v>-23</v>
      </c>
      <c r="D128" s="68">
        <v>-29</v>
      </c>
      <c r="E128" s="67">
        <v>56</v>
      </c>
      <c r="F128" s="68">
        <v>22</v>
      </c>
      <c r="G128" s="69">
        <v>34</v>
      </c>
      <c r="H128" s="68">
        <v>6</v>
      </c>
      <c r="I128" s="68">
        <v>0</v>
      </c>
      <c r="J128" s="68">
        <v>6</v>
      </c>
      <c r="K128" s="67">
        <v>2</v>
      </c>
      <c r="L128" s="79">
        <v>1</v>
      </c>
      <c r="M128" s="80">
        <v>1</v>
      </c>
    </row>
    <row r="129" spans="1:14" ht="21" customHeight="1">
      <c r="A129" s="38" t="s">
        <v>111</v>
      </c>
      <c r="B129" s="64">
        <v>-159</v>
      </c>
      <c r="C129" s="65">
        <v>-46</v>
      </c>
      <c r="D129" s="65">
        <v>-113</v>
      </c>
      <c r="E129" s="64">
        <v>173</v>
      </c>
      <c r="F129" s="65">
        <v>47</v>
      </c>
      <c r="G129" s="66">
        <v>126</v>
      </c>
      <c r="H129" s="65">
        <v>27</v>
      </c>
      <c r="I129" s="65">
        <v>4</v>
      </c>
      <c r="J129" s="65">
        <v>23</v>
      </c>
      <c r="K129" s="64">
        <v>13</v>
      </c>
      <c r="L129" s="77">
        <v>3</v>
      </c>
      <c r="M129" s="78">
        <v>10</v>
      </c>
    </row>
    <row r="130" spans="1:14">
      <c r="A130" s="27" t="s">
        <v>113</v>
      </c>
      <c r="B130" s="67">
        <v>-29</v>
      </c>
      <c r="C130" s="68">
        <v>-13</v>
      </c>
      <c r="D130" s="68">
        <v>-16</v>
      </c>
      <c r="E130" s="67">
        <v>36</v>
      </c>
      <c r="F130" s="68">
        <v>11</v>
      </c>
      <c r="G130" s="69">
        <v>25</v>
      </c>
      <c r="H130" s="68">
        <v>9</v>
      </c>
      <c r="I130" s="68">
        <v>0</v>
      </c>
      <c r="J130" s="68">
        <v>9</v>
      </c>
      <c r="K130" s="67">
        <v>2</v>
      </c>
      <c r="L130" s="79">
        <v>2</v>
      </c>
      <c r="M130" s="80">
        <v>0</v>
      </c>
    </row>
    <row r="131" spans="1:14">
      <c r="A131" s="27" t="s">
        <v>115</v>
      </c>
      <c r="B131" s="67">
        <v>-42</v>
      </c>
      <c r="C131" s="68">
        <v>-11</v>
      </c>
      <c r="D131" s="68">
        <v>-31</v>
      </c>
      <c r="E131" s="67">
        <v>42</v>
      </c>
      <c r="F131" s="68">
        <v>12</v>
      </c>
      <c r="G131" s="69">
        <v>30</v>
      </c>
      <c r="H131" s="68">
        <v>3</v>
      </c>
      <c r="I131" s="68">
        <v>2</v>
      </c>
      <c r="J131" s="68">
        <v>1</v>
      </c>
      <c r="K131" s="67">
        <v>3</v>
      </c>
      <c r="L131" s="79">
        <v>1</v>
      </c>
      <c r="M131" s="80">
        <v>2</v>
      </c>
    </row>
    <row r="132" spans="1:14">
      <c r="A132" s="27" t="s">
        <v>117</v>
      </c>
      <c r="B132" s="67">
        <v>-36</v>
      </c>
      <c r="C132" s="68">
        <v>-11</v>
      </c>
      <c r="D132" s="68">
        <v>-25</v>
      </c>
      <c r="E132" s="67">
        <v>41</v>
      </c>
      <c r="F132" s="68">
        <v>12</v>
      </c>
      <c r="G132" s="69">
        <v>29</v>
      </c>
      <c r="H132" s="68">
        <v>8</v>
      </c>
      <c r="I132" s="68">
        <v>1</v>
      </c>
      <c r="J132" s="68">
        <v>7</v>
      </c>
      <c r="K132" s="67">
        <v>3</v>
      </c>
      <c r="L132" s="79">
        <v>0</v>
      </c>
      <c r="M132" s="80">
        <v>3</v>
      </c>
    </row>
    <row r="133" spans="1:14">
      <c r="A133" s="27" t="s">
        <v>119</v>
      </c>
      <c r="B133" s="67">
        <v>-31</v>
      </c>
      <c r="C133" s="68">
        <v>-9</v>
      </c>
      <c r="D133" s="68">
        <v>-22</v>
      </c>
      <c r="E133" s="67">
        <v>32</v>
      </c>
      <c r="F133" s="68">
        <v>9</v>
      </c>
      <c r="G133" s="69">
        <v>23</v>
      </c>
      <c r="H133" s="68">
        <v>3</v>
      </c>
      <c r="I133" s="68">
        <v>0</v>
      </c>
      <c r="J133" s="68">
        <v>3</v>
      </c>
      <c r="K133" s="67">
        <v>2</v>
      </c>
      <c r="L133" s="79">
        <v>0</v>
      </c>
      <c r="M133" s="80">
        <v>2</v>
      </c>
    </row>
    <row r="134" spans="1:14">
      <c r="A134" s="27" t="s">
        <v>121</v>
      </c>
      <c r="B134" s="67">
        <v>-21</v>
      </c>
      <c r="C134" s="68">
        <v>-2</v>
      </c>
      <c r="D134" s="68">
        <v>-19</v>
      </c>
      <c r="E134" s="67">
        <v>22</v>
      </c>
      <c r="F134" s="68">
        <v>3</v>
      </c>
      <c r="G134" s="69">
        <v>19</v>
      </c>
      <c r="H134" s="68">
        <v>4</v>
      </c>
      <c r="I134" s="68">
        <v>1</v>
      </c>
      <c r="J134" s="68">
        <v>3</v>
      </c>
      <c r="K134" s="67">
        <v>3</v>
      </c>
      <c r="L134" s="79">
        <v>0</v>
      </c>
      <c r="M134" s="80">
        <v>3</v>
      </c>
    </row>
    <row r="135" spans="1:14" ht="21" customHeight="1">
      <c r="A135" s="39" t="s">
        <v>122</v>
      </c>
      <c r="B135" s="42">
        <v>-45</v>
      </c>
      <c r="C135" s="40">
        <v>-6</v>
      </c>
      <c r="D135" s="40">
        <v>-39</v>
      </c>
      <c r="E135" s="42">
        <v>45</v>
      </c>
      <c r="F135" s="40">
        <v>6</v>
      </c>
      <c r="G135" s="43">
        <v>39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81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6226</v>
      </c>
      <c r="C5" s="62">
        <v>-3269</v>
      </c>
      <c r="D5" s="63">
        <v>-2957</v>
      </c>
      <c r="E5" s="62">
        <v>9686</v>
      </c>
      <c r="F5" s="62">
        <v>4989</v>
      </c>
      <c r="G5" s="63">
        <v>4697</v>
      </c>
      <c r="H5" s="62">
        <v>27160</v>
      </c>
      <c r="I5" s="62">
        <v>15379</v>
      </c>
      <c r="J5" s="63">
        <v>11781</v>
      </c>
      <c r="K5" s="62">
        <v>27029</v>
      </c>
      <c r="L5" s="62">
        <v>15329</v>
      </c>
      <c r="M5" s="63">
        <v>11700</v>
      </c>
    </row>
    <row r="6" spans="1:13" ht="23.25" customHeight="1">
      <c r="A6" s="36" t="s">
        <v>2</v>
      </c>
      <c r="B6" s="64">
        <v>3676</v>
      </c>
      <c r="C6" s="65">
        <v>1806</v>
      </c>
      <c r="D6" s="66">
        <v>1870</v>
      </c>
      <c r="E6" s="65">
        <v>5</v>
      </c>
      <c r="F6" s="65">
        <v>3</v>
      </c>
      <c r="G6" s="66">
        <v>2</v>
      </c>
      <c r="H6" s="65">
        <v>1417</v>
      </c>
      <c r="I6" s="65">
        <v>699</v>
      </c>
      <c r="J6" s="66">
        <v>718</v>
      </c>
      <c r="K6" s="65">
        <v>1065</v>
      </c>
      <c r="L6" s="65">
        <v>560</v>
      </c>
      <c r="M6" s="66">
        <v>505</v>
      </c>
    </row>
    <row r="7" spans="1:13">
      <c r="A7" s="15" t="s">
        <v>4</v>
      </c>
      <c r="B7" s="67">
        <v>3416</v>
      </c>
      <c r="C7" s="68">
        <v>1710</v>
      </c>
      <c r="D7" s="69">
        <v>1706</v>
      </c>
      <c r="E7" s="67">
        <v>3</v>
      </c>
      <c r="F7" s="68">
        <v>1</v>
      </c>
      <c r="G7" s="69">
        <v>2</v>
      </c>
      <c r="H7" s="67">
        <v>340</v>
      </c>
      <c r="I7" s="68">
        <v>172</v>
      </c>
      <c r="J7" s="69">
        <v>168</v>
      </c>
      <c r="K7" s="67">
        <v>250</v>
      </c>
      <c r="L7" s="68">
        <v>131</v>
      </c>
      <c r="M7" s="69">
        <v>119</v>
      </c>
    </row>
    <row r="8" spans="1:13">
      <c r="A8" s="15" t="s">
        <v>6</v>
      </c>
      <c r="B8" s="67">
        <v>73</v>
      </c>
      <c r="C8" s="68">
        <v>38</v>
      </c>
      <c r="D8" s="69">
        <v>35</v>
      </c>
      <c r="E8" s="67">
        <v>0</v>
      </c>
      <c r="F8" s="68">
        <v>0</v>
      </c>
      <c r="G8" s="69">
        <v>0</v>
      </c>
      <c r="H8" s="67">
        <v>315</v>
      </c>
      <c r="I8" s="68">
        <v>177</v>
      </c>
      <c r="J8" s="69">
        <v>138</v>
      </c>
      <c r="K8" s="67">
        <v>242</v>
      </c>
      <c r="L8" s="68">
        <v>139</v>
      </c>
      <c r="M8" s="69">
        <v>103</v>
      </c>
    </row>
    <row r="9" spans="1:13">
      <c r="A9" s="15" t="s">
        <v>8</v>
      </c>
      <c r="B9" s="67">
        <v>70</v>
      </c>
      <c r="C9" s="68">
        <v>30</v>
      </c>
      <c r="D9" s="69">
        <v>40</v>
      </c>
      <c r="E9" s="67">
        <v>0</v>
      </c>
      <c r="F9" s="68">
        <v>0</v>
      </c>
      <c r="G9" s="69">
        <v>0</v>
      </c>
      <c r="H9" s="67">
        <v>296</v>
      </c>
      <c r="I9" s="68">
        <v>144</v>
      </c>
      <c r="J9" s="69">
        <v>152</v>
      </c>
      <c r="K9" s="67">
        <v>226</v>
      </c>
      <c r="L9" s="68">
        <v>114</v>
      </c>
      <c r="M9" s="69">
        <v>112</v>
      </c>
    </row>
    <row r="10" spans="1:13">
      <c r="A10" s="15" t="s">
        <v>10</v>
      </c>
      <c r="B10" s="67">
        <v>62</v>
      </c>
      <c r="C10" s="68">
        <v>13</v>
      </c>
      <c r="D10" s="69">
        <v>49</v>
      </c>
      <c r="E10" s="67">
        <v>1</v>
      </c>
      <c r="F10" s="68">
        <v>1</v>
      </c>
      <c r="G10" s="69">
        <v>0</v>
      </c>
      <c r="H10" s="67">
        <v>259</v>
      </c>
      <c r="I10" s="68">
        <v>117</v>
      </c>
      <c r="J10" s="69">
        <v>142</v>
      </c>
      <c r="K10" s="67">
        <v>196</v>
      </c>
      <c r="L10" s="68">
        <v>103</v>
      </c>
      <c r="M10" s="69">
        <v>93</v>
      </c>
    </row>
    <row r="11" spans="1:13">
      <c r="A11" s="15" t="s">
        <v>12</v>
      </c>
      <c r="B11" s="67">
        <v>55</v>
      </c>
      <c r="C11" s="68">
        <v>15</v>
      </c>
      <c r="D11" s="69">
        <v>40</v>
      </c>
      <c r="E11" s="67">
        <v>1</v>
      </c>
      <c r="F11" s="68">
        <v>1</v>
      </c>
      <c r="G11" s="69">
        <v>0</v>
      </c>
      <c r="H11" s="67">
        <v>207</v>
      </c>
      <c r="I11" s="68">
        <v>89</v>
      </c>
      <c r="J11" s="69">
        <v>118</v>
      </c>
      <c r="K11" s="67">
        <v>151</v>
      </c>
      <c r="L11" s="68">
        <v>73</v>
      </c>
      <c r="M11" s="69">
        <v>78</v>
      </c>
    </row>
    <row r="12" spans="1:13" ht="21" customHeight="1">
      <c r="A12" s="36" t="s">
        <v>14</v>
      </c>
      <c r="B12" s="64">
        <v>187</v>
      </c>
      <c r="C12" s="65">
        <v>84</v>
      </c>
      <c r="D12" s="66">
        <v>103</v>
      </c>
      <c r="E12" s="65">
        <v>0</v>
      </c>
      <c r="F12" s="65">
        <v>0</v>
      </c>
      <c r="G12" s="66">
        <v>0</v>
      </c>
      <c r="H12" s="65">
        <v>888</v>
      </c>
      <c r="I12" s="65">
        <v>463</v>
      </c>
      <c r="J12" s="66">
        <v>425</v>
      </c>
      <c r="K12" s="65">
        <v>701</v>
      </c>
      <c r="L12" s="65">
        <v>379</v>
      </c>
      <c r="M12" s="66">
        <v>322</v>
      </c>
    </row>
    <row r="13" spans="1:13">
      <c r="A13" s="15" t="s">
        <v>16</v>
      </c>
      <c r="B13" s="67">
        <v>47</v>
      </c>
      <c r="C13" s="68">
        <v>15</v>
      </c>
      <c r="D13" s="69">
        <v>32</v>
      </c>
      <c r="E13" s="67">
        <v>0</v>
      </c>
      <c r="F13" s="68">
        <v>0</v>
      </c>
      <c r="G13" s="69">
        <v>0</v>
      </c>
      <c r="H13" s="67">
        <v>215</v>
      </c>
      <c r="I13" s="68">
        <v>105</v>
      </c>
      <c r="J13" s="69">
        <v>110</v>
      </c>
      <c r="K13" s="67">
        <v>168</v>
      </c>
      <c r="L13" s="68">
        <v>90</v>
      </c>
      <c r="M13" s="69">
        <v>78</v>
      </c>
    </row>
    <row r="14" spans="1:13">
      <c r="A14" s="15" t="s">
        <v>18</v>
      </c>
      <c r="B14" s="67">
        <v>95</v>
      </c>
      <c r="C14" s="68">
        <v>49</v>
      </c>
      <c r="D14" s="69">
        <v>46</v>
      </c>
      <c r="E14" s="67">
        <v>0</v>
      </c>
      <c r="F14" s="68">
        <v>0</v>
      </c>
      <c r="G14" s="69">
        <v>0</v>
      </c>
      <c r="H14" s="67">
        <v>271</v>
      </c>
      <c r="I14" s="68">
        <v>146</v>
      </c>
      <c r="J14" s="69">
        <v>125</v>
      </c>
      <c r="K14" s="67">
        <v>176</v>
      </c>
      <c r="L14" s="68">
        <v>97</v>
      </c>
      <c r="M14" s="69">
        <v>79</v>
      </c>
    </row>
    <row r="15" spans="1:13">
      <c r="A15" s="15" t="s">
        <v>20</v>
      </c>
      <c r="B15" s="67">
        <v>26</v>
      </c>
      <c r="C15" s="68">
        <v>5</v>
      </c>
      <c r="D15" s="69">
        <v>21</v>
      </c>
      <c r="E15" s="67">
        <v>0</v>
      </c>
      <c r="F15" s="68">
        <v>0</v>
      </c>
      <c r="G15" s="69">
        <v>0</v>
      </c>
      <c r="H15" s="67">
        <v>168</v>
      </c>
      <c r="I15" s="68">
        <v>86</v>
      </c>
      <c r="J15" s="69">
        <v>82</v>
      </c>
      <c r="K15" s="67">
        <v>142</v>
      </c>
      <c r="L15" s="68">
        <v>81</v>
      </c>
      <c r="M15" s="69">
        <v>61</v>
      </c>
    </row>
    <row r="16" spans="1:13">
      <c r="A16" s="15" t="s">
        <v>22</v>
      </c>
      <c r="B16" s="67">
        <v>-5</v>
      </c>
      <c r="C16" s="68">
        <v>1</v>
      </c>
      <c r="D16" s="69">
        <v>-6</v>
      </c>
      <c r="E16" s="67">
        <v>0</v>
      </c>
      <c r="F16" s="68">
        <v>0</v>
      </c>
      <c r="G16" s="69">
        <v>0</v>
      </c>
      <c r="H16" s="67">
        <v>128</v>
      </c>
      <c r="I16" s="68">
        <v>66</v>
      </c>
      <c r="J16" s="69">
        <v>62</v>
      </c>
      <c r="K16" s="67">
        <v>133</v>
      </c>
      <c r="L16" s="68">
        <v>65</v>
      </c>
      <c r="M16" s="69">
        <v>68</v>
      </c>
    </row>
    <row r="17" spans="1:13">
      <c r="A17" s="15" t="s">
        <v>24</v>
      </c>
      <c r="B17" s="67">
        <v>24</v>
      </c>
      <c r="C17" s="68">
        <v>14</v>
      </c>
      <c r="D17" s="69">
        <v>10</v>
      </c>
      <c r="E17" s="67">
        <v>0</v>
      </c>
      <c r="F17" s="68">
        <v>0</v>
      </c>
      <c r="G17" s="69">
        <v>0</v>
      </c>
      <c r="H17" s="67">
        <v>106</v>
      </c>
      <c r="I17" s="68">
        <v>60</v>
      </c>
      <c r="J17" s="69">
        <v>46</v>
      </c>
      <c r="K17" s="67">
        <v>82</v>
      </c>
      <c r="L17" s="68">
        <v>46</v>
      </c>
      <c r="M17" s="69">
        <v>36</v>
      </c>
    </row>
    <row r="18" spans="1:13" ht="21" customHeight="1">
      <c r="A18" s="36" t="s">
        <v>26</v>
      </c>
      <c r="B18" s="64">
        <v>-32</v>
      </c>
      <c r="C18" s="65">
        <v>-5</v>
      </c>
      <c r="D18" s="66">
        <v>-27</v>
      </c>
      <c r="E18" s="65">
        <v>5</v>
      </c>
      <c r="F18" s="65">
        <v>4</v>
      </c>
      <c r="G18" s="66">
        <v>1</v>
      </c>
      <c r="H18" s="65">
        <v>454</v>
      </c>
      <c r="I18" s="65">
        <v>236</v>
      </c>
      <c r="J18" s="66">
        <v>218</v>
      </c>
      <c r="K18" s="65">
        <v>481</v>
      </c>
      <c r="L18" s="65">
        <v>237</v>
      </c>
      <c r="M18" s="66">
        <v>244</v>
      </c>
    </row>
    <row r="19" spans="1:13">
      <c r="A19" s="15" t="s">
        <v>28</v>
      </c>
      <c r="B19" s="67">
        <v>-4</v>
      </c>
      <c r="C19" s="68">
        <v>3</v>
      </c>
      <c r="D19" s="69">
        <v>-7</v>
      </c>
      <c r="E19" s="67">
        <v>0</v>
      </c>
      <c r="F19" s="68">
        <v>0</v>
      </c>
      <c r="G19" s="69">
        <v>0</v>
      </c>
      <c r="H19" s="67">
        <v>111</v>
      </c>
      <c r="I19" s="68">
        <v>59</v>
      </c>
      <c r="J19" s="69">
        <v>52</v>
      </c>
      <c r="K19" s="67">
        <v>115</v>
      </c>
      <c r="L19" s="68">
        <v>56</v>
      </c>
      <c r="M19" s="69">
        <v>59</v>
      </c>
    </row>
    <row r="20" spans="1:13">
      <c r="A20" s="15" t="s">
        <v>30</v>
      </c>
      <c r="B20" s="67">
        <v>-11</v>
      </c>
      <c r="C20" s="68">
        <v>-1</v>
      </c>
      <c r="D20" s="69">
        <v>-10</v>
      </c>
      <c r="E20" s="67">
        <v>1</v>
      </c>
      <c r="F20" s="68">
        <v>1</v>
      </c>
      <c r="G20" s="69">
        <v>0</v>
      </c>
      <c r="H20" s="67">
        <v>78</v>
      </c>
      <c r="I20" s="68">
        <v>39</v>
      </c>
      <c r="J20" s="69">
        <v>39</v>
      </c>
      <c r="K20" s="67">
        <v>88</v>
      </c>
      <c r="L20" s="68">
        <v>39</v>
      </c>
      <c r="M20" s="69">
        <v>49</v>
      </c>
    </row>
    <row r="21" spans="1:13">
      <c r="A21" s="15" t="s">
        <v>32</v>
      </c>
      <c r="B21" s="67">
        <v>-12</v>
      </c>
      <c r="C21" s="68">
        <v>-3</v>
      </c>
      <c r="D21" s="69">
        <v>-9</v>
      </c>
      <c r="E21" s="67">
        <v>1</v>
      </c>
      <c r="F21" s="68">
        <v>1</v>
      </c>
      <c r="G21" s="69">
        <v>0</v>
      </c>
      <c r="H21" s="67">
        <v>116</v>
      </c>
      <c r="I21" s="68">
        <v>64</v>
      </c>
      <c r="J21" s="69">
        <v>52</v>
      </c>
      <c r="K21" s="67">
        <v>127</v>
      </c>
      <c r="L21" s="68">
        <v>66</v>
      </c>
      <c r="M21" s="69">
        <v>61</v>
      </c>
    </row>
    <row r="22" spans="1:13">
      <c r="A22" s="15" t="s">
        <v>34</v>
      </c>
      <c r="B22" s="67">
        <v>-9</v>
      </c>
      <c r="C22" s="68">
        <v>4</v>
      </c>
      <c r="D22" s="69">
        <v>-13</v>
      </c>
      <c r="E22" s="67">
        <v>1</v>
      </c>
      <c r="F22" s="68">
        <v>0</v>
      </c>
      <c r="G22" s="69">
        <v>1</v>
      </c>
      <c r="H22" s="67">
        <v>78</v>
      </c>
      <c r="I22" s="68">
        <v>44</v>
      </c>
      <c r="J22" s="69">
        <v>34</v>
      </c>
      <c r="K22" s="67">
        <v>86</v>
      </c>
      <c r="L22" s="68">
        <v>40</v>
      </c>
      <c r="M22" s="69">
        <v>46</v>
      </c>
    </row>
    <row r="23" spans="1:13">
      <c r="A23" s="15" t="s">
        <v>36</v>
      </c>
      <c r="B23" s="67">
        <v>4</v>
      </c>
      <c r="C23" s="68">
        <v>-8</v>
      </c>
      <c r="D23" s="69">
        <v>12</v>
      </c>
      <c r="E23" s="67">
        <v>2</v>
      </c>
      <c r="F23" s="68">
        <v>2</v>
      </c>
      <c r="G23" s="69">
        <v>0</v>
      </c>
      <c r="H23" s="67">
        <v>71</v>
      </c>
      <c r="I23" s="68">
        <v>30</v>
      </c>
      <c r="J23" s="69">
        <v>41</v>
      </c>
      <c r="K23" s="67">
        <v>65</v>
      </c>
      <c r="L23" s="68">
        <v>36</v>
      </c>
      <c r="M23" s="69">
        <v>29</v>
      </c>
    </row>
    <row r="24" spans="1:13" ht="21" customHeight="1">
      <c r="A24" s="36" t="s">
        <v>38</v>
      </c>
      <c r="B24" s="64">
        <v>483</v>
      </c>
      <c r="C24" s="65">
        <v>421</v>
      </c>
      <c r="D24" s="66">
        <v>62</v>
      </c>
      <c r="E24" s="65">
        <v>7</v>
      </c>
      <c r="F24" s="65">
        <v>4</v>
      </c>
      <c r="G24" s="66">
        <v>3</v>
      </c>
      <c r="H24" s="65">
        <v>2598</v>
      </c>
      <c r="I24" s="65">
        <v>2027</v>
      </c>
      <c r="J24" s="66">
        <v>571</v>
      </c>
      <c r="K24" s="65">
        <v>2108</v>
      </c>
      <c r="L24" s="65">
        <v>1602</v>
      </c>
      <c r="M24" s="66">
        <v>506</v>
      </c>
    </row>
    <row r="25" spans="1:13">
      <c r="A25" s="15" t="s">
        <v>40</v>
      </c>
      <c r="B25" s="67">
        <v>256</v>
      </c>
      <c r="C25" s="68">
        <v>260</v>
      </c>
      <c r="D25" s="69">
        <v>-4</v>
      </c>
      <c r="E25" s="67">
        <v>0</v>
      </c>
      <c r="F25" s="68">
        <v>0</v>
      </c>
      <c r="G25" s="69">
        <v>0</v>
      </c>
      <c r="H25" s="67">
        <v>397</v>
      </c>
      <c r="I25" s="68">
        <v>341</v>
      </c>
      <c r="J25" s="69">
        <v>56</v>
      </c>
      <c r="K25" s="67">
        <v>141</v>
      </c>
      <c r="L25" s="68">
        <v>81</v>
      </c>
      <c r="M25" s="69">
        <v>60</v>
      </c>
    </row>
    <row r="26" spans="1:13">
      <c r="A26" s="15" t="s">
        <v>42</v>
      </c>
      <c r="B26" s="67">
        <v>61</v>
      </c>
      <c r="C26" s="68">
        <v>55</v>
      </c>
      <c r="D26" s="69">
        <v>6</v>
      </c>
      <c r="E26" s="67">
        <v>0</v>
      </c>
      <c r="F26" s="68">
        <v>0</v>
      </c>
      <c r="G26" s="69">
        <v>0</v>
      </c>
      <c r="H26" s="67">
        <v>143</v>
      </c>
      <c r="I26" s="68">
        <v>97</v>
      </c>
      <c r="J26" s="69">
        <v>46</v>
      </c>
      <c r="K26" s="67">
        <v>82</v>
      </c>
      <c r="L26" s="68">
        <v>42</v>
      </c>
      <c r="M26" s="69">
        <v>40</v>
      </c>
    </row>
    <row r="27" spans="1:13">
      <c r="A27" s="15" t="s">
        <v>44</v>
      </c>
      <c r="B27" s="67">
        <v>-4</v>
      </c>
      <c r="C27" s="68">
        <v>0</v>
      </c>
      <c r="D27" s="69">
        <v>-4</v>
      </c>
      <c r="E27" s="67">
        <v>2</v>
      </c>
      <c r="F27" s="68">
        <v>1</v>
      </c>
      <c r="G27" s="69">
        <v>1</v>
      </c>
      <c r="H27" s="67">
        <v>85</v>
      </c>
      <c r="I27" s="68">
        <v>42</v>
      </c>
      <c r="J27" s="69">
        <v>43</v>
      </c>
      <c r="K27" s="67">
        <v>87</v>
      </c>
      <c r="L27" s="68">
        <v>41</v>
      </c>
      <c r="M27" s="69">
        <v>46</v>
      </c>
    </row>
    <row r="28" spans="1:13">
      <c r="A28" s="15" t="s">
        <v>46</v>
      </c>
      <c r="B28" s="67">
        <v>269</v>
      </c>
      <c r="C28" s="68">
        <v>179</v>
      </c>
      <c r="D28" s="69">
        <v>90</v>
      </c>
      <c r="E28" s="67">
        <v>1</v>
      </c>
      <c r="F28" s="68">
        <v>0</v>
      </c>
      <c r="G28" s="69">
        <v>1</v>
      </c>
      <c r="H28" s="67">
        <v>1360</v>
      </c>
      <c r="I28" s="68">
        <v>1077</v>
      </c>
      <c r="J28" s="69">
        <v>283</v>
      </c>
      <c r="K28" s="67">
        <v>1090</v>
      </c>
      <c r="L28" s="68">
        <v>898</v>
      </c>
      <c r="M28" s="69">
        <v>192</v>
      </c>
    </row>
    <row r="29" spans="1:13">
      <c r="A29" s="15" t="s">
        <v>48</v>
      </c>
      <c r="B29" s="67">
        <v>-99</v>
      </c>
      <c r="C29" s="68">
        <v>-73</v>
      </c>
      <c r="D29" s="69">
        <v>-26</v>
      </c>
      <c r="E29" s="67">
        <v>4</v>
      </c>
      <c r="F29" s="68">
        <v>3</v>
      </c>
      <c r="G29" s="69">
        <v>1</v>
      </c>
      <c r="H29" s="67">
        <v>613</v>
      </c>
      <c r="I29" s="68">
        <v>470</v>
      </c>
      <c r="J29" s="69">
        <v>143</v>
      </c>
      <c r="K29" s="67">
        <v>708</v>
      </c>
      <c r="L29" s="68">
        <v>540</v>
      </c>
      <c r="M29" s="69">
        <v>168</v>
      </c>
    </row>
    <row r="30" spans="1:13" ht="21" customHeight="1">
      <c r="A30" s="36" t="s">
        <v>50</v>
      </c>
      <c r="B30" s="64">
        <v>-1312</v>
      </c>
      <c r="C30" s="65">
        <v>-853</v>
      </c>
      <c r="D30" s="66">
        <v>-459</v>
      </c>
      <c r="E30" s="65">
        <v>11</v>
      </c>
      <c r="F30" s="65">
        <v>9</v>
      </c>
      <c r="G30" s="66">
        <v>2</v>
      </c>
      <c r="H30" s="65">
        <v>4002</v>
      </c>
      <c r="I30" s="65">
        <v>2447</v>
      </c>
      <c r="J30" s="66">
        <v>1555</v>
      </c>
      <c r="K30" s="65">
        <v>5303</v>
      </c>
      <c r="L30" s="65">
        <v>3291</v>
      </c>
      <c r="M30" s="66">
        <v>2012</v>
      </c>
    </row>
    <row r="31" spans="1:13">
      <c r="A31" s="15" t="s">
        <v>52</v>
      </c>
      <c r="B31" s="67">
        <v>42</v>
      </c>
      <c r="C31" s="68">
        <v>62</v>
      </c>
      <c r="D31" s="69">
        <v>-20</v>
      </c>
      <c r="E31" s="67">
        <v>2</v>
      </c>
      <c r="F31" s="68">
        <v>2</v>
      </c>
      <c r="G31" s="69">
        <v>0</v>
      </c>
      <c r="H31" s="67">
        <v>673</v>
      </c>
      <c r="I31" s="68">
        <v>457</v>
      </c>
      <c r="J31" s="69">
        <v>216</v>
      </c>
      <c r="K31" s="67">
        <v>629</v>
      </c>
      <c r="L31" s="68">
        <v>393</v>
      </c>
      <c r="M31" s="69">
        <v>236</v>
      </c>
    </row>
    <row r="32" spans="1:13">
      <c r="A32" s="15" t="s">
        <v>54</v>
      </c>
      <c r="B32" s="67">
        <v>-144</v>
      </c>
      <c r="C32" s="68">
        <v>-107</v>
      </c>
      <c r="D32" s="69">
        <v>-37</v>
      </c>
      <c r="E32" s="67">
        <v>1</v>
      </c>
      <c r="F32" s="68">
        <v>1</v>
      </c>
      <c r="G32" s="69">
        <v>0</v>
      </c>
      <c r="H32" s="67">
        <v>502</v>
      </c>
      <c r="I32" s="68">
        <v>284</v>
      </c>
      <c r="J32" s="69">
        <v>218</v>
      </c>
      <c r="K32" s="67">
        <v>645</v>
      </c>
      <c r="L32" s="68">
        <v>390</v>
      </c>
      <c r="M32" s="69">
        <v>255</v>
      </c>
    </row>
    <row r="33" spans="1:13">
      <c r="A33" s="15" t="s">
        <v>56</v>
      </c>
      <c r="B33" s="67">
        <v>-577</v>
      </c>
      <c r="C33" s="68">
        <v>-402</v>
      </c>
      <c r="D33" s="69">
        <v>-175</v>
      </c>
      <c r="E33" s="67">
        <v>1</v>
      </c>
      <c r="F33" s="68">
        <v>0</v>
      </c>
      <c r="G33" s="69">
        <v>1</v>
      </c>
      <c r="H33" s="67">
        <v>1060</v>
      </c>
      <c r="I33" s="68">
        <v>633</v>
      </c>
      <c r="J33" s="69">
        <v>427</v>
      </c>
      <c r="K33" s="67">
        <v>1636</v>
      </c>
      <c r="L33" s="68">
        <v>1035</v>
      </c>
      <c r="M33" s="69">
        <v>601</v>
      </c>
    </row>
    <row r="34" spans="1:13">
      <c r="A34" s="15" t="s">
        <v>58</v>
      </c>
      <c r="B34" s="67">
        <v>-401</v>
      </c>
      <c r="C34" s="68">
        <v>-246</v>
      </c>
      <c r="D34" s="69">
        <v>-155</v>
      </c>
      <c r="E34" s="67">
        <v>4</v>
      </c>
      <c r="F34" s="68">
        <v>3</v>
      </c>
      <c r="G34" s="69">
        <v>1</v>
      </c>
      <c r="H34" s="67">
        <v>881</v>
      </c>
      <c r="I34" s="68">
        <v>552</v>
      </c>
      <c r="J34" s="69">
        <v>329</v>
      </c>
      <c r="K34" s="67">
        <v>1278</v>
      </c>
      <c r="L34" s="68">
        <v>795</v>
      </c>
      <c r="M34" s="69">
        <v>483</v>
      </c>
    </row>
    <row r="35" spans="1:13">
      <c r="A35" s="15" t="s">
        <v>60</v>
      </c>
      <c r="B35" s="67">
        <v>-232</v>
      </c>
      <c r="C35" s="68">
        <v>-160</v>
      </c>
      <c r="D35" s="69">
        <v>-72</v>
      </c>
      <c r="E35" s="67">
        <v>3</v>
      </c>
      <c r="F35" s="68">
        <v>3</v>
      </c>
      <c r="G35" s="69">
        <v>0</v>
      </c>
      <c r="H35" s="67">
        <v>886</v>
      </c>
      <c r="I35" s="68">
        <v>521</v>
      </c>
      <c r="J35" s="69">
        <v>365</v>
      </c>
      <c r="K35" s="67">
        <v>1115</v>
      </c>
      <c r="L35" s="68">
        <v>678</v>
      </c>
      <c r="M35" s="69">
        <v>437</v>
      </c>
    </row>
    <row r="36" spans="1:13" ht="21" customHeight="1">
      <c r="A36" s="36" t="s">
        <v>62</v>
      </c>
      <c r="B36" s="64">
        <v>-614</v>
      </c>
      <c r="C36" s="65">
        <v>-237</v>
      </c>
      <c r="D36" s="66">
        <v>-377</v>
      </c>
      <c r="E36" s="65">
        <v>12</v>
      </c>
      <c r="F36" s="65">
        <v>6</v>
      </c>
      <c r="G36" s="66">
        <v>6</v>
      </c>
      <c r="H36" s="65">
        <v>4132</v>
      </c>
      <c r="I36" s="65">
        <v>2312</v>
      </c>
      <c r="J36" s="66">
        <v>1820</v>
      </c>
      <c r="K36" s="65">
        <v>4734</v>
      </c>
      <c r="L36" s="65">
        <v>2543</v>
      </c>
      <c r="M36" s="66">
        <v>2191</v>
      </c>
    </row>
    <row r="37" spans="1:13">
      <c r="A37" s="15" t="s">
        <v>64</v>
      </c>
      <c r="B37" s="67">
        <v>-214</v>
      </c>
      <c r="C37" s="68">
        <v>-94</v>
      </c>
      <c r="D37" s="69">
        <v>-120</v>
      </c>
      <c r="E37" s="67">
        <v>3</v>
      </c>
      <c r="F37" s="68">
        <v>2</v>
      </c>
      <c r="G37" s="69">
        <v>1</v>
      </c>
      <c r="H37" s="67">
        <v>857</v>
      </c>
      <c r="I37" s="68">
        <v>488</v>
      </c>
      <c r="J37" s="69">
        <v>369</v>
      </c>
      <c r="K37" s="67">
        <v>1068</v>
      </c>
      <c r="L37" s="68">
        <v>580</v>
      </c>
      <c r="M37" s="69">
        <v>488</v>
      </c>
    </row>
    <row r="38" spans="1:13">
      <c r="A38" s="15" t="s">
        <v>66</v>
      </c>
      <c r="B38" s="67">
        <v>-83</v>
      </c>
      <c r="C38" s="68">
        <v>-36</v>
      </c>
      <c r="D38" s="69">
        <v>-47</v>
      </c>
      <c r="E38" s="67">
        <v>3</v>
      </c>
      <c r="F38" s="68">
        <v>1</v>
      </c>
      <c r="G38" s="69">
        <v>2</v>
      </c>
      <c r="H38" s="67">
        <v>875</v>
      </c>
      <c r="I38" s="68">
        <v>483</v>
      </c>
      <c r="J38" s="69">
        <v>392</v>
      </c>
      <c r="K38" s="67">
        <v>955</v>
      </c>
      <c r="L38" s="68">
        <v>518</v>
      </c>
      <c r="M38" s="69">
        <v>437</v>
      </c>
    </row>
    <row r="39" spans="1:13">
      <c r="A39" s="15" t="s">
        <v>68</v>
      </c>
      <c r="B39" s="67">
        <v>-107</v>
      </c>
      <c r="C39" s="68">
        <v>-11</v>
      </c>
      <c r="D39" s="69">
        <v>-96</v>
      </c>
      <c r="E39" s="67">
        <v>2</v>
      </c>
      <c r="F39" s="68">
        <v>0</v>
      </c>
      <c r="G39" s="69">
        <v>2</v>
      </c>
      <c r="H39" s="67">
        <v>897</v>
      </c>
      <c r="I39" s="68">
        <v>518</v>
      </c>
      <c r="J39" s="69">
        <v>379</v>
      </c>
      <c r="K39" s="67">
        <v>1002</v>
      </c>
      <c r="L39" s="68">
        <v>529</v>
      </c>
      <c r="M39" s="69">
        <v>473</v>
      </c>
    </row>
    <row r="40" spans="1:13">
      <c r="A40" s="15" t="s">
        <v>70</v>
      </c>
      <c r="B40" s="67">
        <v>-137</v>
      </c>
      <c r="C40" s="68">
        <v>-42</v>
      </c>
      <c r="D40" s="69">
        <v>-95</v>
      </c>
      <c r="E40" s="67">
        <v>1</v>
      </c>
      <c r="F40" s="68">
        <v>1</v>
      </c>
      <c r="G40" s="69">
        <v>0</v>
      </c>
      <c r="H40" s="67">
        <v>762</v>
      </c>
      <c r="I40" s="68">
        <v>438</v>
      </c>
      <c r="J40" s="69">
        <v>324</v>
      </c>
      <c r="K40" s="67">
        <v>898</v>
      </c>
      <c r="L40" s="68">
        <v>479</v>
      </c>
      <c r="M40" s="69">
        <v>419</v>
      </c>
    </row>
    <row r="41" spans="1:13">
      <c r="A41" s="15" t="s">
        <v>72</v>
      </c>
      <c r="B41" s="67">
        <v>-73</v>
      </c>
      <c r="C41" s="68">
        <v>-54</v>
      </c>
      <c r="D41" s="69">
        <v>-19</v>
      </c>
      <c r="E41" s="67">
        <v>3</v>
      </c>
      <c r="F41" s="68">
        <v>2</v>
      </c>
      <c r="G41" s="69">
        <v>1</v>
      </c>
      <c r="H41" s="67">
        <v>741</v>
      </c>
      <c r="I41" s="68">
        <v>385</v>
      </c>
      <c r="J41" s="69">
        <v>356</v>
      </c>
      <c r="K41" s="67">
        <v>811</v>
      </c>
      <c r="L41" s="68">
        <v>437</v>
      </c>
      <c r="M41" s="69">
        <v>374</v>
      </c>
    </row>
    <row r="42" spans="1:13" ht="21" customHeight="1">
      <c r="A42" s="36" t="s">
        <v>74</v>
      </c>
      <c r="B42" s="64">
        <v>-63</v>
      </c>
      <c r="C42" s="65">
        <v>-74</v>
      </c>
      <c r="D42" s="66">
        <v>11</v>
      </c>
      <c r="E42" s="65">
        <v>14</v>
      </c>
      <c r="F42" s="65">
        <v>10</v>
      </c>
      <c r="G42" s="66">
        <v>4</v>
      </c>
      <c r="H42" s="65">
        <v>3036</v>
      </c>
      <c r="I42" s="65">
        <v>1642</v>
      </c>
      <c r="J42" s="66">
        <v>1394</v>
      </c>
      <c r="K42" s="65">
        <v>3085</v>
      </c>
      <c r="L42" s="65">
        <v>1706</v>
      </c>
      <c r="M42" s="66">
        <v>1379</v>
      </c>
    </row>
    <row r="43" spans="1:13">
      <c r="A43" s="15" t="s">
        <v>76</v>
      </c>
      <c r="B43" s="67">
        <v>-66</v>
      </c>
      <c r="C43" s="68">
        <v>-42</v>
      </c>
      <c r="D43" s="69">
        <v>-24</v>
      </c>
      <c r="E43" s="67">
        <v>5</v>
      </c>
      <c r="F43" s="68">
        <v>3</v>
      </c>
      <c r="G43" s="69">
        <v>2</v>
      </c>
      <c r="H43" s="67">
        <v>695</v>
      </c>
      <c r="I43" s="68">
        <v>371</v>
      </c>
      <c r="J43" s="69">
        <v>324</v>
      </c>
      <c r="K43" s="67">
        <v>756</v>
      </c>
      <c r="L43" s="68">
        <v>410</v>
      </c>
      <c r="M43" s="69">
        <v>346</v>
      </c>
    </row>
    <row r="44" spans="1:13">
      <c r="A44" s="15" t="s">
        <v>78</v>
      </c>
      <c r="B44" s="67">
        <v>-31</v>
      </c>
      <c r="C44" s="68">
        <v>-41</v>
      </c>
      <c r="D44" s="69">
        <v>10</v>
      </c>
      <c r="E44" s="67">
        <v>1</v>
      </c>
      <c r="F44" s="68">
        <v>0</v>
      </c>
      <c r="G44" s="69">
        <v>1</v>
      </c>
      <c r="H44" s="67">
        <v>657</v>
      </c>
      <c r="I44" s="68">
        <v>341</v>
      </c>
      <c r="J44" s="69">
        <v>316</v>
      </c>
      <c r="K44" s="67">
        <v>687</v>
      </c>
      <c r="L44" s="68">
        <v>382</v>
      </c>
      <c r="M44" s="69">
        <v>305</v>
      </c>
    </row>
    <row r="45" spans="1:13">
      <c r="A45" s="15" t="s">
        <v>80</v>
      </c>
      <c r="B45" s="67">
        <v>-12</v>
      </c>
      <c r="C45" s="68">
        <v>5</v>
      </c>
      <c r="D45" s="69">
        <v>-17</v>
      </c>
      <c r="E45" s="67">
        <v>4</v>
      </c>
      <c r="F45" s="68">
        <v>4</v>
      </c>
      <c r="G45" s="69">
        <v>0</v>
      </c>
      <c r="H45" s="67">
        <v>612</v>
      </c>
      <c r="I45" s="68">
        <v>342</v>
      </c>
      <c r="J45" s="69">
        <v>270</v>
      </c>
      <c r="K45" s="67">
        <v>620</v>
      </c>
      <c r="L45" s="68">
        <v>333</v>
      </c>
      <c r="M45" s="69">
        <v>287</v>
      </c>
    </row>
    <row r="46" spans="1:13">
      <c r="A46" s="15" t="s">
        <v>82</v>
      </c>
      <c r="B46" s="67">
        <v>13</v>
      </c>
      <c r="C46" s="68">
        <v>-12</v>
      </c>
      <c r="D46" s="69">
        <v>25</v>
      </c>
      <c r="E46" s="67">
        <v>2</v>
      </c>
      <c r="F46" s="68">
        <v>2</v>
      </c>
      <c r="G46" s="69">
        <v>0</v>
      </c>
      <c r="H46" s="67">
        <v>541</v>
      </c>
      <c r="I46" s="68">
        <v>294</v>
      </c>
      <c r="J46" s="69">
        <v>247</v>
      </c>
      <c r="K46" s="67">
        <v>526</v>
      </c>
      <c r="L46" s="68">
        <v>304</v>
      </c>
      <c r="M46" s="69">
        <v>222</v>
      </c>
    </row>
    <row r="47" spans="1:13">
      <c r="A47" s="15" t="s">
        <v>84</v>
      </c>
      <c r="B47" s="67">
        <v>33</v>
      </c>
      <c r="C47" s="68">
        <v>16</v>
      </c>
      <c r="D47" s="69">
        <v>17</v>
      </c>
      <c r="E47" s="67">
        <v>2</v>
      </c>
      <c r="F47" s="68">
        <v>1</v>
      </c>
      <c r="G47" s="69">
        <v>1</v>
      </c>
      <c r="H47" s="67">
        <v>531</v>
      </c>
      <c r="I47" s="68">
        <v>294</v>
      </c>
      <c r="J47" s="69">
        <v>237</v>
      </c>
      <c r="K47" s="67">
        <v>496</v>
      </c>
      <c r="L47" s="68">
        <v>277</v>
      </c>
      <c r="M47" s="69">
        <v>219</v>
      </c>
    </row>
    <row r="48" spans="1:13" ht="21" customHeight="1">
      <c r="A48" s="36" t="s">
        <v>86</v>
      </c>
      <c r="B48" s="64">
        <v>352</v>
      </c>
      <c r="C48" s="65">
        <v>127</v>
      </c>
      <c r="D48" s="66">
        <v>225</v>
      </c>
      <c r="E48" s="65">
        <v>19</v>
      </c>
      <c r="F48" s="65">
        <v>15</v>
      </c>
      <c r="G48" s="66">
        <v>4</v>
      </c>
      <c r="H48" s="65">
        <v>2300</v>
      </c>
      <c r="I48" s="65">
        <v>1193</v>
      </c>
      <c r="J48" s="66">
        <v>1107</v>
      </c>
      <c r="K48" s="65">
        <v>1929</v>
      </c>
      <c r="L48" s="65">
        <v>1051</v>
      </c>
      <c r="M48" s="66">
        <v>878</v>
      </c>
    </row>
    <row r="49" spans="1:13">
      <c r="A49" s="15" t="s">
        <v>88</v>
      </c>
      <c r="B49" s="67">
        <v>27</v>
      </c>
      <c r="C49" s="68">
        <v>5</v>
      </c>
      <c r="D49" s="69">
        <v>22</v>
      </c>
      <c r="E49" s="67">
        <v>3</v>
      </c>
      <c r="F49" s="68">
        <v>2</v>
      </c>
      <c r="G49" s="69">
        <v>1</v>
      </c>
      <c r="H49" s="67">
        <v>486</v>
      </c>
      <c r="I49" s="68">
        <v>256</v>
      </c>
      <c r="J49" s="69">
        <v>230</v>
      </c>
      <c r="K49" s="67">
        <v>456</v>
      </c>
      <c r="L49" s="68">
        <v>249</v>
      </c>
      <c r="M49" s="69">
        <v>207</v>
      </c>
    </row>
    <row r="50" spans="1:13">
      <c r="A50" s="15" t="s">
        <v>90</v>
      </c>
      <c r="B50" s="67">
        <v>60</v>
      </c>
      <c r="C50" s="68">
        <v>9</v>
      </c>
      <c r="D50" s="69">
        <v>51</v>
      </c>
      <c r="E50" s="67">
        <v>1</v>
      </c>
      <c r="F50" s="68">
        <v>1</v>
      </c>
      <c r="G50" s="69">
        <v>0</v>
      </c>
      <c r="H50" s="67">
        <v>480</v>
      </c>
      <c r="I50" s="68">
        <v>246</v>
      </c>
      <c r="J50" s="69">
        <v>234</v>
      </c>
      <c r="K50" s="67">
        <v>419</v>
      </c>
      <c r="L50" s="68">
        <v>236</v>
      </c>
      <c r="M50" s="69">
        <v>183</v>
      </c>
    </row>
    <row r="51" spans="1:13">
      <c r="A51" s="15" t="s">
        <v>92</v>
      </c>
      <c r="B51" s="67">
        <v>118</v>
      </c>
      <c r="C51" s="68">
        <v>48</v>
      </c>
      <c r="D51" s="69">
        <v>70</v>
      </c>
      <c r="E51" s="67">
        <v>5</v>
      </c>
      <c r="F51" s="68">
        <v>5</v>
      </c>
      <c r="G51" s="69">
        <v>0</v>
      </c>
      <c r="H51" s="67">
        <v>493</v>
      </c>
      <c r="I51" s="68">
        <v>243</v>
      </c>
      <c r="J51" s="69">
        <v>250</v>
      </c>
      <c r="K51" s="67">
        <v>370</v>
      </c>
      <c r="L51" s="68">
        <v>190</v>
      </c>
      <c r="M51" s="69">
        <v>180</v>
      </c>
    </row>
    <row r="52" spans="1:13">
      <c r="A52" s="15" t="s">
        <v>94</v>
      </c>
      <c r="B52" s="67">
        <v>85</v>
      </c>
      <c r="C52" s="68">
        <v>24</v>
      </c>
      <c r="D52" s="69">
        <v>61</v>
      </c>
      <c r="E52" s="67">
        <v>5</v>
      </c>
      <c r="F52" s="68">
        <v>3</v>
      </c>
      <c r="G52" s="69">
        <v>2</v>
      </c>
      <c r="H52" s="67">
        <v>433</v>
      </c>
      <c r="I52" s="68">
        <v>226</v>
      </c>
      <c r="J52" s="69">
        <v>207</v>
      </c>
      <c r="K52" s="67">
        <v>343</v>
      </c>
      <c r="L52" s="68">
        <v>199</v>
      </c>
      <c r="M52" s="69">
        <v>144</v>
      </c>
    </row>
    <row r="53" spans="1:13">
      <c r="A53" s="15" t="s">
        <v>96</v>
      </c>
      <c r="B53" s="67">
        <v>62</v>
      </c>
      <c r="C53" s="68">
        <v>41</v>
      </c>
      <c r="D53" s="69">
        <v>21</v>
      </c>
      <c r="E53" s="67">
        <v>5</v>
      </c>
      <c r="F53" s="68">
        <v>4</v>
      </c>
      <c r="G53" s="69">
        <v>1</v>
      </c>
      <c r="H53" s="67">
        <v>408</v>
      </c>
      <c r="I53" s="68">
        <v>222</v>
      </c>
      <c r="J53" s="69">
        <v>186</v>
      </c>
      <c r="K53" s="67">
        <v>341</v>
      </c>
      <c r="L53" s="68">
        <v>177</v>
      </c>
      <c r="M53" s="69">
        <v>164</v>
      </c>
    </row>
    <row r="54" spans="1:13" ht="21" customHeight="1">
      <c r="A54" s="36" t="s">
        <v>98</v>
      </c>
      <c r="B54" s="64">
        <v>134</v>
      </c>
      <c r="C54" s="65">
        <v>23</v>
      </c>
      <c r="D54" s="66">
        <v>111</v>
      </c>
      <c r="E54" s="65">
        <v>43</v>
      </c>
      <c r="F54" s="65">
        <v>27</v>
      </c>
      <c r="G54" s="66">
        <v>16</v>
      </c>
      <c r="H54" s="65">
        <v>1752</v>
      </c>
      <c r="I54" s="65">
        <v>941</v>
      </c>
      <c r="J54" s="66">
        <v>811</v>
      </c>
      <c r="K54" s="65">
        <v>1575</v>
      </c>
      <c r="L54" s="65">
        <v>891</v>
      </c>
      <c r="M54" s="66">
        <v>684</v>
      </c>
    </row>
    <row r="55" spans="1:13">
      <c r="A55" s="15" t="s">
        <v>100</v>
      </c>
      <c r="B55" s="67">
        <v>72</v>
      </c>
      <c r="C55" s="68">
        <v>17</v>
      </c>
      <c r="D55" s="69">
        <v>55</v>
      </c>
      <c r="E55" s="67">
        <v>4</v>
      </c>
      <c r="F55" s="68">
        <v>4</v>
      </c>
      <c r="G55" s="69">
        <v>0</v>
      </c>
      <c r="H55" s="67">
        <v>388</v>
      </c>
      <c r="I55" s="68">
        <v>190</v>
      </c>
      <c r="J55" s="69">
        <v>198</v>
      </c>
      <c r="K55" s="67">
        <v>312</v>
      </c>
      <c r="L55" s="68">
        <v>169</v>
      </c>
      <c r="M55" s="69">
        <v>143</v>
      </c>
    </row>
    <row r="56" spans="1:13">
      <c r="A56" s="15" t="s">
        <v>102</v>
      </c>
      <c r="B56" s="67">
        <v>40</v>
      </c>
      <c r="C56" s="68">
        <v>22</v>
      </c>
      <c r="D56" s="69">
        <v>18</v>
      </c>
      <c r="E56" s="67">
        <v>5</v>
      </c>
      <c r="F56" s="68">
        <v>3</v>
      </c>
      <c r="G56" s="69">
        <v>2</v>
      </c>
      <c r="H56" s="67">
        <v>365</v>
      </c>
      <c r="I56" s="68">
        <v>199</v>
      </c>
      <c r="J56" s="69">
        <v>166</v>
      </c>
      <c r="K56" s="67">
        <v>320</v>
      </c>
      <c r="L56" s="68">
        <v>174</v>
      </c>
      <c r="M56" s="69">
        <v>146</v>
      </c>
    </row>
    <row r="57" spans="1:13">
      <c r="A57" s="15" t="s">
        <v>104</v>
      </c>
      <c r="B57" s="67">
        <v>3</v>
      </c>
      <c r="C57" s="68">
        <v>8</v>
      </c>
      <c r="D57" s="69">
        <v>-5</v>
      </c>
      <c r="E57" s="67">
        <v>9</v>
      </c>
      <c r="F57" s="68">
        <v>4</v>
      </c>
      <c r="G57" s="69">
        <v>5</v>
      </c>
      <c r="H57" s="67">
        <v>333</v>
      </c>
      <c r="I57" s="68">
        <v>186</v>
      </c>
      <c r="J57" s="69">
        <v>147</v>
      </c>
      <c r="K57" s="67">
        <v>321</v>
      </c>
      <c r="L57" s="68">
        <v>174</v>
      </c>
      <c r="M57" s="69">
        <v>147</v>
      </c>
    </row>
    <row r="58" spans="1:13">
      <c r="A58" s="15" t="s">
        <v>106</v>
      </c>
      <c r="B58" s="67">
        <v>37</v>
      </c>
      <c r="C58" s="68">
        <v>9</v>
      </c>
      <c r="D58" s="69">
        <v>28</v>
      </c>
      <c r="E58" s="67">
        <v>10</v>
      </c>
      <c r="F58" s="68">
        <v>7</v>
      </c>
      <c r="G58" s="69">
        <v>3</v>
      </c>
      <c r="H58" s="67">
        <v>340</v>
      </c>
      <c r="I58" s="68">
        <v>183</v>
      </c>
      <c r="J58" s="69">
        <v>157</v>
      </c>
      <c r="K58" s="67">
        <v>293</v>
      </c>
      <c r="L58" s="68">
        <v>167</v>
      </c>
      <c r="M58" s="69">
        <v>126</v>
      </c>
    </row>
    <row r="59" spans="1:13">
      <c r="A59" s="15" t="s">
        <v>108</v>
      </c>
      <c r="B59" s="67">
        <v>-18</v>
      </c>
      <c r="C59" s="68">
        <v>-33</v>
      </c>
      <c r="D59" s="69">
        <v>15</v>
      </c>
      <c r="E59" s="67">
        <v>15</v>
      </c>
      <c r="F59" s="68">
        <v>9</v>
      </c>
      <c r="G59" s="69">
        <v>6</v>
      </c>
      <c r="H59" s="67">
        <v>326</v>
      </c>
      <c r="I59" s="68">
        <v>183</v>
      </c>
      <c r="J59" s="69">
        <v>143</v>
      </c>
      <c r="K59" s="67">
        <v>329</v>
      </c>
      <c r="L59" s="68">
        <v>207</v>
      </c>
      <c r="M59" s="69">
        <v>122</v>
      </c>
    </row>
    <row r="60" spans="1:13" ht="21" customHeight="1">
      <c r="A60" s="36" t="s">
        <v>110</v>
      </c>
      <c r="B60" s="64">
        <v>150</v>
      </c>
      <c r="C60" s="65">
        <v>108</v>
      </c>
      <c r="D60" s="66">
        <v>42</v>
      </c>
      <c r="E60" s="65">
        <v>74</v>
      </c>
      <c r="F60" s="65">
        <v>51</v>
      </c>
      <c r="G60" s="66">
        <v>23</v>
      </c>
      <c r="H60" s="65">
        <v>1505</v>
      </c>
      <c r="I60" s="65">
        <v>857</v>
      </c>
      <c r="J60" s="66">
        <v>648</v>
      </c>
      <c r="K60" s="65">
        <v>1281</v>
      </c>
      <c r="L60" s="65">
        <v>698</v>
      </c>
      <c r="M60" s="66">
        <v>583</v>
      </c>
    </row>
    <row r="61" spans="1:13">
      <c r="A61" s="15" t="s">
        <v>112</v>
      </c>
      <c r="B61" s="67">
        <v>67</v>
      </c>
      <c r="C61" s="68">
        <v>35</v>
      </c>
      <c r="D61" s="69">
        <v>32</v>
      </c>
      <c r="E61" s="67">
        <v>6</v>
      </c>
      <c r="F61" s="68">
        <v>5</v>
      </c>
      <c r="G61" s="69">
        <v>1</v>
      </c>
      <c r="H61" s="67">
        <v>338</v>
      </c>
      <c r="I61" s="68">
        <v>199</v>
      </c>
      <c r="J61" s="69">
        <v>139</v>
      </c>
      <c r="K61" s="67">
        <v>265</v>
      </c>
      <c r="L61" s="68">
        <v>159</v>
      </c>
      <c r="M61" s="69">
        <v>106</v>
      </c>
    </row>
    <row r="62" spans="1:13">
      <c r="A62" s="15" t="s">
        <v>114</v>
      </c>
      <c r="B62" s="67">
        <v>33</v>
      </c>
      <c r="C62" s="68">
        <v>32</v>
      </c>
      <c r="D62" s="69">
        <v>1</v>
      </c>
      <c r="E62" s="67">
        <v>14</v>
      </c>
      <c r="F62" s="68">
        <v>8</v>
      </c>
      <c r="G62" s="69">
        <v>6</v>
      </c>
      <c r="H62" s="67">
        <v>295</v>
      </c>
      <c r="I62" s="68">
        <v>173</v>
      </c>
      <c r="J62" s="69">
        <v>122</v>
      </c>
      <c r="K62" s="67">
        <v>248</v>
      </c>
      <c r="L62" s="68">
        <v>133</v>
      </c>
      <c r="M62" s="69">
        <v>115</v>
      </c>
    </row>
    <row r="63" spans="1:13">
      <c r="A63" s="15" t="s">
        <v>116</v>
      </c>
      <c r="B63" s="67">
        <v>-9</v>
      </c>
      <c r="C63" s="68">
        <v>-15</v>
      </c>
      <c r="D63" s="69">
        <v>6</v>
      </c>
      <c r="E63" s="67">
        <v>19</v>
      </c>
      <c r="F63" s="68">
        <v>14</v>
      </c>
      <c r="G63" s="69">
        <v>5</v>
      </c>
      <c r="H63" s="67">
        <v>282</v>
      </c>
      <c r="I63" s="68">
        <v>147</v>
      </c>
      <c r="J63" s="69">
        <v>135</v>
      </c>
      <c r="K63" s="67">
        <v>272</v>
      </c>
      <c r="L63" s="68">
        <v>148</v>
      </c>
      <c r="M63" s="69">
        <v>124</v>
      </c>
    </row>
    <row r="64" spans="1:13">
      <c r="A64" s="15" t="s">
        <v>118</v>
      </c>
      <c r="B64" s="67">
        <v>-2</v>
      </c>
      <c r="C64" s="68">
        <v>3</v>
      </c>
      <c r="D64" s="69">
        <v>-5</v>
      </c>
      <c r="E64" s="67">
        <v>19</v>
      </c>
      <c r="F64" s="68">
        <v>12</v>
      </c>
      <c r="G64" s="69">
        <v>7</v>
      </c>
      <c r="H64" s="67">
        <v>276</v>
      </c>
      <c r="I64" s="68">
        <v>150</v>
      </c>
      <c r="J64" s="69">
        <v>126</v>
      </c>
      <c r="K64" s="67">
        <v>259</v>
      </c>
      <c r="L64" s="68">
        <v>135</v>
      </c>
      <c r="M64" s="69">
        <v>124</v>
      </c>
    </row>
    <row r="65" spans="1:13">
      <c r="A65" s="19" t="s">
        <v>120</v>
      </c>
      <c r="B65" s="70">
        <v>61</v>
      </c>
      <c r="C65" s="71">
        <v>53</v>
      </c>
      <c r="D65" s="72">
        <v>8</v>
      </c>
      <c r="E65" s="70">
        <v>16</v>
      </c>
      <c r="F65" s="71">
        <v>12</v>
      </c>
      <c r="G65" s="72">
        <v>4</v>
      </c>
      <c r="H65" s="70">
        <v>314</v>
      </c>
      <c r="I65" s="71">
        <v>188</v>
      </c>
      <c r="J65" s="72">
        <v>126</v>
      </c>
      <c r="K65" s="70">
        <v>237</v>
      </c>
      <c r="L65" s="71">
        <v>123</v>
      </c>
      <c r="M65" s="72">
        <v>114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73">
        <v>3329</v>
      </c>
      <c r="C69" s="41">
        <v>1670</v>
      </c>
      <c r="D69" s="74">
        <v>1659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81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2</v>
      </c>
      <c r="D73" s="9" t="s">
        <v>134</v>
      </c>
      <c r="E73" s="9" t="s">
        <v>136</v>
      </c>
      <c r="F73" s="9" t="s">
        <v>132</v>
      </c>
      <c r="G73" s="9" t="s">
        <v>134</v>
      </c>
      <c r="H73" s="9" t="s">
        <v>131</v>
      </c>
      <c r="I73" s="9" t="s">
        <v>132</v>
      </c>
      <c r="J73" s="9" t="s">
        <v>134</v>
      </c>
      <c r="K73" s="9" t="s">
        <v>131</v>
      </c>
      <c r="L73" s="9" t="s">
        <v>132</v>
      </c>
      <c r="M73" s="11" t="s">
        <v>134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-8</v>
      </c>
      <c r="C75" s="65">
        <v>-45</v>
      </c>
      <c r="D75" s="66">
        <v>37</v>
      </c>
      <c r="E75" s="65">
        <v>133</v>
      </c>
      <c r="F75" s="65">
        <v>81</v>
      </c>
      <c r="G75" s="66">
        <v>52</v>
      </c>
      <c r="H75" s="65">
        <v>1323</v>
      </c>
      <c r="I75" s="65">
        <v>735</v>
      </c>
      <c r="J75" s="66">
        <v>588</v>
      </c>
      <c r="K75" s="65">
        <v>1198</v>
      </c>
      <c r="L75" s="65">
        <v>699</v>
      </c>
      <c r="M75" s="66">
        <v>499</v>
      </c>
    </row>
    <row r="76" spans="1:13">
      <c r="A76" s="27" t="s">
        <v>5</v>
      </c>
      <c r="B76" s="67">
        <v>-3</v>
      </c>
      <c r="C76" s="68">
        <v>-1</v>
      </c>
      <c r="D76" s="69">
        <v>-2</v>
      </c>
      <c r="E76" s="67">
        <v>19</v>
      </c>
      <c r="F76" s="68">
        <v>13</v>
      </c>
      <c r="G76" s="69">
        <v>6</v>
      </c>
      <c r="H76" s="67">
        <v>286</v>
      </c>
      <c r="I76" s="68">
        <v>157</v>
      </c>
      <c r="J76" s="69">
        <v>129</v>
      </c>
      <c r="K76" s="67">
        <v>270</v>
      </c>
      <c r="L76" s="68">
        <v>145</v>
      </c>
      <c r="M76" s="69">
        <v>125</v>
      </c>
    </row>
    <row r="77" spans="1:13">
      <c r="A77" s="27" t="s">
        <v>7</v>
      </c>
      <c r="B77" s="67">
        <v>-14</v>
      </c>
      <c r="C77" s="68">
        <v>-8</v>
      </c>
      <c r="D77" s="69">
        <v>-6</v>
      </c>
      <c r="E77" s="67">
        <v>28</v>
      </c>
      <c r="F77" s="68">
        <v>15</v>
      </c>
      <c r="G77" s="69">
        <v>13</v>
      </c>
      <c r="H77" s="67">
        <v>267</v>
      </c>
      <c r="I77" s="68">
        <v>153</v>
      </c>
      <c r="J77" s="69">
        <v>114</v>
      </c>
      <c r="K77" s="67">
        <v>253</v>
      </c>
      <c r="L77" s="68">
        <v>146</v>
      </c>
      <c r="M77" s="69">
        <v>107</v>
      </c>
    </row>
    <row r="78" spans="1:13">
      <c r="A78" s="27" t="s">
        <v>9</v>
      </c>
      <c r="B78" s="67">
        <v>12</v>
      </c>
      <c r="C78" s="68">
        <v>-4</v>
      </c>
      <c r="D78" s="69">
        <v>16</v>
      </c>
      <c r="E78" s="67">
        <v>26</v>
      </c>
      <c r="F78" s="68">
        <v>13</v>
      </c>
      <c r="G78" s="69">
        <v>13</v>
      </c>
      <c r="H78" s="67">
        <v>266</v>
      </c>
      <c r="I78" s="68">
        <v>142</v>
      </c>
      <c r="J78" s="69">
        <v>124</v>
      </c>
      <c r="K78" s="67">
        <v>228</v>
      </c>
      <c r="L78" s="68">
        <v>133</v>
      </c>
      <c r="M78" s="69">
        <v>95</v>
      </c>
    </row>
    <row r="79" spans="1:13">
      <c r="A79" s="27" t="s">
        <v>11</v>
      </c>
      <c r="B79" s="67">
        <v>-5</v>
      </c>
      <c r="C79" s="68">
        <v>-27</v>
      </c>
      <c r="D79" s="69">
        <v>22</v>
      </c>
      <c r="E79" s="67">
        <v>29</v>
      </c>
      <c r="F79" s="68">
        <v>20</v>
      </c>
      <c r="G79" s="69">
        <v>9</v>
      </c>
      <c r="H79" s="67">
        <v>268</v>
      </c>
      <c r="I79" s="68">
        <v>149</v>
      </c>
      <c r="J79" s="69">
        <v>119</v>
      </c>
      <c r="K79" s="67">
        <v>244</v>
      </c>
      <c r="L79" s="68">
        <v>156</v>
      </c>
      <c r="M79" s="69">
        <v>88</v>
      </c>
    </row>
    <row r="80" spans="1:13">
      <c r="A80" s="27" t="s">
        <v>13</v>
      </c>
      <c r="B80" s="67">
        <v>2</v>
      </c>
      <c r="C80" s="68">
        <v>-5</v>
      </c>
      <c r="D80" s="69">
        <v>7</v>
      </c>
      <c r="E80" s="67">
        <v>31</v>
      </c>
      <c r="F80" s="68">
        <v>20</v>
      </c>
      <c r="G80" s="69">
        <v>11</v>
      </c>
      <c r="H80" s="67">
        <v>236</v>
      </c>
      <c r="I80" s="68">
        <v>134</v>
      </c>
      <c r="J80" s="69">
        <v>102</v>
      </c>
      <c r="K80" s="67">
        <v>203</v>
      </c>
      <c r="L80" s="68">
        <v>119</v>
      </c>
      <c r="M80" s="69">
        <v>84</v>
      </c>
    </row>
    <row r="81" spans="1:13" ht="21" customHeight="1">
      <c r="A81" s="38" t="s">
        <v>15</v>
      </c>
      <c r="B81" s="64">
        <v>-47</v>
      </c>
      <c r="C81" s="65">
        <v>-54</v>
      </c>
      <c r="D81" s="66">
        <v>7</v>
      </c>
      <c r="E81" s="65">
        <v>160</v>
      </c>
      <c r="F81" s="65">
        <v>105</v>
      </c>
      <c r="G81" s="66">
        <v>55</v>
      </c>
      <c r="H81" s="65">
        <v>996</v>
      </c>
      <c r="I81" s="65">
        <v>541</v>
      </c>
      <c r="J81" s="66">
        <v>455</v>
      </c>
      <c r="K81" s="65">
        <v>883</v>
      </c>
      <c r="L81" s="65">
        <v>490</v>
      </c>
      <c r="M81" s="66">
        <v>393</v>
      </c>
    </row>
    <row r="82" spans="1:13">
      <c r="A82" s="27" t="s">
        <v>17</v>
      </c>
      <c r="B82" s="67">
        <v>-24</v>
      </c>
      <c r="C82" s="68">
        <v>-19</v>
      </c>
      <c r="D82" s="69">
        <v>-5</v>
      </c>
      <c r="E82" s="67">
        <v>31</v>
      </c>
      <c r="F82" s="68">
        <v>19</v>
      </c>
      <c r="G82" s="69">
        <v>12</v>
      </c>
      <c r="H82" s="67">
        <v>233</v>
      </c>
      <c r="I82" s="68">
        <v>132</v>
      </c>
      <c r="J82" s="69">
        <v>101</v>
      </c>
      <c r="K82" s="67">
        <v>226</v>
      </c>
      <c r="L82" s="68">
        <v>132</v>
      </c>
      <c r="M82" s="69">
        <v>94</v>
      </c>
    </row>
    <row r="83" spans="1:13">
      <c r="A83" s="27" t="s">
        <v>19</v>
      </c>
      <c r="B83" s="67">
        <v>24</v>
      </c>
      <c r="C83" s="68">
        <v>-9</v>
      </c>
      <c r="D83" s="69">
        <v>33</v>
      </c>
      <c r="E83" s="67">
        <v>38</v>
      </c>
      <c r="F83" s="68">
        <v>28</v>
      </c>
      <c r="G83" s="69">
        <v>10</v>
      </c>
      <c r="H83" s="67">
        <v>227</v>
      </c>
      <c r="I83" s="68">
        <v>119</v>
      </c>
      <c r="J83" s="69">
        <v>108</v>
      </c>
      <c r="K83" s="67">
        <v>165</v>
      </c>
      <c r="L83" s="68">
        <v>100</v>
      </c>
      <c r="M83" s="69">
        <v>65</v>
      </c>
    </row>
    <row r="84" spans="1:13">
      <c r="A84" s="27" t="s">
        <v>21</v>
      </c>
      <c r="B84" s="67">
        <v>-15</v>
      </c>
      <c r="C84" s="68">
        <v>-6</v>
      </c>
      <c r="D84" s="69">
        <v>-9</v>
      </c>
      <c r="E84" s="67">
        <v>27</v>
      </c>
      <c r="F84" s="68">
        <v>16</v>
      </c>
      <c r="G84" s="69">
        <v>11</v>
      </c>
      <c r="H84" s="67">
        <v>203</v>
      </c>
      <c r="I84" s="68">
        <v>109</v>
      </c>
      <c r="J84" s="69">
        <v>94</v>
      </c>
      <c r="K84" s="67">
        <v>191</v>
      </c>
      <c r="L84" s="68">
        <v>99</v>
      </c>
      <c r="M84" s="69">
        <v>92</v>
      </c>
    </row>
    <row r="85" spans="1:13">
      <c r="A85" s="27" t="s">
        <v>23</v>
      </c>
      <c r="B85" s="67">
        <v>-7</v>
      </c>
      <c r="C85" s="68">
        <v>0</v>
      </c>
      <c r="D85" s="69">
        <v>-7</v>
      </c>
      <c r="E85" s="67">
        <v>27</v>
      </c>
      <c r="F85" s="68">
        <v>18</v>
      </c>
      <c r="G85" s="69">
        <v>9</v>
      </c>
      <c r="H85" s="67">
        <v>167</v>
      </c>
      <c r="I85" s="68">
        <v>93</v>
      </c>
      <c r="J85" s="69">
        <v>74</v>
      </c>
      <c r="K85" s="67">
        <v>147</v>
      </c>
      <c r="L85" s="68">
        <v>75</v>
      </c>
      <c r="M85" s="69">
        <v>72</v>
      </c>
    </row>
    <row r="86" spans="1:13">
      <c r="A86" s="27" t="s">
        <v>25</v>
      </c>
      <c r="B86" s="67">
        <v>-25</v>
      </c>
      <c r="C86" s="68">
        <v>-20</v>
      </c>
      <c r="D86" s="69">
        <v>-5</v>
      </c>
      <c r="E86" s="67">
        <v>37</v>
      </c>
      <c r="F86" s="68">
        <v>24</v>
      </c>
      <c r="G86" s="69">
        <v>13</v>
      </c>
      <c r="H86" s="67">
        <v>166</v>
      </c>
      <c r="I86" s="68">
        <v>88</v>
      </c>
      <c r="J86" s="69">
        <v>78</v>
      </c>
      <c r="K86" s="67">
        <v>154</v>
      </c>
      <c r="L86" s="68">
        <v>84</v>
      </c>
      <c r="M86" s="69">
        <v>70</v>
      </c>
    </row>
    <row r="87" spans="1:13" ht="21" customHeight="1">
      <c r="A87" s="38" t="s">
        <v>27</v>
      </c>
      <c r="B87" s="64">
        <v>-70</v>
      </c>
      <c r="C87" s="65">
        <v>-30</v>
      </c>
      <c r="D87" s="66">
        <v>-40</v>
      </c>
      <c r="E87" s="65">
        <v>219</v>
      </c>
      <c r="F87" s="65">
        <v>136</v>
      </c>
      <c r="G87" s="66">
        <v>83</v>
      </c>
      <c r="H87" s="65">
        <v>704</v>
      </c>
      <c r="I87" s="65">
        <v>417</v>
      </c>
      <c r="J87" s="66">
        <v>287</v>
      </c>
      <c r="K87" s="65">
        <v>555</v>
      </c>
      <c r="L87" s="65">
        <v>311</v>
      </c>
      <c r="M87" s="66">
        <v>244</v>
      </c>
    </row>
    <row r="88" spans="1:13">
      <c r="A88" s="27" t="s">
        <v>29</v>
      </c>
      <c r="B88" s="67">
        <v>15</v>
      </c>
      <c r="C88" s="68">
        <v>14</v>
      </c>
      <c r="D88" s="69">
        <v>1</v>
      </c>
      <c r="E88" s="67">
        <v>55</v>
      </c>
      <c r="F88" s="68">
        <v>34</v>
      </c>
      <c r="G88" s="69">
        <v>21</v>
      </c>
      <c r="H88" s="67">
        <v>209</v>
      </c>
      <c r="I88" s="68">
        <v>133</v>
      </c>
      <c r="J88" s="69">
        <v>76</v>
      </c>
      <c r="K88" s="67">
        <v>139</v>
      </c>
      <c r="L88" s="68">
        <v>85</v>
      </c>
      <c r="M88" s="69">
        <v>54</v>
      </c>
    </row>
    <row r="89" spans="1:13">
      <c r="A89" s="27" t="s">
        <v>31</v>
      </c>
      <c r="B89" s="67">
        <v>-32</v>
      </c>
      <c r="C89" s="68">
        <v>-24</v>
      </c>
      <c r="D89" s="69">
        <v>-8</v>
      </c>
      <c r="E89" s="67">
        <v>41</v>
      </c>
      <c r="F89" s="68">
        <v>22</v>
      </c>
      <c r="G89" s="69">
        <v>19</v>
      </c>
      <c r="H89" s="67">
        <v>130</v>
      </c>
      <c r="I89" s="68">
        <v>70</v>
      </c>
      <c r="J89" s="69">
        <v>60</v>
      </c>
      <c r="K89" s="67">
        <v>121</v>
      </c>
      <c r="L89" s="68">
        <v>72</v>
      </c>
      <c r="M89" s="69">
        <v>49</v>
      </c>
    </row>
    <row r="90" spans="1:13">
      <c r="A90" s="27" t="s">
        <v>33</v>
      </c>
      <c r="B90" s="67">
        <v>-23</v>
      </c>
      <c r="C90" s="68">
        <v>-12</v>
      </c>
      <c r="D90" s="69">
        <v>-11</v>
      </c>
      <c r="E90" s="67">
        <v>36</v>
      </c>
      <c r="F90" s="68">
        <v>22</v>
      </c>
      <c r="G90" s="69">
        <v>14</v>
      </c>
      <c r="H90" s="67">
        <v>124</v>
      </c>
      <c r="I90" s="68">
        <v>68</v>
      </c>
      <c r="J90" s="69">
        <v>56</v>
      </c>
      <c r="K90" s="67">
        <v>111</v>
      </c>
      <c r="L90" s="68">
        <v>58</v>
      </c>
      <c r="M90" s="69">
        <v>53</v>
      </c>
    </row>
    <row r="91" spans="1:13">
      <c r="A91" s="27" t="s">
        <v>35</v>
      </c>
      <c r="B91" s="67">
        <v>-23</v>
      </c>
      <c r="C91" s="68">
        <v>-10</v>
      </c>
      <c r="D91" s="69">
        <v>-13</v>
      </c>
      <c r="E91" s="67">
        <v>40</v>
      </c>
      <c r="F91" s="68">
        <v>26</v>
      </c>
      <c r="G91" s="69">
        <v>14</v>
      </c>
      <c r="H91" s="67">
        <v>120</v>
      </c>
      <c r="I91" s="68">
        <v>71</v>
      </c>
      <c r="J91" s="69">
        <v>49</v>
      </c>
      <c r="K91" s="67">
        <v>103</v>
      </c>
      <c r="L91" s="68">
        <v>55</v>
      </c>
      <c r="M91" s="69">
        <v>48</v>
      </c>
    </row>
    <row r="92" spans="1:13">
      <c r="A92" s="27" t="s">
        <v>37</v>
      </c>
      <c r="B92" s="67">
        <v>-7</v>
      </c>
      <c r="C92" s="68">
        <v>2</v>
      </c>
      <c r="D92" s="69">
        <v>-9</v>
      </c>
      <c r="E92" s="67">
        <v>47</v>
      </c>
      <c r="F92" s="68">
        <v>32</v>
      </c>
      <c r="G92" s="69">
        <v>15</v>
      </c>
      <c r="H92" s="67">
        <v>121</v>
      </c>
      <c r="I92" s="68">
        <v>75</v>
      </c>
      <c r="J92" s="69">
        <v>46</v>
      </c>
      <c r="K92" s="67">
        <v>81</v>
      </c>
      <c r="L92" s="68">
        <v>41</v>
      </c>
      <c r="M92" s="69">
        <v>40</v>
      </c>
    </row>
    <row r="93" spans="1:13" ht="21" customHeight="1">
      <c r="A93" s="38" t="s">
        <v>39</v>
      </c>
      <c r="B93" s="64">
        <v>-334</v>
      </c>
      <c r="C93" s="65">
        <v>-218</v>
      </c>
      <c r="D93" s="66">
        <v>-116</v>
      </c>
      <c r="E93" s="65">
        <v>351</v>
      </c>
      <c r="F93" s="65">
        <v>240</v>
      </c>
      <c r="G93" s="66">
        <v>111</v>
      </c>
      <c r="H93" s="65">
        <v>447</v>
      </c>
      <c r="I93" s="65">
        <v>246</v>
      </c>
      <c r="J93" s="66">
        <v>201</v>
      </c>
      <c r="K93" s="65">
        <v>430</v>
      </c>
      <c r="L93" s="65">
        <v>224</v>
      </c>
      <c r="M93" s="66">
        <v>206</v>
      </c>
    </row>
    <row r="94" spans="1:13">
      <c r="A94" s="27" t="s">
        <v>41</v>
      </c>
      <c r="B94" s="67">
        <v>-50</v>
      </c>
      <c r="C94" s="68">
        <v>-35</v>
      </c>
      <c r="D94" s="69">
        <v>-15</v>
      </c>
      <c r="E94" s="67">
        <v>62</v>
      </c>
      <c r="F94" s="68">
        <v>44</v>
      </c>
      <c r="G94" s="69">
        <v>18</v>
      </c>
      <c r="H94" s="67">
        <v>110</v>
      </c>
      <c r="I94" s="68">
        <v>67</v>
      </c>
      <c r="J94" s="69">
        <v>43</v>
      </c>
      <c r="K94" s="67">
        <v>98</v>
      </c>
      <c r="L94" s="68">
        <v>58</v>
      </c>
      <c r="M94" s="69">
        <v>40</v>
      </c>
    </row>
    <row r="95" spans="1:13">
      <c r="A95" s="27" t="s">
        <v>43</v>
      </c>
      <c r="B95" s="67">
        <v>-60</v>
      </c>
      <c r="C95" s="68">
        <v>-46</v>
      </c>
      <c r="D95" s="69">
        <v>-14</v>
      </c>
      <c r="E95" s="67">
        <v>65</v>
      </c>
      <c r="F95" s="68">
        <v>48</v>
      </c>
      <c r="G95" s="69">
        <v>17</v>
      </c>
      <c r="H95" s="67">
        <v>89</v>
      </c>
      <c r="I95" s="68">
        <v>45</v>
      </c>
      <c r="J95" s="69">
        <v>44</v>
      </c>
      <c r="K95" s="67">
        <v>84</v>
      </c>
      <c r="L95" s="68">
        <v>43</v>
      </c>
      <c r="M95" s="69">
        <v>41</v>
      </c>
    </row>
    <row r="96" spans="1:13">
      <c r="A96" s="27" t="s">
        <v>45</v>
      </c>
      <c r="B96" s="67">
        <v>-70</v>
      </c>
      <c r="C96" s="68">
        <v>-44</v>
      </c>
      <c r="D96" s="69">
        <v>-26</v>
      </c>
      <c r="E96" s="67">
        <v>68</v>
      </c>
      <c r="F96" s="68">
        <v>43</v>
      </c>
      <c r="G96" s="69">
        <v>25</v>
      </c>
      <c r="H96" s="67">
        <v>78</v>
      </c>
      <c r="I96" s="68">
        <v>40</v>
      </c>
      <c r="J96" s="69">
        <v>38</v>
      </c>
      <c r="K96" s="67">
        <v>80</v>
      </c>
      <c r="L96" s="68">
        <v>41</v>
      </c>
      <c r="M96" s="69">
        <v>39</v>
      </c>
    </row>
    <row r="97" spans="1:13">
      <c r="A97" s="27" t="s">
        <v>47</v>
      </c>
      <c r="B97" s="67">
        <v>-70</v>
      </c>
      <c r="C97" s="68">
        <v>-43</v>
      </c>
      <c r="D97" s="69">
        <v>-27</v>
      </c>
      <c r="E97" s="67">
        <v>72</v>
      </c>
      <c r="F97" s="68">
        <v>44</v>
      </c>
      <c r="G97" s="69">
        <v>28</v>
      </c>
      <c r="H97" s="67">
        <v>86</v>
      </c>
      <c r="I97" s="68">
        <v>46</v>
      </c>
      <c r="J97" s="69">
        <v>40</v>
      </c>
      <c r="K97" s="67">
        <v>84</v>
      </c>
      <c r="L97" s="68">
        <v>45</v>
      </c>
      <c r="M97" s="69">
        <v>39</v>
      </c>
    </row>
    <row r="98" spans="1:13">
      <c r="A98" s="27" t="s">
        <v>49</v>
      </c>
      <c r="B98" s="67">
        <v>-84</v>
      </c>
      <c r="C98" s="68">
        <v>-50</v>
      </c>
      <c r="D98" s="69">
        <v>-34</v>
      </c>
      <c r="E98" s="67">
        <v>84</v>
      </c>
      <c r="F98" s="68">
        <v>61</v>
      </c>
      <c r="G98" s="69">
        <v>23</v>
      </c>
      <c r="H98" s="67">
        <v>84</v>
      </c>
      <c r="I98" s="68">
        <v>48</v>
      </c>
      <c r="J98" s="69">
        <v>36</v>
      </c>
      <c r="K98" s="67">
        <v>84</v>
      </c>
      <c r="L98" s="68">
        <v>37</v>
      </c>
      <c r="M98" s="69">
        <v>47</v>
      </c>
    </row>
    <row r="99" spans="1:13" ht="21" customHeight="1">
      <c r="A99" s="38" t="s">
        <v>51</v>
      </c>
      <c r="B99" s="64">
        <v>-776</v>
      </c>
      <c r="C99" s="65">
        <v>-517</v>
      </c>
      <c r="D99" s="66">
        <v>-259</v>
      </c>
      <c r="E99" s="65">
        <v>747</v>
      </c>
      <c r="F99" s="65">
        <v>517</v>
      </c>
      <c r="G99" s="66">
        <v>230</v>
      </c>
      <c r="H99" s="65">
        <v>426</v>
      </c>
      <c r="I99" s="65">
        <v>214</v>
      </c>
      <c r="J99" s="66">
        <v>212</v>
      </c>
      <c r="K99" s="65">
        <v>455</v>
      </c>
      <c r="L99" s="65">
        <v>214</v>
      </c>
      <c r="M99" s="66">
        <v>241</v>
      </c>
    </row>
    <row r="100" spans="1:13">
      <c r="A100" s="27" t="s">
        <v>53</v>
      </c>
      <c r="B100" s="67">
        <v>-119</v>
      </c>
      <c r="C100" s="68">
        <v>-87</v>
      </c>
      <c r="D100" s="69">
        <v>-32</v>
      </c>
      <c r="E100" s="67">
        <v>113</v>
      </c>
      <c r="F100" s="68">
        <v>86</v>
      </c>
      <c r="G100" s="69">
        <v>27</v>
      </c>
      <c r="H100" s="67">
        <v>73</v>
      </c>
      <c r="I100" s="68">
        <v>41</v>
      </c>
      <c r="J100" s="69">
        <v>32</v>
      </c>
      <c r="K100" s="67">
        <v>79</v>
      </c>
      <c r="L100" s="68">
        <v>42</v>
      </c>
      <c r="M100" s="69">
        <v>37</v>
      </c>
    </row>
    <row r="101" spans="1:13">
      <c r="A101" s="27" t="s">
        <v>55</v>
      </c>
      <c r="B101" s="67">
        <v>-108</v>
      </c>
      <c r="C101" s="68">
        <v>-66</v>
      </c>
      <c r="D101" s="69">
        <v>-42</v>
      </c>
      <c r="E101" s="67">
        <v>123</v>
      </c>
      <c r="F101" s="68">
        <v>83</v>
      </c>
      <c r="G101" s="69">
        <v>40</v>
      </c>
      <c r="H101" s="67">
        <v>96</v>
      </c>
      <c r="I101" s="68">
        <v>59</v>
      </c>
      <c r="J101" s="69">
        <v>37</v>
      </c>
      <c r="K101" s="67">
        <v>81</v>
      </c>
      <c r="L101" s="68">
        <v>42</v>
      </c>
      <c r="M101" s="69">
        <v>39</v>
      </c>
    </row>
    <row r="102" spans="1:13">
      <c r="A102" s="27" t="s">
        <v>57</v>
      </c>
      <c r="B102" s="67">
        <v>-182</v>
      </c>
      <c r="C102" s="68">
        <v>-118</v>
      </c>
      <c r="D102" s="69">
        <v>-64</v>
      </c>
      <c r="E102" s="67">
        <v>149</v>
      </c>
      <c r="F102" s="68">
        <v>110</v>
      </c>
      <c r="G102" s="69">
        <v>39</v>
      </c>
      <c r="H102" s="67">
        <v>70</v>
      </c>
      <c r="I102" s="68">
        <v>37</v>
      </c>
      <c r="J102" s="69">
        <v>33</v>
      </c>
      <c r="K102" s="67">
        <v>103</v>
      </c>
      <c r="L102" s="68">
        <v>45</v>
      </c>
      <c r="M102" s="69">
        <v>58</v>
      </c>
    </row>
    <row r="103" spans="1:13">
      <c r="A103" s="27" t="s">
        <v>59</v>
      </c>
      <c r="B103" s="67">
        <v>-177</v>
      </c>
      <c r="C103" s="68">
        <v>-123</v>
      </c>
      <c r="D103" s="69">
        <v>-54</v>
      </c>
      <c r="E103" s="67">
        <v>171</v>
      </c>
      <c r="F103" s="68">
        <v>119</v>
      </c>
      <c r="G103" s="69">
        <v>52</v>
      </c>
      <c r="H103" s="67">
        <v>90</v>
      </c>
      <c r="I103" s="68">
        <v>40</v>
      </c>
      <c r="J103" s="69">
        <v>50</v>
      </c>
      <c r="K103" s="67">
        <v>96</v>
      </c>
      <c r="L103" s="68">
        <v>44</v>
      </c>
      <c r="M103" s="69">
        <v>52</v>
      </c>
    </row>
    <row r="104" spans="1:13">
      <c r="A104" s="27" t="s">
        <v>61</v>
      </c>
      <c r="B104" s="67">
        <v>-190</v>
      </c>
      <c r="C104" s="68">
        <v>-123</v>
      </c>
      <c r="D104" s="69">
        <v>-67</v>
      </c>
      <c r="E104" s="67">
        <v>191</v>
      </c>
      <c r="F104" s="68">
        <v>119</v>
      </c>
      <c r="G104" s="69">
        <v>72</v>
      </c>
      <c r="H104" s="67">
        <v>97</v>
      </c>
      <c r="I104" s="68">
        <v>37</v>
      </c>
      <c r="J104" s="69">
        <v>60</v>
      </c>
      <c r="K104" s="67">
        <v>96</v>
      </c>
      <c r="L104" s="68">
        <v>41</v>
      </c>
      <c r="M104" s="69">
        <v>55</v>
      </c>
    </row>
    <row r="105" spans="1:13" ht="21" customHeight="1">
      <c r="A105" s="38" t="s">
        <v>63</v>
      </c>
      <c r="B105" s="64">
        <v>-1068</v>
      </c>
      <c r="C105" s="65">
        <v>-682</v>
      </c>
      <c r="D105" s="66">
        <v>-386</v>
      </c>
      <c r="E105" s="65">
        <v>1048</v>
      </c>
      <c r="F105" s="65">
        <v>670</v>
      </c>
      <c r="G105" s="66">
        <v>378</v>
      </c>
      <c r="H105" s="65">
        <v>353</v>
      </c>
      <c r="I105" s="65">
        <v>155</v>
      </c>
      <c r="J105" s="66">
        <v>198</v>
      </c>
      <c r="K105" s="65">
        <v>373</v>
      </c>
      <c r="L105" s="65">
        <v>167</v>
      </c>
      <c r="M105" s="66">
        <v>206</v>
      </c>
    </row>
    <row r="106" spans="1:13">
      <c r="A106" s="27" t="s">
        <v>65</v>
      </c>
      <c r="B106" s="67">
        <v>-243</v>
      </c>
      <c r="C106" s="68">
        <v>-152</v>
      </c>
      <c r="D106" s="69">
        <v>-91</v>
      </c>
      <c r="E106" s="67">
        <v>229</v>
      </c>
      <c r="F106" s="68">
        <v>143</v>
      </c>
      <c r="G106" s="69">
        <v>86</v>
      </c>
      <c r="H106" s="67">
        <v>85</v>
      </c>
      <c r="I106" s="68">
        <v>36</v>
      </c>
      <c r="J106" s="69">
        <v>49</v>
      </c>
      <c r="K106" s="67">
        <v>99</v>
      </c>
      <c r="L106" s="68">
        <v>45</v>
      </c>
      <c r="M106" s="69">
        <v>54</v>
      </c>
    </row>
    <row r="107" spans="1:13">
      <c r="A107" s="27" t="s">
        <v>67</v>
      </c>
      <c r="B107" s="67">
        <v>-143</v>
      </c>
      <c r="C107" s="68">
        <v>-99</v>
      </c>
      <c r="D107" s="69">
        <v>-44</v>
      </c>
      <c r="E107" s="67">
        <v>147</v>
      </c>
      <c r="F107" s="68">
        <v>97</v>
      </c>
      <c r="G107" s="69">
        <v>50</v>
      </c>
      <c r="H107" s="67">
        <v>70</v>
      </c>
      <c r="I107" s="68">
        <v>28</v>
      </c>
      <c r="J107" s="69">
        <v>42</v>
      </c>
      <c r="K107" s="67">
        <v>66</v>
      </c>
      <c r="L107" s="68">
        <v>30</v>
      </c>
      <c r="M107" s="69">
        <v>36</v>
      </c>
    </row>
    <row r="108" spans="1:13">
      <c r="A108" s="27" t="s">
        <v>69</v>
      </c>
      <c r="B108" s="67">
        <v>-188</v>
      </c>
      <c r="C108" s="68">
        <v>-117</v>
      </c>
      <c r="D108" s="69">
        <v>-71</v>
      </c>
      <c r="E108" s="67">
        <v>183</v>
      </c>
      <c r="F108" s="68">
        <v>112</v>
      </c>
      <c r="G108" s="69">
        <v>71</v>
      </c>
      <c r="H108" s="67">
        <v>58</v>
      </c>
      <c r="I108" s="68">
        <v>24</v>
      </c>
      <c r="J108" s="69">
        <v>34</v>
      </c>
      <c r="K108" s="67">
        <v>63</v>
      </c>
      <c r="L108" s="68">
        <v>29</v>
      </c>
      <c r="M108" s="69">
        <v>34</v>
      </c>
    </row>
    <row r="109" spans="1:13">
      <c r="A109" s="27" t="s">
        <v>71</v>
      </c>
      <c r="B109" s="67">
        <v>-245</v>
      </c>
      <c r="C109" s="68">
        <v>-169</v>
      </c>
      <c r="D109" s="69">
        <v>-76</v>
      </c>
      <c r="E109" s="67">
        <v>232</v>
      </c>
      <c r="F109" s="68">
        <v>167</v>
      </c>
      <c r="G109" s="69">
        <v>65</v>
      </c>
      <c r="H109" s="67">
        <v>61</v>
      </c>
      <c r="I109" s="68">
        <v>32</v>
      </c>
      <c r="J109" s="69">
        <v>29</v>
      </c>
      <c r="K109" s="67">
        <v>74</v>
      </c>
      <c r="L109" s="68">
        <v>34</v>
      </c>
      <c r="M109" s="69">
        <v>40</v>
      </c>
    </row>
    <row r="110" spans="1:13">
      <c r="A110" s="27" t="s">
        <v>73</v>
      </c>
      <c r="B110" s="67">
        <v>-249</v>
      </c>
      <c r="C110" s="68">
        <v>-145</v>
      </c>
      <c r="D110" s="69">
        <v>-104</v>
      </c>
      <c r="E110" s="67">
        <v>257</v>
      </c>
      <c r="F110" s="68">
        <v>151</v>
      </c>
      <c r="G110" s="69">
        <v>106</v>
      </c>
      <c r="H110" s="67">
        <v>79</v>
      </c>
      <c r="I110" s="68">
        <v>35</v>
      </c>
      <c r="J110" s="69">
        <v>44</v>
      </c>
      <c r="K110" s="67">
        <v>71</v>
      </c>
      <c r="L110" s="68">
        <v>29</v>
      </c>
      <c r="M110" s="69">
        <v>42</v>
      </c>
    </row>
    <row r="111" spans="1:13" ht="21" customHeight="1">
      <c r="A111" s="38" t="s">
        <v>75</v>
      </c>
      <c r="B111" s="64">
        <v>-1572</v>
      </c>
      <c r="C111" s="65">
        <v>-887</v>
      </c>
      <c r="D111" s="66">
        <v>-685</v>
      </c>
      <c r="E111" s="65">
        <v>1536</v>
      </c>
      <c r="F111" s="65">
        <v>891</v>
      </c>
      <c r="G111" s="66">
        <v>645</v>
      </c>
      <c r="H111" s="65">
        <v>310</v>
      </c>
      <c r="I111" s="65">
        <v>127</v>
      </c>
      <c r="J111" s="66">
        <v>183</v>
      </c>
      <c r="K111" s="65">
        <v>346</v>
      </c>
      <c r="L111" s="65">
        <v>123</v>
      </c>
      <c r="M111" s="66">
        <v>223</v>
      </c>
    </row>
    <row r="112" spans="1:13">
      <c r="A112" s="27" t="s">
        <v>77</v>
      </c>
      <c r="B112" s="67">
        <v>-314</v>
      </c>
      <c r="C112" s="68">
        <v>-175</v>
      </c>
      <c r="D112" s="69">
        <v>-139</v>
      </c>
      <c r="E112" s="67">
        <v>297</v>
      </c>
      <c r="F112" s="68">
        <v>173</v>
      </c>
      <c r="G112" s="69">
        <v>124</v>
      </c>
      <c r="H112" s="67">
        <v>71</v>
      </c>
      <c r="I112" s="68">
        <v>29</v>
      </c>
      <c r="J112" s="69">
        <v>42</v>
      </c>
      <c r="K112" s="67">
        <v>88</v>
      </c>
      <c r="L112" s="68">
        <v>31</v>
      </c>
      <c r="M112" s="69">
        <v>57</v>
      </c>
    </row>
    <row r="113" spans="1:13">
      <c r="A113" s="27" t="s">
        <v>79</v>
      </c>
      <c r="B113" s="67">
        <v>-322</v>
      </c>
      <c r="C113" s="68">
        <v>-187</v>
      </c>
      <c r="D113" s="69">
        <v>-135</v>
      </c>
      <c r="E113" s="67">
        <v>325</v>
      </c>
      <c r="F113" s="68">
        <v>196</v>
      </c>
      <c r="G113" s="69">
        <v>129</v>
      </c>
      <c r="H113" s="67">
        <v>71</v>
      </c>
      <c r="I113" s="68">
        <v>32</v>
      </c>
      <c r="J113" s="69">
        <v>39</v>
      </c>
      <c r="K113" s="67">
        <v>68</v>
      </c>
      <c r="L113" s="68">
        <v>23</v>
      </c>
      <c r="M113" s="69">
        <v>45</v>
      </c>
    </row>
    <row r="114" spans="1:13">
      <c r="A114" s="27" t="s">
        <v>81</v>
      </c>
      <c r="B114" s="67">
        <v>-265</v>
      </c>
      <c r="C114" s="68">
        <v>-156</v>
      </c>
      <c r="D114" s="69">
        <v>-109</v>
      </c>
      <c r="E114" s="67">
        <v>269</v>
      </c>
      <c r="F114" s="68">
        <v>167</v>
      </c>
      <c r="G114" s="69">
        <v>102</v>
      </c>
      <c r="H114" s="67">
        <v>73</v>
      </c>
      <c r="I114" s="68">
        <v>29</v>
      </c>
      <c r="J114" s="69">
        <v>44</v>
      </c>
      <c r="K114" s="67">
        <v>69</v>
      </c>
      <c r="L114" s="68">
        <v>18</v>
      </c>
      <c r="M114" s="69">
        <v>51</v>
      </c>
    </row>
    <row r="115" spans="1:13">
      <c r="A115" s="27" t="s">
        <v>83</v>
      </c>
      <c r="B115" s="67">
        <v>-330</v>
      </c>
      <c r="C115" s="68">
        <v>-193</v>
      </c>
      <c r="D115" s="69">
        <v>-137</v>
      </c>
      <c r="E115" s="67">
        <v>320</v>
      </c>
      <c r="F115" s="68">
        <v>187</v>
      </c>
      <c r="G115" s="69">
        <v>133</v>
      </c>
      <c r="H115" s="67">
        <v>54</v>
      </c>
      <c r="I115" s="68">
        <v>21</v>
      </c>
      <c r="J115" s="69">
        <v>33</v>
      </c>
      <c r="K115" s="67">
        <v>64</v>
      </c>
      <c r="L115" s="68">
        <v>27</v>
      </c>
      <c r="M115" s="69">
        <v>37</v>
      </c>
    </row>
    <row r="116" spans="1:13">
      <c r="A116" s="27" t="s">
        <v>85</v>
      </c>
      <c r="B116" s="67">
        <v>-341</v>
      </c>
      <c r="C116" s="68">
        <v>-176</v>
      </c>
      <c r="D116" s="69">
        <v>-165</v>
      </c>
      <c r="E116" s="67">
        <v>325</v>
      </c>
      <c r="F116" s="68">
        <v>168</v>
      </c>
      <c r="G116" s="69">
        <v>157</v>
      </c>
      <c r="H116" s="67">
        <v>41</v>
      </c>
      <c r="I116" s="68">
        <v>16</v>
      </c>
      <c r="J116" s="69">
        <v>25</v>
      </c>
      <c r="K116" s="67">
        <v>57</v>
      </c>
      <c r="L116" s="68">
        <v>24</v>
      </c>
      <c r="M116" s="69">
        <v>33</v>
      </c>
    </row>
    <row r="117" spans="1:13" ht="21" customHeight="1">
      <c r="A117" s="38" t="s">
        <v>87</v>
      </c>
      <c r="B117" s="64">
        <v>-2116</v>
      </c>
      <c r="C117" s="65">
        <v>-1111</v>
      </c>
      <c r="D117" s="66">
        <v>-1005</v>
      </c>
      <c r="E117" s="65">
        <v>2107</v>
      </c>
      <c r="F117" s="65">
        <v>1102</v>
      </c>
      <c r="G117" s="66">
        <v>1005</v>
      </c>
      <c r="H117" s="65">
        <v>297</v>
      </c>
      <c r="I117" s="65">
        <v>73</v>
      </c>
      <c r="J117" s="66">
        <v>224</v>
      </c>
      <c r="K117" s="65">
        <v>306</v>
      </c>
      <c r="L117" s="65">
        <v>82</v>
      </c>
      <c r="M117" s="66">
        <v>224</v>
      </c>
    </row>
    <row r="118" spans="1:13">
      <c r="A118" s="27" t="s">
        <v>89</v>
      </c>
      <c r="B118" s="67">
        <v>-366</v>
      </c>
      <c r="C118" s="68">
        <v>-224</v>
      </c>
      <c r="D118" s="69">
        <v>-142</v>
      </c>
      <c r="E118" s="67">
        <v>377</v>
      </c>
      <c r="F118" s="68">
        <v>227</v>
      </c>
      <c r="G118" s="69">
        <v>150</v>
      </c>
      <c r="H118" s="67">
        <v>62</v>
      </c>
      <c r="I118" s="68">
        <v>19</v>
      </c>
      <c r="J118" s="69">
        <v>43</v>
      </c>
      <c r="K118" s="67">
        <v>51</v>
      </c>
      <c r="L118" s="68">
        <v>16</v>
      </c>
      <c r="M118" s="69">
        <v>35</v>
      </c>
    </row>
    <row r="119" spans="1:13">
      <c r="A119" s="27" t="s">
        <v>91</v>
      </c>
      <c r="B119" s="67">
        <v>-475</v>
      </c>
      <c r="C119" s="68">
        <v>-231</v>
      </c>
      <c r="D119" s="69">
        <v>-244</v>
      </c>
      <c r="E119" s="67">
        <v>450</v>
      </c>
      <c r="F119" s="68">
        <v>222</v>
      </c>
      <c r="G119" s="69">
        <v>228</v>
      </c>
      <c r="H119" s="67">
        <v>54</v>
      </c>
      <c r="I119" s="68">
        <v>10</v>
      </c>
      <c r="J119" s="69">
        <v>44</v>
      </c>
      <c r="K119" s="67">
        <v>79</v>
      </c>
      <c r="L119" s="68">
        <v>19</v>
      </c>
      <c r="M119" s="69">
        <v>60</v>
      </c>
    </row>
    <row r="120" spans="1:13">
      <c r="A120" s="27" t="s">
        <v>93</v>
      </c>
      <c r="B120" s="67">
        <v>-433</v>
      </c>
      <c r="C120" s="68">
        <v>-238</v>
      </c>
      <c r="D120" s="69">
        <v>-195</v>
      </c>
      <c r="E120" s="67">
        <v>434</v>
      </c>
      <c r="F120" s="68">
        <v>228</v>
      </c>
      <c r="G120" s="69">
        <v>206</v>
      </c>
      <c r="H120" s="67">
        <v>57</v>
      </c>
      <c r="I120" s="68">
        <v>9</v>
      </c>
      <c r="J120" s="69">
        <v>48</v>
      </c>
      <c r="K120" s="67">
        <v>56</v>
      </c>
      <c r="L120" s="68">
        <v>19</v>
      </c>
      <c r="M120" s="69">
        <v>37</v>
      </c>
    </row>
    <row r="121" spans="1:13">
      <c r="A121" s="27" t="s">
        <v>95</v>
      </c>
      <c r="B121" s="67">
        <v>-408</v>
      </c>
      <c r="C121" s="68">
        <v>-197</v>
      </c>
      <c r="D121" s="69">
        <v>-211</v>
      </c>
      <c r="E121" s="67">
        <v>411</v>
      </c>
      <c r="F121" s="68">
        <v>204</v>
      </c>
      <c r="G121" s="69">
        <v>207</v>
      </c>
      <c r="H121" s="67">
        <v>60</v>
      </c>
      <c r="I121" s="68">
        <v>19</v>
      </c>
      <c r="J121" s="69">
        <v>41</v>
      </c>
      <c r="K121" s="67">
        <v>57</v>
      </c>
      <c r="L121" s="68">
        <v>12</v>
      </c>
      <c r="M121" s="69">
        <v>45</v>
      </c>
    </row>
    <row r="122" spans="1:13">
      <c r="A122" s="27" t="s">
        <v>97</v>
      </c>
      <c r="B122" s="67">
        <v>-434</v>
      </c>
      <c r="C122" s="68">
        <v>-221</v>
      </c>
      <c r="D122" s="69">
        <v>-213</v>
      </c>
      <c r="E122" s="67">
        <v>435</v>
      </c>
      <c r="F122" s="68">
        <v>221</v>
      </c>
      <c r="G122" s="69">
        <v>214</v>
      </c>
      <c r="H122" s="67">
        <v>64</v>
      </c>
      <c r="I122" s="68">
        <v>16</v>
      </c>
      <c r="J122" s="69">
        <v>48</v>
      </c>
      <c r="K122" s="67">
        <v>63</v>
      </c>
      <c r="L122" s="68">
        <v>16</v>
      </c>
      <c r="M122" s="69">
        <v>47</v>
      </c>
    </row>
    <row r="123" spans="1:13" ht="21" customHeight="1">
      <c r="A123" s="38" t="s">
        <v>99</v>
      </c>
      <c r="B123" s="64">
        <v>-1901</v>
      </c>
      <c r="C123" s="65">
        <v>-794</v>
      </c>
      <c r="D123" s="66">
        <v>-1107</v>
      </c>
      <c r="E123" s="65">
        <v>1906</v>
      </c>
      <c r="F123" s="65">
        <v>787</v>
      </c>
      <c r="G123" s="66">
        <v>1119</v>
      </c>
      <c r="H123" s="65">
        <v>174</v>
      </c>
      <c r="I123" s="65">
        <v>41</v>
      </c>
      <c r="J123" s="66">
        <v>133</v>
      </c>
      <c r="K123" s="65">
        <v>169</v>
      </c>
      <c r="L123" s="65">
        <v>48</v>
      </c>
      <c r="M123" s="66">
        <v>121</v>
      </c>
    </row>
    <row r="124" spans="1:13">
      <c r="A124" s="27" t="s">
        <v>101</v>
      </c>
      <c r="B124" s="67">
        <v>-442</v>
      </c>
      <c r="C124" s="68">
        <v>-214</v>
      </c>
      <c r="D124" s="69">
        <v>-228</v>
      </c>
      <c r="E124" s="67">
        <v>459</v>
      </c>
      <c r="F124" s="68">
        <v>217</v>
      </c>
      <c r="G124" s="69">
        <v>242</v>
      </c>
      <c r="H124" s="67">
        <v>58</v>
      </c>
      <c r="I124" s="68">
        <v>17</v>
      </c>
      <c r="J124" s="69">
        <v>41</v>
      </c>
      <c r="K124" s="67">
        <v>41</v>
      </c>
      <c r="L124" s="68">
        <v>14</v>
      </c>
      <c r="M124" s="69">
        <v>27</v>
      </c>
    </row>
    <row r="125" spans="1:13">
      <c r="A125" s="27" t="s">
        <v>103</v>
      </c>
      <c r="B125" s="67">
        <v>-388</v>
      </c>
      <c r="C125" s="68">
        <v>-174</v>
      </c>
      <c r="D125" s="69">
        <v>-214</v>
      </c>
      <c r="E125" s="67">
        <v>386</v>
      </c>
      <c r="F125" s="68">
        <v>167</v>
      </c>
      <c r="G125" s="69">
        <v>219</v>
      </c>
      <c r="H125" s="67">
        <v>32</v>
      </c>
      <c r="I125" s="68">
        <v>6</v>
      </c>
      <c r="J125" s="69">
        <v>26</v>
      </c>
      <c r="K125" s="67">
        <v>34</v>
      </c>
      <c r="L125" s="68">
        <v>13</v>
      </c>
      <c r="M125" s="69">
        <v>21</v>
      </c>
    </row>
    <row r="126" spans="1:13">
      <c r="A126" s="27" t="s">
        <v>105</v>
      </c>
      <c r="B126" s="67">
        <v>-375</v>
      </c>
      <c r="C126" s="68">
        <v>-157</v>
      </c>
      <c r="D126" s="69">
        <v>-218</v>
      </c>
      <c r="E126" s="67">
        <v>373</v>
      </c>
      <c r="F126" s="68">
        <v>160</v>
      </c>
      <c r="G126" s="69">
        <v>213</v>
      </c>
      <c r="H126" s="67">
        <v>45</v>
      </c>
      <c r="I126" s="68">
        <v>12</v>
      </c>
      <c r="J126" s="69">
        <v>33</v>
      </c>
      <c r="K126" s="67">
        <v>47</v>
      </c>
      <c r="L126" s="68">
        <v>9</v>
      </c>
      <c r="M126" s="69">
        <v>38</v>
      </c>
    </row>
    <row r="127" spans="1:13">
      <c r="A127" s="27" t="s">
        <v>107</v>
      </c>
      <c r="B127" s="67">
        <v>-372</v>
      </c>
      <c r="C127" s="68">
        <v>-139</v>
      </c>
      <c r="D127" s="69">
        <v>-233</v>
      </c>
      <c r="E127" s="67">
        <v>364</v>
      </c>
      <c r="F127" s="68">
        <v>136</v>
      </c>
      <c r="G127" s="69">
        <v>228</v>
      </c>
      <c r="H127" s="67">
        <v>24</v>
      </c>
      <c r="I127" s="68">
        <v>5</v>
      </c>
      <c r="J127" s="69">
        <v>19</v>
      </c>
      <c r="K127" s="67">
        <v>32</v>
      </c>
      <c r="L127" s="68">
        <v>8</v>
      </c>
      <c r="M127" s="69">
        <v>24</v>
      </c>
    </row>
    <row r="128" spans="1:13">
      <c r="A128" s="27" t="s">
        <v>109</v>
      </c>
      <c r="B128" s="67">
        <v>-324</v>
      </c>
      <c r="C128" s="68">
        <v>-110</v>
      </c>
      <c r="D128" s="69">
        <v>-214</v>
      </c>
      <c r="E128" s="67">
        <v>324</v>
      </c>
      <c r="F128" s="68">
        <v>107</v>
      </c>
      <c r="G128" s="69">
        <v>217</v>
      </c>
      <c r="H128" s="67">
        <v>15</v>
      </c>
      <c r="I128" s="68">
        <v>1</v>
      </c>
      <c r="J128" s="69">
        <v>14</v>
      </c>
      <c r="K128" s="67">
        <v>15</v>
      </c>
      <c r="L128" s="68">
        <v>4</v>
      </c>
      <c r="M128" s="69">
        <v>11</v>
      </c>
    </row>
    <row r="129" spans="1:13" ht="21" customHeight="1">
      <c r="A129" s="38" t="s">
        <v>111</v>
      </c>
      <c r="B129" s="64">
        <v>-1025</v>
      </c>
      <c r="C129" s="65">
        <v>-292</v>
      </c>
      <c r="D129" s="66">
        <v>-733</v>
      </c>
      <c r="E129" s="65">
        <v>1019</v>
      </c>
      <c r="F129" s="65">
        <v>292</v>
      </c>
      <c r="G129" s="66">
        <v>727</v>
      </c>
      <c r="H129" s="65">
        <v>40</v>
      </c>
      <c r="I129" s="65">
        <v>13</v>
      </c>
      <c r="J129" s="66">
        <v>27</v>
      </c>
      <c r="K129" s="65">
        <v>46</v>
      </c>
      <c r="L129" s="65">
        <v>13</v>
      </c>
      <c r="M129" s="66">
        <v>33</v>
      </c>
    </row>
    <row r="130" spans="1:13">
      <c r="A130" s="27" t="s">
        <v>113</v>
      </c>
      <c r="B130" s="67">
        <v>-285</v>
      </c>
      <c r="C130" s="68">
        <v>-99</v>
      </c>
      <c r="D130" s="69">
        <v>-186</v>
      </c>
      <c r="E130" s="67">
        <v>282</v>
      </c>
      <c r="F130" s="68">
        <v>99</v>
      </c>
      <c r="G130" s="69">
        <v>183</v>
      </c>
      <c r="H130" s="67">
        <v>13</v>
      </c>
      <c r="I130" s="68">
        <v>6</v>
      </c>
      <c r="J130" s="69">
        <v>7</v>
      </c>
      <c r="K130" s="67">
        <v>16</v>
      </c>
      <c r="L130" s="68">
        <v>6</v>
      </c>
      <c r="M130" s="69">
        <v>10</v>
      </c>
    </row>
    <row r="131" spans="1:13">
      <c r="A131" s="27" t="s">
        <v>115</v>
      </c>
      <c r="B131" s="67">
        <v>-252</v>
      </c>
      <c r="C131" s="68">
        <v>-71</v>
      </c>
      <c r="D131" s="69">
        <v>-181</v>
      </c>
      <c r="E131" s="67">
        <v>255</v>
      </c>
      <c r="F131" s="68">
        <v>69</v>
      </c>
      <c r="G131" s="69">
        <v>186</v>
      </c>
      <c r="H131" s="67">
        <v>11</v>
      </c>
      <c r="I131" s="68">
        <v>2</v>
      </c>
      <c r="J131" s="69">
        <v>9</v>
      </c>
      <c r="K131" s="67">
        <v>8</v>
      </c>
      <c r="L131" s="68">
        <v>4</v>
      </c>
      <c r="M131" s="69">
        <v>4</v>
      </c>
    </row>
    <row r="132" spans="1:13">
      <c r="A132" s="27" t="s">
        <v>117</v>
      </c>
      <c r="B132" s="67">
        <v>-200</v>
      </c>
      <c r="C132" s="68">
        <v>-43</v>
      </c>
      <c r="D132" s="69">
        <v>-157</v>
      </c>
      <c r="E132" s="67">
        <v>195</v>
      </c>
      <c r="F132" s="68">
        <v>44</v>
      </c>
      <c r="G132" s="69">
        <v>151</v>
      </c>
      <c r="H132" s="67">
        <v>8</v>
      </c>
      <c r="I132" s="68">
        <v>3</v>
      </c>
      <c r="J132" s="69">
        <v>5</v>
      </c>
      <c r="K132" s="67">
        <v>13</v>
      </c>
      <c r="L132" s="68">
        <v>2</v>
      </c>
      <c r="M132" s="69">
        <v>11</v>
      </c>
    </row>
    <row r="133" spans="1:13">
      <c r="A133" s="27" t="s">
        <v>119</v>
      </c>
      <c r="B133" s="67">
        <v>-168</v>
      </c>
      <c r="C133" s="68">
        <v>-51</v>
      </c>
      <c r="D133" s="69">
        <v>-117</v>
      </c>
      <c r="E133" s="67">
        <v>168</v>
      </c>
      <c r="F133" s="68">
        <v>51</v>
      </c>
      <c r="G133" s="69">
        <v>117</v>
      </c>
      <c r="H133" s="67">
        <v>5</v>
      </c>
      <c r="I133" s="68">
        <v>1</v>
      </c>
      <c r="J133" s="69">
        <v>4</v>
      </c>
      <c r="K133" s="67">
        <v>5</v>
      </c>
      <c r="L133" s="68">
        <v>1</v>
      </c>
      <c r="M133" s="69">
        <v>4</v>
      </c>
    </row>
    <row r="134" spans="1:13">
      <c r="A134" s="27" t="s">
        <v>121</v>
      </c>
      <c r="B134" s="67">
        <v>-120</v>
      </c>
      <c r="C134" s="68">
        <v>-28</v>
      </c>
      <c r="D134" s="69">
        <v>-92</v>
      </c>
      <c r="E134" s="67">
        <v>119</v>
      </c>
      <c r="F134" s="68">
        <v>29</v>
      </c>
      <c r="G134" s="69">
        <v>90</v>
      </c>
      <c r="H134" s="67">
        <v>3</v>
      </c>
      <c r="I134" s="68">
        <v>1</v>
      </c>
      <c r="J134" s="69">
        <v>2</v>
      </c>
      <c r="K134" s="67">
        <v>4</v>
      </c>
      <c r="L134" s="68">
        <v>0</v>
      </c>
      <c r="M134" s="69">
        <v>4</v>
      </c>
    </row>
    <row r="135" spans="1:13" ht="21" customHeight="1">
      <c r="A135" s="39" t="s">
        <v>122</v>
      </c>
      <c r="B135" s="42">
        <v>-270</v>
      </c>
      <c r="C135" s="40">
        <v>-39</v>
      </c>
      <c r="D135" s="43">
        <v>-231</v>
      </c>
      <c r="E135" s="40">
        <v>270</v>
      </c>
      <c r="F135" s="40">
        <v>39</v>
      </c>
      <c r="G135" s="43">
        <v>231</v>
      </c>
      <c r="H135" s="40">
        <v>6</v>
      </c>
      <c r="I135" s="40">
        <v>0</v>
      </c>
      <c r="J135" s="43">
        <v>6</v>
      </c>
      <c r="K135" s="40">
        <v>6</v>
      </c>
      <c r="L135" s="40">
        <v>0</v>
      </c>
      <c r="M135" s="43">
        <v>6</v>
      </c>
    </row>
    <row r="136" spans="1:13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65"/>
      <c r="M136" s="62"/>
    </row>
    <row r="137" spans="1:13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49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0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47" t="s">
        <v>1</v>
      </c>
      <c r="B5" s="61">
        <v>-599</v>
      </c>
      <c r="C5" s="62">
        <v>-285</v>
      </c>
      <c r="D5" s="62">
        <v>-314</v>
      </c>
      <c r="E5" s="61">
        <v>2863</v>
      </c>
      <c r="F5" s="62">
        <v>1545</v>
      </c>
      <c r="G5" s="63">
        <v>1318</v>
      </c>
      <c r="H5" s="62">
        <v>17994</v>
      </c>
      <c r="I5" s="62">
        <v>10168</v>
      </c>
      <c r="J5" s="62">
        <v>7826</v>
      </c>
      <c r="K5" s="61">
        <v>17696</v>
      </c>
      <c r="L5" s="75">
        <v>9898</v>
      </c>
      <c r="M5" s="76">
        <v>7798</v>
      </c>
    </row>
    <row r="6" spans="1:13" ht="23.25" customHeight="1">
      <c r="A6" s="36" t="s">
        <v>2</v>
      </c>
      <c r="B6" s="64">
        <v>1768</v>
      </c>
      <c r="C6" s="65">
        <v>865</v>
      </c>
      <c r="D6" s="65">
        <v>903</v>
      </c>
      <c r="E6" s="64">
        <v>6</v>
      </c>
      <c r="F6" s="65">
        <v>3</v>
      </c>
      <c r="G6" s="66">
        <v>3</v>
      </c>
      <c r="H6" s="65">
        <v>648</v>
      </c>
      <c r="I6" s="65">
        <v>332</v>
      </c>
      <c r="J6" s="65">
        <v>316</v>
      </c>
      <c r="K6" s="64">
        <v>840</v>
      </c>
      <c r="L6" s="86">
        <v>454</v>
      </c>
      <c r="M6" s="87">
        <v>386</v>
      </c>
    </row>
    <row r="7" spans="1:13">
      <c r="A7" s="15" t="s">
        <v>4</v>
      </c>
      <c r="B7" s="67">
        <v>1943</v>
      </c>
      <c r="C7" s="68">
        <v>982</v>
      </c>
      <c r="D7" s="68">
        <v>961</v>
      </c>
      <c r="E7" s="16">
        <v>4</v>
      </c>
      <c r="F7" s="17">
        <v>2</v>
      </c>
      <c r="G7" s="18">
        <v>2</v>
      </c>
      <c r="H7" s="17">
        <v>98</v>
      </c>
      <c r="I7" s="17">
        <v>51</v>
      </c>
      <c r="J7" s="17">
        <v>47</v>
      </c>
      <c r="K7" s="16">
        <v>117</v>
      </c>
      <c r="L7" s="79">
        <v>57</v>
      </c>
      <c r="M7" s="80">
        <v>60</v>
      </c>
    </row>
    <row r="8" spans="1:13">
      <c r="A8" s="15" t="s">
        <v>6</v>
      </c>
      <c r="B8" s="16">
        <v>-52</v>
      </c>
      <c r="C8" s="17">
        <v>-56</v>
      </c>
      <c r="D8" s="17">
        <v>4</v>
      </c>
      <c r="E8" s="16">
        <v>1</v>
      </c>
      <c r="F8" s="17">
        <v>1</v>
      </c>
      <c r="G8" s="18">
        <v>0</v>
      </c>
      <c r="H8" s="17">
        <v>189</v>
      </c>
      <c r="I8" s="17">
        <v>82</v>
      </c>
      <c r="J8" s="17">
        <v>107</v>
      </c>
      <c r="K8" s="16">
        <v>240</v>
      </c>
      <c r="L8" s="79">
        <v>137</v>
      </c>
      <c r="M8" s="80">
        <v>103</v>
      </c>
    </row>
    <row r="9" spans="1:13">
      <c r="A9" s="15" t="s">
        <v>8</v>
      </c>
      <c r="B9" s="16">
        <v>-46</v>
      </c>
      <c r="C9" s="17">
        <v>-11</v>
      </c>
      <c r="D9" s="17">
        <v>-35</v>
      </c>
      <c r="E9" s="16">
        <v>1</v>
      </c>
      <c r="F9" s="17">
        <v>0</v>
      </c>
      <c r="G9" s="18">
        <v>1</v>
      </c>
      <c r="H9" s="17">
        <v>150</v>
      </c>
      <c r="I9" s="17">
        <v>96</v>
      </c>
      <c r="J9" s="17">
        <v>54</v>
      </c>
      <c r="K9" s="16">
        <v>195</v>
      </c>
      <c r="L9" s="79">
        <v>107</v>
      </c>
      <c r="M9" s="80">
        <v>88</v>
      </c>
    </row>
    <row r="10" spans="1:13">
      <c r="A10" s="15" t="s">
        <v>10</v>
      </c>
      <c r="B10" s="16">
        <v>-50</v>
      </c>
      <c r="C10" s="17">
        <v>-39</v>
      </c>
      <c r="D10" s="17">
        <v>-11</v>
      </c>
      <c r="E10" s="16">
        <v>0</v>
      </c>
      <c r="F10" s="17">
        <v>0</v>
      </c>
      <c r="G10" s="18">
        <v>0</v>
      </c>
      <c r="H10" s="17">
        <v>119</v>
      </c>
      <c r="I10" s="17">
        <v>59</v>
      </c>
      <c r="J10" s="17">
        <v>60</v>
      </c>
      <c r="K10" s="16">
        <v>169</v>
      </c>
      <c r="L10" s="79">
        <v>98</v>
      </c>
      <c r="M10" s="80">
        <v>71</v>
      </c>
    </row>
    <row r="11" spans="1:13">
      <c r="A11" s="15" t="s">
        <v>12</v>
      </c>
      <c r="B11" s="16">
        <v>-27</v>
      </c>
      <c r="C11" s="17">
        <v>-11</v>
      </c>
      <c r="D11" s="17">
        <v>-16</v>
      </c>
      <c r="E11" s="16">
        <v>0</v>
      </c>
      <c r="F11" s="17">
        <v>0</v>
      </c>
      <c r="G11" s="18">
        <v>0</v>
      </c>
      <c r="H11" s="17">
        <v>92</v>
      </c>
      <c r="I11" s="17">
        <v>44</v>
      </c>
      <c r="J11" s="17">
        <v>48</v>
      </c>
      <c r="K11" s="16">
        <v>119</v>
      </c>
      <c r="L11" s="79">
        <v>55</v>
      </c>
      <c r="M11" s="80">
        <v>64</v>
      </c>
    </row>
    <row r="12" spans="1:13" ht="21" customHeight="1">
      <c r="A12" s="36" t="s">
        <v>14</v>
      </c>
      <c r="B12" s="64">
        <v>-131</v>
      </c>
      <c r="C12" s="65">
        <v>-67</v>
      </c>
      <c r="D12" s="65">
        <v>-64</v>
      </c>
      <c r="E12" s="64">
        <v>0</v>
      </c>
      <c r="F12" s="65">
        <v>0</v>
      </c>
      <c r="G12" s="66">
        <v>0</v>
      </c>
      <c r="H12" s="65">
        <v>326</v>
      </c>
      <c r="I12" s="65">
        <v>158</v>
      </c>
      <c r="J12" s="65">
        <v>168</v>
      </c>
      <c r="K12" s="64">
        <v>457</v>
      </c>
      <c r="L12" s="86">
        <v>225</v>
      </c>
      <c r="M12" s="87">
        <v>232</v>
      </c>
    </row>
    <row r="13" spans="1:13">
      <c r="A13" s="15" t="s">
        <v>16</v>
      </c>
      <c r="B13" s="16">
        <v>-49</v>
      </c>
      <c r="C13" s="17">
        <v>-29</v>
      </c>
      <c r="D13" s="17">
        <v>-20</v>
      </c>
      <c r="E13" s="16">
        <v>0</v>
      </c>
      <c r="F13" s="17">
        <v>0</v>
      </c>
      <c r="G13" s="18">
        <v>0</v>
      </c>
      <c r="H13" s="17">
        <v>76</v>
      </c>
      <c r="I13" s="17">
        <v>38</v>
      </c>
      <c r="J13" s="17">
        <v>38</v>
      </c>
      <c r="K13" s="16">
        <v>125</v>
      </c>
      <c r="L13" s="79">
        <v>67</v>
      </c>
      <c r="M13" s="80">
        <v>58</v>
      </c>
    </row>
    <row r="14" spans="1:13">
      <c r="A14" s="15" t="s">
        <v>18</v>
      </c>
      <c r="B14" s="16">
        <v>-24</v>
      </c>
      <c r="C14" s="17">
        <v>-14</v>
      </c>
      <c r="D14" s="17">
        <v>-10</v>
      </c>
      <c r="E14" s="16">
        <v>0</v>
      </c>
      <c r="F14" s="17">
        <v>0</v>
      </c>
      <c r="G14" s="18">
        <v>0</v>
      </c>
      <c r="H14" s="17">
        <v>82</v>
      </c>
      <c r="I14" s="17">
        <v>37</v>
      </c>
      <c r="J14" s="17">
        <v>45</v>
      </c>
      <c r="K14" s="16">
        <v>106</v>
      </c>
      <c r="L14" s="79">
        <v>51</v>
      </c>
      <c r="M14" s="80">
        <v>55</v>
      </c>
    </row>
    <row r="15" spans="1:13">
      <c r="A15" s="15" t="s">
        <v>20</v>
      </c>
      <c r="B15" s="16">
        <v>-34</v>
      </c>
      <c r="C15" s="17">
        <v>-17</v>
      </c>
      <c r="D15" s="17">
        <v>-17</v>
      </c>
      <c r="E15" s="16">
        <v>0</v>
      </c>
      <c r="F15" s="17">
        <v>0</v>
      </c>
      <c r="G15" s="18">
        <v>0</v>
      </c>
      <c r="H15" s="17">
        <v>72</v>
      </c>
      <c r="I15" s="17">
        <v>34</v>
      </c>
      <c r="J15" s="17">
        <v>38</v>
      </c>
      <c r="K15" s="16">
        <v>106</v>
      </c>
      <c r="L15" s="79">
        <v>51</v>
      </c>
      <c r="M15" s="80">
        <v>55</v>
      </c>
    </row>
    <row r="16" spans="1:13">
      <c r="A16" s="15" t="s">
        <v>22</v>
      </c>
      <c r="B16" s="16">
        <v>-6</v>
      </c>
      <c r="C16" s="17">
        <v>1</v>
      </c>
      <c r="D16" s="17">
        <v>-7</v>
      </c>
      <c r="E16" s="16">
        <v>0</v>
      </c>
      <c r="F16" s="17">
        <v>0</v>
      </c>
      <c r="G16" s="18">
        <v>0</v>
      </c>
      <c r="H16" s="17">
        <v>52</v>
      </c>
      <c r="I16" s="17">
        <v>27</v>
      </c>
      <c r="J16" s="17">
        <v>25</v>
      </c>
      <c r="K16" s="16">
        <v>58</v>
      </c>
      <c r="L16" s="79">
        <v>26</v>
      </c>
      <c r="M16" s="80">
        <v>32</v>
      </c>
    </row>
    <row r="17" spans="1:13">
      <c r="A17" s="15" t="s">
        <v>24</v>
      </c>
      <c r="B17" s="16">
        <v>-18</v>
      </c>
      <c r="C17" s="17">
        <v>-8</v>
      </c>
      <c r="D17" s="17">
        <v>-10</v>
      </c>
      <c r="E17" s="16">
        <v>0</v>
      </c>
      <c r="F17" s="17">
        <v>0</v>
      </c>
      <c r="G17" s="18">
        <v>0</v>
      </c>
      <c r="H17" s="17">
        <v>44</v>
      </c>
      <c r="I17" s="17">
        <v>22</v>
      </c>
      <c r="J17" s="17">
        <v>22</v>
      </c>
      <c r="K17" s="16">
        <v>62</v>
      </c>
      <c r="L17" s="79">
        <v>30</v>
      </c>
      <c r="M17" s="80">
        <v>32</v>
      </c>
    </row>
    <row r="18" spans="1:13" ht="21" customHeight="1">
      <c r="A18" s="36" t="s">
        <v>26</v>
      </c>
      <c r="B18" s="64">
        <v>-23</v>
      </c>
      <c r="C18" s="65">
        <v>-9</v>
      </c>
      <c r="D18" s="65">
        <v>-14</v>
      </c>
      <c r="E18" s="64">
        <v>0</v>
      </c>
      <c r="F18" s="65">
        <v>0</v>
      </c>
      <c r="G18" s="66">
        <v>0</v>
      </c>
      <c r="H18" s="65">
        <v>207</v>
      </c>
      <c r="I18" s="65">
        <v>111</v>
      </c>
      <c r="J18" s="65">
        <v>96</v>
      </c>
      <c r="K18" s="64">
        <v>230</v>
      </c>
      <c r="L18" s="86">
        <v>120</v>
      </c>
      <c r="M18" s="87">
        <v>110</v>
      </c>
    </row>
    <row r="19" spans="1:13">
      <c r="A19" s="15" t="s">
        <v>28</v>
      </c>
      <c r="B19" s="16">
        <v>-4</v>
      </c>
      <c r="C19" s="17">
        <v>4</v>
      </c>
      <c r="D19" s="17">
        <v>-8</v>
      </c>
      <c r="E19" s="16">
        <v>0</v>
      </c>
      <c r="F19" s="17">
        <v>0</v>
      </c>
      <c r="G19" s="18">
        <v>0</v>
      </c>
      <c r="H19" s="17">
        <v>53</v>
      </c>
      <c r="I19" s="17">
        <v>30</v>
      </c>
      <c r="J19" s="17">
        <v>23</v>
      </c>
      <c r="K19" s="16">
        <v>57</v>
      </c>
      <c r="L19" s="79">
        <v>26</v>
      </c>
      <c r="M19" s="80">
        <v>31</v>
      </c>
    </row>
    <row r="20" spans="1:13">
      <c r="A20" s="15" t="s">
        <v>30</v>
      </c>
      <c r="B20" s="16">
        <v>-6</v>
      </c>
      <c r="C20" s="17">
        <v>-6</v>
      </c>
      <c r="D20" s="17">
        <v>0</v>
      </c>
      <c r="E20" s="16">
        <v>0</v>
      </c>
      <c r="F20" s="17">
        <v>0</v>
      </c>
      <c r="G20" s="18">
        <v>0</v>
      </c>
      <c r="H20" s="17">
        <v>33</v>
      </c>
      <c r="I20" s="17">
        <v>14</v>
      </c>
      <c r="J20" s="17">
        <v>19</v>
      </c>
      <c r="K20" s="16">
        <v>39</v>
      </c>
      <c r="L20" s="79">
        <v>20</v>
      </c>
      <c r="M20" s="80">
        <v>19</v>
      </c>
    </row>
    <row r="21" spans="1:13">
      <c r="A21" s="15" t="s">
        <v>32</v>
      </c>
      <c r="B21" s="16">
        <v>0</v>
      </c>
      <c r="C21" s="17">
        <v>3</v>
      </c>
      <c r="D21" s="17">
        <v>-3</v>
      </c>
      <c r="E21" s="16">
        <v>0</v>
      </c>
      <c r="F21" s="17">
        <v>0</v>
      </c>
      <c r="G21" s="18">
        <v>0</v>
      </c>
      <c r="H21" s="17">
        <v>40</v>
      </c>
      <c r="I21" s="17">
        <v>20</v>
      </c>
      <c r="J21" s="17">
        <v>20</v>
      </c>
      <c r="K21" s="16">
        <v>40</v>
      </c>
      <c r="L21" s="79">
        <v>17</v>
      </c>
      <c r="M21" s="80">
        <v>23</v>
      </c>
    </row>
    <row r="22" spans="1:13">
      <c r="A22" s="15" t="s">
        <v>34</v>
      </c>
      <c r="B22" s="16">
        <v>-14</v>
      </c>
      <c r="C22" s="17">
        <v>-11</v>
      </c>
      <c r="D22" s="17">
        <v>-3</v>
      </c>
      <c r="E22" s="16">
        <v>0</v>
      </c>
      <c r="F22" s="17">
        <v>0</v>
      </c>
      <c r="G22" s="18">
        <v>0</v>
      </c>
      <c r="H22" s="17">
        <v>46</v>
      </c>
      <c r="I22" s="17">
        <v>25</v>
      </c>
      <c r="J22" s="17">
        <v>21</v>
      </c>
      <c r="K22" s="16">
        <v>60</v>
      </c>
      <c r="L22" s="79">
        <v>36</v>
      </c>
      <c r="M22" s="80">
        <v>24</v>
      </c>
    </row>
    <row r="23" spans="1:13">
      <c r="A23" s="15" t="s">
        <v>36</v>
      </c>
      <c r="B23" s="16">
        <v>1</v>
      </c>
      <c r="C23" s="17">
        <v>1</v>
      </c>
      <c r="D23" s="17">
        <v>0</v>
      </c>
      <c r="E23" s="16">
        <v>0</v>
      </c>
      <c r="F23" s="17">
        <v>0</v>
      </c>
      <c r="G23" s="18">
        <v>0</v>
      </c>
      <c r="H23" s="17">
        <v>35</v>
      </c>
      <c r="I23" s="17">
        <v>22</v>
      </c>
      <c r="J23" s="17">
        <v>13</v>
      </c>
      <c r="K23" s="16">
        <v>34</v>
      </c>
      <c r="L23" s="79">
        <v>21</v>
      </c>
      <c r="M23" s="80">
        <v>13</v>
      </c>
    </row>
    <row r="24" spans="1:13" ht="21" customHeight="1">
      <c r="A24" s="36" t="s">
        <v>38</v>
      </c>
      <c r="B24" s="64">
        <v>217</v>
      </c>
      <c r="C24" s="65">
        <v>128</v>
      </c>
      <c r="D24" s="65">
        <v>89</v>
      </c>
      <c r="E24" s="64">
        <v>4</v>
      </c>
      <c r="F24" s="65">
        <v>1</v>
      </c>
      <c r="G24" s="66">
        <v>3</v>
      </c>
      <c r="H24" s="65">
        <v>566</v>
      </c>
      <c r="I24" s="65">
        <v>327</v>
      </c>
      <c r="J24" s="65">
        <v>239</v>
      </c>
      <c r="K24" s="64">
        <v>345</v>
      </c>
      <c r="L24" s="86">
        <v>198</v>
      </c>
      <c r="M24" s="87">
        <v>147</v>
      </c>
    </row>
    <row r="25" spans="1:13">
      <c r="A25" s="15" t="s">
        <v>40</v>
      </c>
      <c r="B25" s="16">
        <v>11</v>
      </c>
      <c r="C25" s="17">
        <v>4</v>
      </c>
      <c r="D25" s="17">
        <v>7</v>
      </c>
      <c r="E25" s="16">
        <v>0</v>
      </c>
      <c r="F25" s="17">
        <v>0</v>
      </c>
      <c r="G25" s="18">
        <v>0</v>
      </c>
      <c r="H25" s="17">
        <v>47</v>
      </c>
      <c r="I25" s="17">
        <v>25</v>
      </c>
      <c r="J25" s="17">
        <v>22</v>
      </c>
      <c r="K25" s="16">
        <v>36</v>
      </c>
      <c r="L25" s="79">
        <v>21</v>
      </c>
      <c r="M25" s="80">
        <v>15</v>
      </c>
    </row>
    <row r="26" spans="1:13">
      <c r="A26" s="15" t="s">
        <v>42</v>
      </c>
      <c r="B26" s="16">
        <v>11</v>
      </c>
      <c r="C26" s="17">
        <v>18</v>
      </c>
      <c r="D26" s="17">
        <v>-7</v>
      </c>
      <c r="E26" s="16">
        <v>1</v>
      </c>
      <c r="F26" s="17">
        <v>0</v>
      </c>
      <c r="G26" s="18">
        <v>1</v>
      </c>
      <c r="H26" s="17">
        <v>63</v>
      </c>
      <c r="I26" s="17">
        <v>37</v>
      </c>
      <c r="J26" s="17">
        <v>26</v>
      </c>
      <c r="K26" s="16">
        <v>51</v>
      </c>
      <c r="L26" s="79">
        <v>19</v>
      </c>
      <c r="M26" s="80">
        <v>32</v>
      </c>
    </row>
    <row r="27" spans="1:13">
      <c r="A27" s="15" t="s">
        <v>44</v>
      </c>
      <c r="B27" s="16">
        <v>13</v>
      </c>
      <c r="C27" s="17">
        <v>3</v>
      </c>
      <c r="D27" s="17">
        <v>10</v>
      </c>
      <c r="E27" s="16">
        <v>1</v>
      </c>
      <c r="F27" s="17">
        <v>1</v>
      </c>
      <c r="G27" s="18">
        <v>0</v>
      </c>
      <c r="H27" s="17">
        <v>40</v>
      </c>
      <c r="I27" s="17">
        <v>19</v>
      </c>
      <c r="J27" s="17">
        <v>21</v>
      </c>
      <c r="K27" s="16">
        <v>26</v>
      </c>
      <c r="L27" s="79">
        <v>15</v>
      </c>
      <c r="M27" s="80">
        <v>11</v>
      </c>
    </row>
    <row r="28" spans="1:13">
      <c r="A28" s="15" t="s">
        <v>46</v>
      </c>
      <c r="B28" s="16">
        <v>60</v>
      </c>
      <c r="C28" s="17">
        <v>31</v>
      </c>
      <c r="D28" s="17">
        <v>29</v>
      </c>
      <c r="E28" s="16">
        <v>1</v>
      </c>
      <c r="F28" s="17">
        <v>0</v>
      </c>
      <c r="G28" s="18">
        <v>1</v>
      </c>
      <c r="H28" s="17">
        <v>121</v>
      </c>
      <c r="I28" s="17">
        <v>61</v>
      </c>
      <c r="J28" s="17">
        <v>60</v>
      </c>
      <c r="K28" s="16">
        <v>60</v>
      </c>
      <c r="L28" s="79">
        <v>30</v>
      </c>
      <c r="M28" s="80">
        <v>30</v>
      </c>
    </row>
    <row r="29" spans="1:13">
      <c r="A29" s="15" t="s">
        <v>48</v>
      </c>
      <c r="B29" s="16">
        <v>122</v>
      </c>
      <c r="C29" s="17">
        <v>72</v>
      </c>
      <c r="D29" s="17">
        <v>50</v>
      </c>
      <c r="E29" s="16">
        <v>1</v>
      </c>
      <c r="F29" s="17">
        <v>0</v>
      </c>
      <c r="G29" s="18">
        <v>1</v>
      </c>
      <c r="H29" s="17">
        <v>295</v>
      </c>
      <c r="I29" s="17">
        <v>185</v>
      </c>
      <c r="J29" s="17">
        <v>110</v>
      </c>
      <c r="K29" s="16">
        <v>172</v>
      </c>
      <c r="L29" s="79">
        <v>113</v>
      </c>
      <c r="M29" s="80">
        <v>59</v>
      </c>
    </row>
    <row r="30" spans="1:13" ht="21" customHeight="1">
      <c r="A30" s="36" t="s">
        <v>50</v>
      </c>
      <c r="B30" s="64">
        <v>1351</v>
      </c>
      <c r="C30" s="65">
        <v>780</v>
      </c>
      <c r="D30" s="65">
        <v>571</v>
      </c>
      <c r="E30" s="64">
        <v>4</v>
      </c>
      <c r="F30" s="65">
        <v>1</v>
      </c>
      <c r="G30" s="66">
        <v>3</v>
      </c>
      <c r="H30" s="65">
        <v>3767</v>
      </c>
      <c r="I30" s="65">
        <v>2078</v>
      </c>
      <c r="J30" s="65">
        <v>1689</v>
      </c>
      <c r="K30" s="64">
        <v>2412</v>
      </c>
      <c r="L30" s="86">
        <v>1297</v>
      </c>
      <c r="M30" s="87">
        <v>1115</v>
      </c>
    </row>
    <row r="31" spans="1:13">
      <c r="A31" s="15" t="s">
        <v>52</v>
      </c>
      <c r="B31" s="16">
        <v>96</v>
      </c>
      <c r="C31" s="17">
        <v>53</v>
      </c>
      <c r="D31" s="17">
        <v>43</v>
      </c>
      <c r="E31" s="16">
        <v>2</v>
      </c>
      <c r="F31" s="17">
        <v>0</v>
      </c>
      <c r="G31" s="18">
        <v>2</v>
      </c>
      <c r="H31" s="17">
        <v>320</v>
      </c>
      <c r="I31" s="17">
        <v>183</v>
      </c>
      <c r="J31" s="17">
        <v>137</v>
      </c>
      <c r="K31" s="16">
        <v>222</v>
      </c>
      <c r="L31" s="79">
        <v>130</v>
      </c>
      <c r="M31" s="80">
        <v>92</v>
      </c>
    </row>
    <row r="32" spans="1:13">
      <c r="A32" s="15" t="s">
        <v>54</v>
      </c>
      <c r="B32" s="16">
        <v>217</v>
      </c>
      <c r="C32" s="17">
        <v>116</v>
      </c>
      <c r="D32" s="17">
        <v>101</v>
      </c>
      <c r="E32" s="16">
        <v>0</v>
      </c>
      <c r="F32" s="17">
        <v>0</v>
      </c>
      <c r="G32" s="18">
        <v>0</v>
      </c>
      <c r="H32" s="17">
        <v>500</v>
      </c>
      <c r="I32" s="17">
        <v>256</v>
      </c>
      <c r="J32" s="17">
        <v>244</v>
      </c>
      <c r="K32" s="16">
        <v>283</v>
      </c>
      <c r="L32" s="79">
        <v>140</v>
      </c>
      <c r="M32" s="80">
        <v>143</v>
      </c>
    </row>
    <row r="33" spans="1:13">
      <c r="A33" s="15" t="s">
        <v>56</v>
      </c>
      <c r="B33" s="16">
        <v>254</v>
      </c>
      <c r="C33" s="17">
        <v>142</v>
      </c>
      <c r="D33" s="17">
        <v>112</v>
      </c>
      <c r="E33" s="16">
        <v>1</v>
      </c>
      <c r="F33" s="17">
        <v>1</v>
      </c>
      <c r="G33" s="18">
        <v>0</v>
      </c>
      <c r="H33" s="17">
        <v>722</v>
      </c>
      <c r="I33" s="17">
        <v>393</v>
      </c>
      <c r="J33" s="17">
        <v>329</v>
      </c>
      <c r="K33" s="16">
        <v>467</v>
      </c>
      <c r="L33" s="79">
        <v>250</v>
      </c>
      <c r="M33" s="80">
        <v>217</v>
      </c>
    </row>
    <row r="34" spans="1:13">
      <c r="A34" s="15" t="s">
        <v>58</v>
      </c>
      <c r="B34" s="16">
        <v>542</v>
      </c>
      <c r="C34" s="17">
        <v>327</v>
      </c>
      <c r="D34" s="17">
        <v>215</v>
      </c>
      <c r="E34" s="16">
        <v>0</v>
      </c>
      <c r="F34" s="17">
        <v>0</v>
      </c>
      <c r="G34" s="18">
        <v>0</v>
      </c>
      <c r="H34" s="17">
        <v>1216</v>
      </c>
      <c r="I34" s="17">
        <v>688</v>
      </c>
      <c r="J34" s="17">
        <v>528</v>
      </c>
      <c r="K34" s="16">
        <v>674</v>
      </c>
      <c r="L34" s="79">
        <v>361</v>
      </c>
      <c r="M34" s="80">
        <v>313</v>
      </c>
    </row>
    <row r="35" spans="1:13">
      <c r="A35" s="15" t="s">
        <v>60</v>
      </c>
      <c r="B35" s="16">
        <v>242</v>
      </c>
      <c r="C35" s="17">
        <v>142</v>
      </c>
      <c r="D35" s="17">
        <v>100</v>
      </c>
      <c r="E35" s="16">
        <v>1</v>
      </c>
      <c r="F35" s="17">
        <v>0</v>
      </c>
      <c r="G35" s="18">
        <v>1</v>
      </c>
      <c r="H35" s="17">
        <v>1009</v>
      </c>
      <c r="I35" s="17">
        <v>558</v>
      </c>
      <c r="J35" s="17">
        <v>451</v>
      </c>
      <c r="K35" s="16">
        <v>766</v>
      </c>
      <c r="L35" s="79">
        <v>416</v>
      </c>
      <c r="M35" s="80">
        <v>350</v>
      </c>
    </row>
    <row r="36" spans="1:13" ht="21" customHeight="1">
      <c r="A36" s="36" t="s">
        <v>62</v>
      </c>
      <c r="B36" s="64">
        <v>299</v>
      </c>
      <c r="C36" s="65">
        <v>257</v>
      </c>
      <c r="D36" s="65">
        <v>42</v>
      </c>
      <c r="E36" s="64">
        <v>2</v>
      </c>
      <c r="F36" s="65">
        <v>2</v>
      </c>
      <c r="G36" s="66">
        <v>0</v>
      </c>
      <c r="H36" s="65">
        <v>4720</v>
      </c>
      <c r="I36" s="65">
        <v>2663</v>
      </c>
      <c r="J36" s="65">
        <v>2057</v>
      </c>
      <c r="K36" s="64">
        <v>4419</v>
      </c>
      <c r="L36" s="86">
        <v>2404</v>
      </c>
      <c r="M36" s="87">
        <v>2015</v>
      </c>
    </row>
    <row r="37" spans="1:13">
      <c r="A37" s="15" t="s">
        <v>64</v>
      </c>
      <c r="B37" s="16">
        <v>245</v>
      </c>
      <c r="C37" s="17">
        <v>172</v>
      </c>
      <c r="D37" s="17">
        <v>73</v>
      </c>
      <c r="E37" s="16">
        <v>0</v>
      </c>
      <c r="F37" s="17">
        <v>0</v>
      </c>
      <c r="G37" s="18">
        <v>0</v>
      </c>
      <c r="H37" s="17">
        <v>1140</v>
      </c>
      <c r="I37" s="17">
        <v>636</v>
      </c>
      <c r="J37" s="17">
        <v>504</v>
      </c>
      <c r="K37" s="16">
        <v>895</v>
      </c>
      <c r="L37" s="79">
        <v>464</v>
      </c>
      <c r="M37" s="80">
        <v>431</v>
      </c>
    </row>
    <row r="38" spans="1:13">
      <c r="A38" s="15" t="s">
        <v>66</v>
      </c>
      <c r="B38" s="16">
        <v>115</v>
      </c>
      <c r="C38" s="17">
        <v>91</v>
      </c>
      <c r="D38" s="17">
        <v>24</v>
      </c>
      <c r="E38" s="16">
        <v>0</v>
      </c>
      <c r="F38" s="17">
        <v>0</v>
      </c>
      <c r="G38" s="18">
        <v>0</v>
      </c>
      <c r="H38" s="17">
        <v>1073</v>
      </c>
      <c r="I38" s="17">
        <v>610</v>
      </c>
      <c r="J38" s="17">
        <v>463</v>
      </c>
      <c r="K38" s="16">
        <v>958</v>
      </c>
      <c r="L38" s="79">
        <v>519</v>
      </c>
      <c r="M38" s="80">
        <v>439</v>
      </c>
    </row>
    <row r="39" spans="1:13">
      <c r="A39" s="15" t="s">
        <v>68</v>
      </c>
      <c r="B39" s="16">
        <v>-39</v>
      </c>
      <c r="C39" s="17">
        <v>-18</v>
      </c>
      <c r="D39" s="17">
        <v>-21</v>
      </c>
      <c r="E39" s="16">
        <v>1</v>
      </c>
      <c r="F39" s="17">
        <v>1</v>
      </c>
      <c r="G39" s="18">
        <v>0</v>
      </c>
      <c r="H39" s="17">
        <v>894</v>
      </c>
      <c r="I39" s="17">
        <v>495</v>
      </c>
      <c r="J39" s="17">
        <v>399</v>
      </c>
      <c r="K39" s="16">
        <v>932</v>
      </c>
      <c r="L39" s="79">
        <v>512</v>
      </c>
      <c r="M39" s="80">
        <v>420</v>
      </c>
    </row>
    <row r="40" spans="1:13">
      <c r="A40" s="15" t="s">
        <v>70</v>
      </c>
      <c r="B40" s="16">
        <v>44</v>
      </c>
      <c r="C40" s="17">
        <v>42</v>
      </c>
      <c r="D40" s="17">
        <v>2</v>
      </c>
      <c r="E40" s="16">
        <v>1</v>
      </c>
      <c r="F40" s="17">
        <v>1</v>
      </c>
      <c r="G40" s="18">
        <v>0</v>
      </c>
      <c r="H40" s="17">
        <v>880</v>
      </c>
      <c r="I40" s="17">
        <v>506</v>
      </c>
      <c r="J40" s="17">
        <v>374</v>
      </c>
      <c r="K40" s="16">
        <v>835</v>
      </c>
      <c r="L40" s="79">
        <v>463</v>
      </c>
      <c r="M40" s="80">
        <v>372</v>
      </c>
    </row>
    <row r="41" spans="1:13">
      <c r="A41" s="15" t="s">
        <v>72</v>
      </c>
      <c r="B41" s="16">
        <v>-66</v>
      </c>
      <c r="C41" s="17">
        <v>-30</v>
      </c>
      <c r="D41" s="17">
        <v>-36</v>
      </c>
      <c r="E41" s="16">
        <v>0</v>
      </c>
      <c r="F41" s="17">
        <v>0</v>
      </c>
      <c r="G41" s="18">
        <v>0</v>
      </c>
      <c r="H41" s="17">
        <v>733</v>
      </c>
      <c r="I41" s="17">
        <v>416</v>
      </c>
      <c r="J41" s="17">
        <v>317</v>
      </c>
      <c r="K41" s="16">
        <v>799</v>
      </c>
      <c r="L41" s="79">
        <v>446</v>
      </c>
      <c r="M41" s="80">
        <v>353</v>
      </c>
    </row>
    <row r="42" spans="1:13" ht="21" customHeight="1">
      <c r="A42" s="36" t="s">
        <v>74</v>
      </c>
      <c r="B42" s="64">
        <v>-166</v>
      </c>
      <c r="C42" s="65">
        <v>-37</v>
      </c>
      <c r="D42" s="65">
        <v>-129</v>
      </c>
      <c r="E42" s="64">
        <v>7</v>
      </c>
      <c r="F42" s="65">
        <v>5</v>
      </c>
      <c r="G42" s="66">
        <v>2</v>
      </c>
      <c r="H42" s="65">
        <v>2691</v>
      </c>
      <c r="I42" s="65">
        <v>1571</v>
      </c>
      <c r="J42" s="65">
        <v>1120</v>
      </c>
      <c r="K42" s="64">
        <v>2850</v>
      </c>
      <c r="L42" s="86">
        <v>1603</v>
      </c>
      <c r="M42" s="87">
        <v>1247</v>
      </c>
    </row>
    <row r="43" spans="1:13">
      <c r="A43" s="15" t="s">
        <v>76</v>
      </c>
      <c r="B43" s="16">
        <v>-60</v>
      </c>
      <c r="C43" s="17">
        <v>-15</v>
      </c>
      <c r="D43" s="17">
        <v>-45</v>
      </c>
      <c r="E43" s="16">
        <v>3</v>
      </c>
      <c r="F43" s="17">
        <v>3</v>
      </c>
      <c r="G43" s="18">
        <v>0</v>
      </c>
      <c r="H43" s="17">
        <v>682</v>
      </c>
      <c r="I43" s="17">
        <v>381</v>
      </c>
      <c r="J43" s="17">
        <v>301</v>
      </c>
      <c r="K43" s="16">
        <v>739</v>
      </c>
      <c r="L43" s="79">
        <v>393</v>
      </c>
      <c r="M43" s="80">
        <v>346</v>
      </c>
    </row>
    <row r="44" spans="1:13">
      <c r="A44" s="15" t="s">
        <v>78</v>
      </c>
      <c r="B44" s="16">
        <v>-84</v>
      </c>
      <c r="C44" s="17">
        <v>-37</v>
      </c>
      <c r="D44" s="17">
        <v>-47</v>
      </c>
      <c r="E44" s="16">
        <v>1</v>
      </c>
      <c r="F44" s="17">
        <v>0</v>
      </c>
      <c r="G44" s="18">
        <v>1</v>
      </c>
      <c r="H44" s="17">
        <v>554</v>
      </c>
      <c r="I44" s="17">
        <v>315</v>
      </c>
      <c r="J44" s="17">
        <v>239</v>
      </c>
      <c r="K44" s="16">
        <v>637</v>
      </c>
      <c r="L44" s="79">
        <v>352</v>
      </c>
      <c r="M44" s="80">
        <v>285</v>
      </c>
    </row>
    <row r="45" spans="1:13">
      <c r="A45" s="15" t="s">
        <v>80</v>
      </c>
      <c r="B45" s="16">
        <v>-26</v>
      </c>
      <c r="C45" s="17">
        <v>-1</v>
      </c>
      <c r="D45" s="17">
        <v>-25</v>
      </c>
      <c r="E45" s="16">
        <v>2</v>
      </c>
      <c r="F45" s="17">
        <v>1</v>
      </c>
      <c r="G45" s="18">
        <v>1</v>
      </c>
      <c r="H45" s="17">
        <v>549</v>
      </c>
      <c r="I45" s="17">
        <v>330</v>
      </c>
      <c r="J45" s="17">
        <v>219</v>
      </c>
      <c r="K45" s="16">
        <v>573</v>
      </c>
      <c r="L45" s="79">
        <v>330</v>
      </c>
      <c r="M45" s="80">
        <v>243</v>
      </c>
    </row>
    <row r="46" spans="1:13">
      <c r="A46" s="15" t="s">
        <v>82</v>
      </c>
      <c r="B46" s="16">
        <v>1</v>
      </c>
      <c r="C46" s="17">
        <v>3</v>
      </c>
      <c r="D46" s="17">
        <v>-2</v>
      </c>
      <c r="E46" s="16">
        <v>1</v>
      </c>
      <c r="F46" s="17">
        <v>1</v>
      </c>
      <c r="G46" s="18">
        <v>0</v>
      </c>
      <c r="H46" s="17">
        <v>472</v>
      </c>
      <c r="I46" s="17">
        <v>281</v>
      </c>
      <c r="J46" s="17">
        <v>191</v>
      </c>
      <c r="K46" s="16">
        <v>470</v>
      </c>
      <c r="L46" s="79">
        <v>277</v>
      </c>
      <c r="M46" s="80">
        <v>193</v>
      </c>
    </row>
    <row r="47" spans="1:13">
      <c r="A47" s="15" t="s">
        <v>84</v>
      </c>
      <c r="B47" s="16">
        <v>3</v>
      </c>
      <c r="C47" s="17">
        <v>13</v>
      </c>
      <c r="D47" s="17">
        <v>-10</v>
      </c>
      <c r="E47" s="16">
        <v>0</v>
      </c>
      <c r="F47" s="17">
        <v>0</v>
      </c>
      <c r="G47" s="18">
        <v>0</v>
      </c>
      <c r="H47" s="17">
        <v>434</v>
      </c>
      <c r="I47" s="17">
        <v>264</v>
      </c>
      <c r="J47" s="17">
        <v>170</v>
      </c>
      <c r="K47" s="16">
        <v>431</v>
      </c>
      <c r="L47" s="79">
        <v>251</v>
      </c>
      <c r="M47" s="80">
        <v>180</v>
      </c>
    </row>
    <row r="48" spans="1:13" ht="21" customHeight="1">
      <c r="A48" s="36" t="s">
        <v>86</v>
      </c>
      <c r="B48" s="64">
        <v>-300</v>
      </c>
      <c r="C48" s="65">
        <v>-172</v>
      </c>
      <c r="D48" s="65">
        <v>-128</v>
      </c>
      <c r="E48" s="64">
        <v>8</v>
      </c>
      <c r="F48" s="65">
        <v>7</v>
      </c>
      <c r="G48" s="66">
        <v>1</v>
      </c>
      <c r="H48" s="65">
        <v>1421</v>
      </c>
      <c r="I48" s="65">
        <v>872</v>
      </c>
      <c r="J48" s="65">
        <v>549</v>
      </c>
      <c r="K48" s="64">
        <v>1713</v>
      </c>
      <c r="L48" s="86">
        <v>1037</v>
      </c>
      <c r="M48" s="87">
        <v>676</v>
      </c>
    </row>
    <row r="49" spans="1:13">
      <c r="A49" s="15" t="s">
        <v>88</v>
      </c>
      <c r="B49" s="16">
        <v>-53</v>
      </c>
      <c r="C49" s="17">
        <v>-26</v>
      </c>
      <c r="D49" s="17">
        <v>-27</v>
      </c>
      <c r="E49" s="16">
        <v>1</v>
      </c>
      <c r="F49" s="17">
        <v>1</v>
      </c>
      <c r="G49" s="18">
        <v>0</v>
      </c>
      <c r="H49" s="17">
        <v>362</v>
      </c>
      <c r="I49" s="17">
        <v>223</v>
      </c>
      <c r="J49" s="17">
        <v>139</v>
      </c>
      <c r="K49" s="16">
        <v>414</v>
      </c>
      <c r="L49" s="79">
        <v>248</v>
      </c>
      <c r="M49" s="80">
        <v>166</v>
      </c>
    </row>
    <row r="50" spans="1:13">
      <c r="A50" s="15" t="s">
        <v>90</v>
      </c>
      <c r="B50" s="16">
        <v>-101</v>
      </c>
      <c r="C50" s="17">
        <v>-56</v>
      </c>
      <c r="D50" s="17">
        <v>-45</v>
      </c>
      <c r="E50" s="16">
        <v>2</v>
      </c>
      <c r="F50" s="17">
        <v>2</v>
      </c>
      <c r="G50" s="18">
        <v>0</v>
      </c>
      <c r="H50" s="17">
        <v>297</v>
      </c>
      <c r="I50" s="17">
        <v>174</v>
      </c>
      <c r="J50" s="17">
        <v>123</v>
      </c>
      <c r="K50" s="16">
        <v>396</v>
      </c>
      <c r="L50" s="79">
        <v>228</v>
      </c>
      <c r="M50" s="80">
        <v>168</v>
      </c>
    </row>
    <row r="51" spans="1:13">
      <c r="A51" s="15" t="s">
        <v>92</v>
      </c>
      <c r="B51" s="16">
        <v>-41</v>
      </c>
      <c r="C51" s="17">
        <v>-26</v>
      </c>
      <c r="D51" s="17">
        <v>-15</v>
      </c>
      <c r="E51" s="16">
        <v>2</v>
      </c>
      <c r="F51" s="17">
        <v>2</v>
      </c>
      <c r="G51" s="18">
        <v>0</v>
      </c>
      <c r="H51" s="17">
        <v>306</v>
      </c>
      <c r="I51" s="17">
        <v>187</v>
      </c>
      <c r="J51" s="17">
        <v>119</v>
      </c>
      <c r="K51" s="16">
        <v>345</v>
      </c>
      <c r="L51" s="79">
        <v>211</v>
      </c>
      <c r="M51" s="80">
        <v>134</v>
      </c>
    </row>
    <row r="52" spans="1:13">
      <c r="A52" s="15" t="s">
        <v>94</v>
      </c>
      <c r="B52" s="16">
        <v>-57</v>
      </c>
      <c r="C52" s="17">
        <v>-54</v>
      </c>
      <c r="D52" s="17">
        <v>-3</v>
      </c>
      <c r="E52" s="16">
        <v>1</v>
      </c>
      <c r="F52" s="17">
        <v>1</v>
      </c>
      <c r="G52" s="18">
        <v>0</v>
      </c>
      <c r="H52" s="17">
        <v>235</v>
      </c>
      <c r="I52" s="17">
        <v>144</v>
      </c>
      <c r="J52" s="17">
        <v>91</v>
      </c>
      <c r="K52" s="16">
        <v>291</v>
      </c>
      <c r="L52" s="79">
        <v>197</v>
      </c>
      <c r="M52" s="80">
        <v>94</v>
      </c>
    </row>
    <row r="53" spans="1:13">
      <c r="A53" s="15" t="s">
        <v>96</v>
      </c>
      <c r="B53" s="16">
        <v>-48</v>
      </c>
      <c r="C53" s="17">
        <v>-10</v>
      </c>
      <c r="D53" s="17">
        <v>-38</v>
      </c>
      <c r="E53" s="16">
        <v>2</v>
      </c>
      <c r="F53" s="17">
        <v>1</v>
      </c>
      <c r="G53" s="18">
        <v>1</v>
      </c>
      <c r="H53" s="17">
        <v>221</v>
      </c>
      <c r="I53" s="17">
        <v>144</v>
      </c>
      <c r="J53" s="17">
        <v>77</v>
      </c>
      <c r="K53" s="16">
        <v>267</v>
      </c>
      <c r="L53" s="79">
        <v>153</v>
      </c>
      <c r="M53" s="80">
        <v>114</v>
      </c>
    </row>
    <row r="54" spans="1:13" ht="21" customHeight="1">
      <c r="A54" s="36" t="s">
        <v>98</v>
      </c>
      <c r="B54" s="64">
        <v>-116</v>
      </c>
      <c r="C54" s="65">
        <v>-39</v>
      </c>
      <c r="D54" s="65">
        <v>-77</v>
      </c>
      <c r="E54" s="64">
        <v>12</v>
      </c>
      <c r="F54" s="65">
        <v>5</v>
      </c>
      <c r="G54" s="66">
        <v>7</v>
      </c>
      <c r="H54" s="65">
        <v>899</v>
      </c>
      <c r="I54" s="65">
        <v>561</v>
      </c>
      <c r="J54" s="65">
        <v>338</v>
      </c>
      <c r="K54" s="64">
        <v>1003</v>
      </c>
      <c r="L54" s="86">
        <v>595</v>
      </c>
      <c r="M54" s="87">
        <v>408</v>
      </c>
    </row>
    <row r="55" spans="1:13">
      <c r="A55" s="15" t="s">
        <v>100</v>
      </c>
      <c r="B55" s="16">
        <v>-29</v>
      </c>
      <c r="C55" s="17">
        <v>-18</v>
      </c>
      <c r="D55" s="17">
        <v>-11</v>
      </c>
      <c r="E55" s="16">
        <v>3</v>
      </c>
      <c r="F55" s="17">
        <v>0</v>
      </c>
      <c r="G55" s="18">
        <v>3</v>
      </c>
      <c r="H55" s="17">
        <v>235</v>
      </c>
      <c r="I55" s="17">
        <v>141</v>
      </c>
      <c r="J55" s="17">
        <v>94</v>
      </c>
      <c r="K55" s="16">
        <v>261</v>
      </c>
      <c r="L55" s="79">
        <v>159</v>
      </c>
      <c r="M55" s="80">
        <v>102</v>
      </c>
    </row>
    <row r="56" spans="1:13">
      <c r="A56" s="15" t="s">
        <v>102</v>
      </c>
      <c r="B56" s="16">
        <v>-15</v>
      </c>
      <c r="C56" s="17">
        <v>14</v>
      </c>
      <c r="D56" s="17">
        <v>-29</v>
      </c>
      <c r="E56" s="16">
        <v>1</v>
      </c>
      <c r="F56" s="17">
        <v>0</v>
      </c>
      <c r="G56" s="18">
        <v>1</v>
      </c>
      <c r="H56" s="17">
        <v>190</v>
      </c>
      <c r="I56" s="17">
        <v>124</v>
      </c>
      <c r="J56" s="17">
        <v>66</v>
      </c>
      <c r="K56" s="16">
        <v>204</v>
      </c>
      <c r="L56" s="79">
        <v>110</v>
      </c>
      <c r="M56" s="80">
        <v>94</v>
      </c>
    </row>
    <row r="57" spans="1:13">
      <c r="A57" s="15" t="s">
        <v>104</v>
      </c>
      <c r="B57" s="16">
        <v>-12</v>
      </c>
      <c r="C57" s="17">
        <v>4</v>
      </c>
      <c r="D57" s="17">
        <v>-16</v>
      </c>
      <c r="E57" s="16">
        <v>2</v>
      </c>
      <c r="F57" s="17">
        <v>2</v>
      </c>
      <c r="G57" s="18">
        <v>0</v>
      </c>
      <c r="H57" s="17">
        <v>162</v>
      </c>
      <c r="I57" s="17">
        <v>102</v>
      </c>
      <c r="J57" s="17">
        <v>60</v>
      </c>
      <c r="K57" s="16">
        <v>172</v>
      </c>
      <c r="L57" s="79">
        <v>96</v>
      </c>
      <c r="M57" s="80">
        <v>76</v>
      </c>
    </row>
    <row r="58" spans="1:13">
      <c r="A58" s="15" t="s">
        <v>106</v>
      </c>
      <c r="B58" s="16">
        <v>-36</v>
      </c>
      <c r="C58" s="17">
        <v>-22</v>
      </c>
      <c r="D58" s="17">
        <v>-14</v>
      </c>
      <c r="E58" s="16">
        <v>4</v>
      </c>
      <c r="F58" s="17">
        <v>2</v>
      </c>
      <c r="G58" s="18">
        <v>2</v>
      </c>
      <c r="H58" s="17">
        <v>157</v>
      </c>
      <c r="I58" s="17">
        <v>96</v>
      </c>
      <c r="J58" s="17">
        <v>61</v>
      </c>
      <c r="K58" s="16">
        <v>189</v>
      </c>
      <c r="L58" s="79">
        <v>116</v>
      </c>
      <c r="M58" s="80">
        <v>73</v>
      </c>
    </row>
    <row r="59" spans="1:13">
      <c r="A59" s="15" t="s">
        <v>108</v>
      </c>
      <c r="B59" s="16">
        <v>-24</v>
      </c>
      <c r="C59" s="17">
        <v>-17</v>
      </c>
      <c r="D59" s="17">
        <v>-7</v>
      </c>
      <c r="E59" s="16">
        <v>2</v>
      </c>
      <c r="F59" s="17">
        <v>1</v>
      </c>
      <c r="G59" s="18">
        <v>1</v>
      </c>
      <c r="H59" s="17">
        <v>155</v>
      </c>
      <c r="I59" s="17">
        <v>98</v>
      </c>
      <c r="J59" s="17">
        <v>57</v>
      </c>
      <c r="K59" s="16">
        <v>177</v>
      </c>
      <c r="L59" s="79">
        <v>114</v>
      </c>
      <c r="M59" s="80">
        <v>63</v>
      </c>
    </row>
    <row r="60" spans="1:13" ht="21" customHeight="1">
      <c r="A60" s="36" t="s">
        <v>110</v>
      </c>
      <c r="B60" s="64">
        <v>-68</v>
      </c>
      <c r="C60" s="65">
        <v>-60</v>
      </c>
      <c r="D60" s="65">
        <v>-8</v>
      </c>
      <c r="E60" s="64">
        <v>34</v>
      </c>
      <c r="F60" s="65">
        <v>24</v>
      </c>
      <c r="G60" s="66">
        <v>10</v>
      </c>
      <c r="H60" s="65">
        <v>746</v>
      </c>
      <c r="I60" s="65">
        <v>432</v>
      </c>
      <c r="J60" s="65">
        <v>314</v>
      </c>
      <c r="K60" s="64">
        <v>780</v>
      </c>
      <c r="L60" s="86">
        <v>468</v>
      </c>
      <c r="M60" s="87">
        <v>312</v>
      </c>
    </row>
    <row r="61" spans="1:13">
      <c r="A61" s="15" t="s">
        <v>112</v>
      </c>
      <c r="B61" s="16">
        <v>-23</v>
      </c>
      <c r="C61" s="17">
        <v>-13</v>
      </c>
      <c r="D61" s="17">
        <v>-10</v>
      </c>
      <c r="E61" s="16">
        <v>1</v>
      </c>
      <c r="F61" s="17">
        <v>0</v>
      </c>
      <c r="G61" s="18">
        <v>1</v>
      </c>
      <c r="H61" s="17">
        <v>167</v>
      </c>
      <c r="I61" s="17">
        <v>93</v>
      </c>
      <c r="J61" s="17">
        <v>74</v>
      </c>
      <c r="K61" s="16">
        <v>189</v>
      </c>
      <c r="L61" s="79">
        <v>106</v>
      </c>
      <c r="M61" s="80">
        <v>83</v>
      </c>
    </row>
    <row r="62" spans="1:13">
      <c r="A62" s="15" t="s">
        <v>114</v>
      </c>
      <c r="B62" s="16">
        <v>3</v>
      </c>
      <c r="C62" s="17">
        <v>-4</v>
      </c>
      <c r="D62" s="17">
        <v>7</v>
      </c>
      <c r="E62" s="16">
        <v>8</v>
      </c>
      <c r="F62" s="17">
        <v>6</v>
      </c>
      <c r="G62" s="18">
        <v>2</v>
      </c>
      <c r="H62" s="17">
        <v>149</v>
      </c>
      <c r="I62" s="17">
        <v>85</v>
      </c>
      <c r="J62" s="17">
        <v>64</v>
      </c>
      <c r="K62" s="16">
        <v>138</v>
      </c>
      <c r="L62" s="79">
        <v>83</v>
      </c>
      <c r="M62" s="80">
        <v>55</v>
      </c>
    </row>
    <row r="63" spans="1:13">
      <c r="A63" s="15" t="s">
        <v>116</v>
      </c>
      <c r="B63" s="16">
        <v>-25</v>
      </c>
      <c r="C63" s="17">
        <v>-24</v>
      </c>
      <c r="D63" s="17">
        <v>-1</v>
      </c>
      <c r="E63" s="16">
        <v>7</v>
      </c>
      <c r="F63" s="17">
        <v>7</v>
      </c>
      <c r="G63" s="18">
        <v>0</v>
      </c>
      <c r="H63" s="17">
        <v>143</v>
      </c>
      <c r="I63" s="17">
        <v>86</v>
      </c>
      <c r="J63" s="17">
        <v>57</v>
      </c>
      <c r="K63" s="16">
        <v>161</v>
      </c>
      <c r="L63" s="79">
        <v>103</v>
      </c>
      <c r="M63" s="80">
        <v>58</v>
      </c>
    </row>
    <row r="64" spans="1:13">
      <c r="A64" s="15" t="s">
        <v>118</v>
      </c>
      <c r="B64" s="16">
        <v>-32</v>
      </c>
      <c r="C64" s="17">
        <v>-27</v>
      </c>
      <c r="D64" s="17">
        <v>-5</v>
      </c>
      <c r="E64" s="16">
        <v>8</v>
      </c>
      <c r="F64" s="17">
        <v>4</v>
      </c>
      <c r="G64" s="18">
        <v>4</v>
      </c>
      <c r="H64" s="17">
        <v>137</v>
      </c>
      <c r="I64" s="17">
        <v>79</v>
      </c>
      <c r="J64" s="17">
        <v>58</v>
      </c>
      <c r="K64" s="16">
        <v>161</v>
      </c>
      <c r="L64" s="79">
        <v>102</v>
      </c>
      <c r="M64" s="80">
        <v>59</v>
      </c>
    </row>
    <row r="65" spans="1:13">
      <c r="A65" s="19" t="s">
        <v>120</v>
      </c>
      <c r="B65" s="88">
        <v>9</v>
      </c>
      <c r="C65" s="89">
        <v>8</v>
      </c>
      <c r="D65" s="89">
        <v>1</v>
      </c>
      <c r="E65" s="88">
        <v>10</v>
      </c>
      <c r="F65" s="89">
        <v>7</v>
      </c>
      <c r="G65" s="90">
        <v>3</v>
      </c>
      <c r="H65" s="89">
        <v>150</v>
      </c>
      <c r="I65" s="89">
        <v>89</v>
      </c>
      <c r="J65" s="89">
        <v>61</v>
      </c>
      <c r="K65" s="88">
        <v>131</v>
      </c>
      <c r="L65" s="81">
        <v>74</v>
      </c>
      <c r="M65" s="82">
        <v>57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31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48" t="s">
        <v>1</v>
      </c>
      <c r="B69" s="83">
        <v>1966</v>
      </c>
      <c r="C69" s="40">
        <v>990</v>
      </c>
      <c r="D69" s="74">
        <v>976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49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0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-141</v>
      </c>
      <c r="C75" s="65">
        <v>-86</v>
      </c>
      <c r="D75" s="65">
        <v>-55</v>
      </c>
      <c r="E75" s="64">
        <v>48</v>
      </c>
      <c r="F75" s="65">
        <v>34</v>
      </c>
      <c r="G75" s="66">
        <v>14</v>
      </c>
      <c r="H75" s="65">
        <v>545</v>
      </c>
      <c r="I75" s="65">
        <v>314</v>
      </c>
      <c r="J75" s="65">
        <v>231</v>
      </c>
      <c r="K75" s="64">
        <v>638</v>
      </c>
      <c r="L75" s="77">
        <v>366</v>
      </c>
      <c r="M75" s="78">
        <v>272</v>
      </c>
    </row>
    <row r="76" spans="1:13">
      <c r="A76" s="27" t="s">
        <v>5</v>
      </c>
      <c r="B76" s="16">
        <v>-26</v>
      </c>
      <c r="C76" s="17">
        <v>-26</v>
      </c>
      <c r="D76" s="17">
        <v>0</v>
      </c>
      <c r="E76" s="16">
        <v>8</v>
      </c>
      <c r="F76" s="17">
        <v>5</v>
      </c>
      <c r="G76" s="18">
        <v>3</v>
      </c>
      <c r="H76" s="17">
        <v>112</v>
      </c>
      <c r="I76" s="17">
        <v>56</v>
      </c>
      <c r="J76" s="17">
        <v>56</v>
      </c>
      <c r="K76" s="16">
        <v>130</v>
      </c>
      <c r="L76" s="79">
        <v>77</v>
      </c>
      <c r="M76" s="80">
        <v>53</v>
      </c>
    </row>
    <row r="77" spans="1:13">
      <c r="A77" s="27" t="s">
        <v>7</v>
      </c>
      <c r="B77" s="16">
        <v>3</v>
      </c>
      <c r="C77" s="17">
        <v>3</v>
      </c>
      <c r="D77" s="17">
        <v>0</v>
      </c>
      <c r="E77" s="16">
        <v>7</v>
      </c>
      <c r="F77" s="17">
        <v>5</v>
      </c>
      <c r="G77" s="18">
        <v>2</v>
      </c>
      <c r="H77" s="17">
        <v>133</v>
      </c>
      <c r="I77" s="17">
        <v>81</v>
      </c>
      <c r="J77" s="17">
        <v>52</v>
      </c>
      <c r="K77" s="16">
        <v>123</v>
      </c>
      <c r="L77" s="79">
        <v>73</v>
      </c>
      <c r="M77" s="80">
        <v>50</v>
      </c>
    </row>
    <row r="78" spans="1:13">
      <c r="A78" s="27" t="s">
        <v>9</v>
      </c>
      <c r="B78" s="16">
        <v>-15</v>
      </c>
      <c r="C78" s="17">
        <v>3</v>
      </c>
      <c r="D78" s="17">
        <v>-18</v>
      </c>
      <c r="E78" s="16">
        <v>11</v>
      </c>
      <c r="F78" s="17">
        <v>6</v>
      </c>
      <c r="G78" s="18">
        <v>5</v>
      </c>
      <c r="H78" s="17">
        <v>118</v>
      </c>
      <c r="I78" s="17">
        <v>78</v>
      </c>
      <c r="J78" s="17">
        <v>40</v>
      </c>
      <c r="K78" s="16">
        <v>122</v>
      </c>
      <c r="L78" s="79">
        <v>69</v>
      </c>
      <c r="M78" s="80">
        <v>53</v>
      </c>
    </row>
    <row r="79" spans="1:13">
      <c r="A79" s="27" t="s">
        <v>11</v>
      </c>
      <c r="B79" s="16">
        <v>-58</v>
      </c>
      <c r="C79" s="17">
        <v>-41</v>
      </c>
      <c r="D79" s="17">
        <v>-17</v>
      </c>
      <c r="E79" s="16">
        <v>6</v>
      </c>
      <c r="F79" s="17">
        <v>5</v>
      </c>
      <c r="G79" s="18">
        <v>1</v>
      </c>
      <c r="H79" s="17">
        <v>83</v>
      </c>
      <c r="I79" s="17">
        <v>45</v>
      </c>
      <c r="J79" s="17">
        <v>38</v>
      </c>
      <c r="K79" s="16">
        <v>135</v>
      </c>
      <c r="L79" s="79">
        <v>81</v>
      </c>
      <c r="M79" s="80">
        <v>54</v>
      </c>
    </row>
    <row r="80" spans="1:13">
      <c r="A80" s="27" t="s">
        <v>13</v>
      </c>
      <c r="B80" s="16">
        <v>-45</v>
      </c>
      <c r="C80" s="17">
        <v>-25</v>
      </c>
      <c r="D80" s="17">
        <v>-20</v>
      </c>
      <c r="E80" s="16">
        <v>16</v>
      </c>
      <c r="F80" s="17">
        <v>13</v>
      </c>
      <c r="G80" s="18">
        <v>3</v>
      </c>
      <c r="H80" s="17">
        <v>99</v>
      </c>
      <c r="I80" s="17">
        <v>54</v>
      </c>
      <c r="J80" s="17">
        <v>45</v>
      </c>
      <c r="K80" s="16">
        <v>128</v>
      </c>
      <c r="L80" s="79">
        <v>66</v>
      </c>
      <c r="M80" s="80">
        <v>62</v>
      </c>
    </row>
    <row r="81" spans="1:13" ht="21" customHeight="1">
      <c r="A81" s="38" t="s">
        <v>15</v>
      </c>
      <c r="B81" s="64">
        <v>-184</v>
      </c>
      <c r="C81" s="65">
        <v>-140</v>
      </c>
      <c r="D81" s="65">
        <v>-44</v>
      </c>
      <c r="E81" s="64">
        <v>84</v>
      </c>
      <c r="F81" s="65">
        <v>59</v>
      </c>
      <c r="G81" s="66">
        <v>25</v>
      </c>
      <c r="H81" s="65">
        <v>446</v>
      </c>
      <c r="I81" s="65">
        <v>251</v>
      </c>
      <c r="J81" s="65">
        <v>195</v>
      </c>
      <c r="K81" s="64">
        <v>546</v>
      </c>
      <c r="L81" s="77">
        <v>332</v>
      </c>
      <c r="M81" s="78">
        <v>214</v>
      </c>
    </row>
    <row r="82" spans="1:13">
      <c r="A82" s="27" t="s">
        <v>17</v>
      </c>
      <c r="B82" s="16">
        <v>-47</v>
      </c>
      <c r="C82" s="17">
        <v>-29</v>
      </c>
      <c r="D82" s="17">
        <v>-18</v>
      </c>
      <c r="E82" s="16">
        <v>20</v>
      </c>
      <c r="F82" s="17">
        <v>13</v>
      </c>
      <c r="G82" s="18">
        <v>7</v>
      </c>
      <c r="H82" s="17">
        <v>121</v>
      </c>
      <c r="I82" s="17">
        <v>71</v>
      </c>
      <c r="J82" s="17">
        <v>50</v>
      </c>
      <c r="K82" s="16">
        <v>148</v>
      </c>
      <c r="L82" s="79">
        <v>87</v>
      </c>
      <c r="M82" s="80">
        <v>61</v>
      </c>
    </row>
    <row r="83" spans="1:13">
      <c r="A83" s="27" t="s">
        <v>19</v>
      </c>
      <c r="B83" s="16">
        <v>-16</v>
      </c>
      <c r="C83" s="17">
        <v>-19</v>
      </c>
      <c r="D83" s="17">
        <v>3</v>
      </c>
      <c r="E83" s="16">
        <v>14</v>
      </c>
      <c r="F83" s="17">
        <v>11</v>
      </c>
      <c r="G83" s="18">
        <v>3</v>
      </c>
      <c r="H83" s="17">
        <v>75</v>
      </c>
      <c r="I83" s="17">
        <v>38</v>
      </c>
      <c r="J83" s="17">
        <v>37</v>
      </c>
      <c r="K83" s="16">
        <v>77</v>
      </c>
      <c r="L83" s="79">
        <v>46</v>
      </c>
      <c r="M83" s="80">
        <v>31</v>
      </c>
    </row>
    <row r="84" spans="1:13">
      <c r="A84" s="27" t="s">
        <v>21</v>
      </c>
      <c r="B84" s="16">
        <v>-35</v>
      </c>
      <c r="C84" s="17">
        <v>-28</v>
      </c>
      <c r="D84" s="17">
        <v>-7</v>
      </c>
      <c r="E84" s="16">
        <v>10</v>
      </c>
      <c r="F84" s="17">
        <v>7</v>
      </c>
      <c r="G84" s="18">
        <v>3</v>
      </c>
      <c r="H84" s="17">
        <v>92</v>
      </c>
      <c r="I84" s="17">
        <v>55</v>
      </c>
      <c r="J84" s="17">
        <v>37</v>
      </c>
      <c r="K84" s="16">
        <v>117</v>
      </c>
      <c r="L84" s="79">
        <v>76</v>
      </c>
      <c r="M84" s="80">
        <v>41</v>
      </c>
    </row>
    <row r="85" spans="1:13">
      <c r="A85" s="27" t="s">
        <v>23</v>
      </c>
      <c r="B85" s="16">
        <v>-31</v>
      </c>
      <c r="C85" s="17">
        <v>-31</v>
      </c>
      <c r="D85" s="17">
        <v>0</v>
      </c>
      <c r="E85" s="16">
        <v>22</v>
      </c>
      <c r="F85" s="17">
        <v>16</v>
      </c>
      <c r="G85" s="18">
        <v>6</v>
      </c>
      <c r="H85" s="17">
        <v>75</v>
      </c>
      <c r="I85" s="17">
        <v>39</v>
      </c>
      <c r="J85" s="17">
        <v>36</v>
      </c>
      <c r="K85" s="16">
        <v>84</v>
      </c>
      <c r="L85" s="79">
        <v>54</v>
      </c>
      <c r="M85" s="80">
        <v>30</v>
      </c>
    </row>
    <row r="86" spans="1:13">
      <c r="A86" s="27" t="s">
        <v>25</v>
      </c>
      <c r="B86" s="16">
        <v>-55</v>
      </c>
      <c r="C86" s="17">
        <v>-33</v>
      </c>
      <c r="D86" s="17">
        <v>-22</v>
      </c>
      <c r="E86" s="16">
        <v>18</v>
      </c>
      <c r="F86" s="17">
        <v>12</v>
      </c>
      <c r="G86" s="18">
        <v>6</v>
      </c>
      <c r="H86" s="17">
        <v>83</v>
      </c>
      <c r="I86" s="17">
        <v>48</v>
      </c>
      <c r="J86" s="17">
        <v>35</v>
      </c>
      <c r="K86" s="16">
        <v>120</v>
      </c>
      <c r="L86" s="79">
        <v>69</v>
      </c>
      <c r="M86" s="80">
        <v>51</v>
      </c>
    </row>
    <row r="87" spans="1:13" ht="21" customHeight="1">
      <c r="A87" s="38" t="s">
        <v>27</v>
      </c>
      <c r="B87" s="64">
        <v>-227</v>
      </c>
      <c r="C87" s="65">
        <v>-151</v>
      </c>
      <c r="D87" s="65">
        <v>-76</v>
      </c>
      <c r="E87" s="64">
        <v>100</v>
      </c>
      <c r="F87" s="65">
        <v>69</v>
      </c>
      <c r="G87" s="66">
        <v>31</v>
      </c>
      <c r="H87" s="65">
        <v>265</v>
      </c>
      <c r="I87" s="65">
        <v>172</v>
      </c>
      <c r="J87" s="65">
        <v>93</v>
      </c>
      <c r="K87" s="64">
        <v>392</v>
      </c>
      <c r="L87" s="77">
        <v>254</v>
      </c>
      <c r="M87" s="78">
        <v>138</v>
      </c>
    </row>
    <row r="88" spans="1:13">
      <c r="A88" s="27" t="s">
        <v>29</v>
      </c>
      <c r="B88" s="16">
        <v>-58</v>
      </c>
      <c r="C88" s="17">
        <v>-36</v>
      </c>
      <c r="D88" s="17">
        <v>-22</v>
      </c>
      <c r="E88" s="16">
        <v>20</v>
      </c>
      <c r="F88" s="17">
        <v>14</v>
      </c>
      <c r="G88" s="18">
        <v>6</v>
      </c>
      <c r="H88" s="17">
        <v>67</v>
      </c>
      <c r="I88" s="17">
        <v>47</v>
      </c>
      <c r="J88" s="17">
        <v>20</v>
      </c>
      <c r="K88" s="16">
        <v>105</v>
      </c>
      <c r="L88" s="79">
        <v>69</v>
      </c>
      <c r="M88" s="80">
        <v>36</v>
      </c>
    </row>
    <row r="89" spans="1:13">
      <c r="A89" s="27" t="s">
        <v>31</v>
      </c>
      <c r="B89" s="16">
        <v>-53</v>
      </c>
      <c r="C89" s="17">
        <v>-35</v>
      </c>
      <c r="D89" s="17">
        <v>-18</v>
      </c>
      <c r="E89" s="16">
        <v>29</v>
      </c>
      <c r="F89" s="17">
        <v>18</v>
      </c>
      <c r="G89" s="18">
        <v>11</v>
      </c>
      <c r="H89" s="17">
        <v>57</v>
      </c>
      <c r="I89" s="17">
        <v>41</v>
      </c>
      <c r="J89" s="17">
        <v>16</v>
      </c>
      <c r="K89" s="16">
        <v>81</v>
      </c>
      <c r="L89" s="79">
        <v>58</v>
      </c>
      <c r="M89" s="80">
        <v>23</v>
      </c>
    </row>
    <row r="90" spans="1:13">
      <c r="A90" s="27" t="s">
        <v>33</v>
      </c>
      <c r="B90" s="16">
        <v>-43</v>
      </c>
      <c r="C90" s="17">
        <v>-28</v>
      </c>
      <c r="D90" s="17">
        <v>-15</v>
      </c>
      <c r="E90" s="16">
        <v>16</v>
      </c>
      <c r="F90" s="17">
        <v>11</v>
      </c>
      <c r="G90" s="18">
        <v>5</v>
      </c>
      <c r="H90" s="17">
        <v>53</v>
      </c>
      <c r="I90" s="17">
        <v>33</v>
      </c>
      <c r="J90" s="17">
        <v>20</v>
      </c>
      <c r="K90" s="16">
        <v>80</v>
      </c>
      <c r="L90" s="79">
        <v>50</v>
      </c>
      <c r="M90" s="80">
        <v>30</v>
      </c>
    </row>
    <row r="91" spans="1:13">
      <c r="A91" s="27" t="s">
        <v>35</v>
      </c>
      <c r="B91" s="16">
        <v>-39</v>
      </c>
      <c r="C91" s="17">
        <v>-27</v>
      </c>
      <c r="D91" s="17">
        <v>-12</v>
      </c>
      <c r="E91" s="16">
        <v>13</v>
      </c>
      <c r="F91" s="17">
        <v>10</v>
      </c>
      <c r="G91" s="18">
        <v>3</v>
      </c>
      <c r="H91" s="17">
        <v>47</v>
      </c>
      <c r="I91" s="17">
        <v>28</v>
      </c>
      <c r="J91" s="17">
        <v>19</v>
      </c>
      <c r="K91" s="16">
        <v>73</v>
      </c>
      <c r="L91" s="79">
        <v>45</v>
      </c>
      <c r="M91" s="80">
        <v>28</v>
      </c>
    </row>
    <row r="92" spans="1:13">
      <c r="A92" s="27" t="s">
        <v>37</v>
      </c>
      <c r="B92" s="16">
        <v>-34</v>
      </c>
      <c r="C92" s="17">
        <v>-25</v>
      </c>
      <c r="D92" s="17">
        <v>-9</v>
      </c>
      <c r="E92" s="16">
        <v>22</v>
      </c>
      <c r="F92" s="17">
        <v>16</v>
      </c>
      <c r="G92" s="18">
        <v>6</v>
      </c>
      <c r="H92" s="17">
        <v>41</v>
      </c>
      <c r="I92" s="17">
        <v>23</v>
      </c>
      <c r="J92" s="17">
        <v>18</v>
      </c>
      <c r="K92" s="16">
        <v>53</v>
      </c>
      <c r="L92" s="79">
        <v>32</v>
      </c>
      <c r="M92" s="80">
        <v>21</v>
      </c>
    </row>
    <row r="93" spans="1:13" ht="21" customHeight="1">
      <c r="A93" s="38" t="s">
        <v>39</v>
      </c>
      <c r="B93" s="64">
        <v>-283</v>
      </c>
      <c r="C93" s="65">
        <v>-189</v>
      </c>
      <c r="D93" s="65">
        <v>-94</v>
      </c>
      <c r="E93" s="64">
        <v>149</v>
      </c>
      <c r="F93" s="65">
        <v>107</v>
      </c>
      <c r="G93" s="66">
        <v>42</v>
      </c>
      <c r="H93" s="65">
        <v>170</v>
      </c>
      <c r="I93" s="65">
        <v>102</v>
      </c>
      <c r="J93" s="65">
        <v>68</v>
      </c>
      <c r="K93" s="64">
        <v>304</v>
      </c>
      <c r="L93" s="77">
        <v>184</v>
      </c>
      <c r="M93" s="78">
        <v>120</v>
      </c>
    </row>
    <row r="94" spans="1:13">
      <c r="A94" s="27" t="s">
        <v>41</v>
      </c>
      <c r="B94" s="16">
        <v>-74</v>
      </c>
      <c r="C94" s="17">
        <v>-44</v>
      </c>
      <c r="D94" s="17">
        <v>-30</v>
      </c>
      <c r="E94" s="16">
        <v>32</v>
      </c>
      <c r="F94" s="17">
        <v>20</v>
      </c>
      <c r="G94" s="18">
        <v>12</v>
      </c>
      <c r="H94" s="17">
        <v>38</v>
      </c>
      <c r="I94" s="17">
        <v>21</v>
      </c>
      <c r="J94" s="17">
        <v>17</v>
      </c>
      <c r="K94" s="16">
        <v>80</v>
      </c>
      <c r="L94" s="79">
        <v>45</v>
      </c>
      <c r="M94" s="80">
        <v>35</v>
      </c>
    </row>
    <row r="95" spans="1:13">
      <c r="A95" s="27" t="s">
        <v>43</v>
      </c>
      <c r="B95" s="16">
        <v>-50</v>
      </c>
      <c r="C95" s="17">
        <v>-40</v>
      </c>
      <c r="D95" s="17">
        <v>-10</v>
      </c>
      <c r="E95" s="16">
        <v>32</v>
      </c>
      <c r="F95" s="17">
        <v>25</v>
      </c>
      <c r="G95" s="18">
        <v>7</v>
      </c>
      <c r="H95" s="17">
        <v>36</v>
      </c>
      <c r="I95" s="17">
        <v>24</v>
      </c>
      <c r="J95" s="17">
        <v>12</v>
      </c>
      <c r="K95" s="16">
        <v>54</v>
      </c>
      <c r="L95" s="79">
        <v>39</v>
      </c>
      <c r="M95" s="80">
        <v>15</v>
      </c>
    </row>
    <row r="96" spans="1:13">
      <c r="A96" s="27" t="s">
        <v>45</v>
      </c>
      <c r="B96" s="16">
        <v>-59</v>
      </c>
      <c r="C96" s="17">
        <v>-33</v>
      </c>
      <c r="D96" s="17">
        <v>-26</v>
      </c>
      <c r="E96" s="16">
        <v>27</v>
      </c>
      <c r="F96" s="17">
        <v>16</v>
      </c>
      <c r="G96" s="18">
        <v>11</v>
      </c>
      <c r="H96" s="17">
        <v>29</v>
      </c>
      <c r="I96" s="17">
        <v>22</v>
      </c>
      <c r="J96" s="17">
        <v>7</v>
      </c>
      <c r="K96" s="16">
        <v>61</v>
      </c>
      <c r="L96" s="79">
        <v>39</v>
      </c>
      <c r="M96" s="80">
        <v>22</v>
      </c>
    </row>
    <row r="97" spans="1:13">
      <c r="A97" s="27" t="s">
        <v>47</v>
      </c>
      <c r="B97" s="16">
        <v>-52</v>
      </c>
      <c r="C97" s="17">
        <v>-39</v>
      </c>
      <c r="D97" s="17">
        <v>-13</v>
      </c>
      <c r="E97" s="16">
        <v>30</v>
      </c>
      <c r="F97" s="17">
        <v>23</v>
      </c>
      <c r="G97" s="18">
        <v>7</v>
      </c>
      <c r="H97" s="17">
        <v>27</v>
      </c>
      <c r="I97" s="17">
        <v>15</v>
      </c>
      <c r="J97" s="17">
        <v>12</v>
      </c>
      <c r="K97" s="16">
        <v>49</v>
      </c>
      <c r="L97" s="79">
        <v>31</v>
      </c>
      <c r="M97" s="80">
        <v>18</v>
      </c>
    </row>
    <row r="98" spans="1:13">
      <c r="A98" s="27" t="s">
        <v>49</v>
      </c>
      <c r="B98" s="16">
        <v>-48</v>
      </c>
      <c r="C98" s="17">
        <v>-33</v>
      </c>
      <c r="D98" s="17">
        <v>-15</v>
      </c>
      <c r="E98" s="16">
        <v>28</v>
      </c>
      <c r="F98" s="17">
        <v>23</v>
      </c>
      <c r="G98" s="18">
        <v>5</v>
      </c>
      <c r="H98" s="17">
        <v>40</v>
      </c>
      <c r="I98" s="17">
        <v>20</v>
      </c>
      <c r="J98" s="17">
        <v>20</v>
      </c>
      <c r="K98" s="16">
        <v>60</v>
      </c>
      <c r="L98" s="79">
        <v>30</v>
      </c>
      <c r="M98" s="80">
        <v>30</v>
      </c>
    </row>
    <row r="99" spans="1:13" ht="21" customHeight="1">
      <c r="A99" s="38" t="s">
        <v>51</v>
      </c>
      <c r="B99" s="64">
        <v>-360</v>
      </c>
      <c r="C99" s="65">
        <v>-273</v>
      </c>
      <c r="D99" s="65">
        <v>-87</v>
      </c>
      <c r="E99" s="64">
        <v>267</v>
      </c>
      <c r="F99" s="65">
        <v>198</v>
      </c>
      <c r="G99" s="66">
        <v>69</v>
      </c>
      <c r="H99" s="65">
        <v>155</v>
      </c>
      <c r="I99" s="65">
        <v>78</v>
      </c>
      <c r="J99" s="65">
        <v>77</v>
      </c>
      <c r="K99" s="64">
        <v>248</v>
      </c>
      <c r="L99" s="77">
        <v>153</v>
      </c>
      <c r="M99" s="78">
        <v>95</v>
      </c>
    </row>
    <row r="100" spans="1:13">
      <c r="A100" s="27" t="s">
        <v>53</v>
      </c>
      <c r="B100" s="16">
        <v>-60</v>
      </c>
      <c r="C100" s="17">
        <v>-48</v>
      </c>
      <c r="D100" s="17">
        <v>-12</v>
      </c>
      <c r="E100" s="16">
        <v>34</v>
      </c>
      <c r="F100" s="17">
        <v>29</v>
      </c>
      <c r="G100" s="18">
        <v>5</v>
      </c>
      <c r="H100" s="17">
        <v>29</v>
      </c>
      <c r="I100" s="17">
        <v>13</v>
      </c>
      <c r="J100" s="17">
        <v>16</v>
      </c>
      <c r="K100" s="16">
        <v>55</v>
      </c>
      <c r="L100" s="79">
        <v>32</v>
      </c>
      <c r="M100" s="80">
        <v>23</v>
      </c>
    </row>
    <row r="101" spans="1:13">
      <c r="A101" s="27" t="s">
        <v>55</v>
      </c>
      <c r="B101" s="16">
        <v>-66</v>
      </c>
      <c r="C101" s="17">
        <v>-49</v>
      </c>
      <c r="D101" s="17">
        <v>-17</v>
      </c>
      <c r="E101" s="16">
        <v>49</v>
      </c>
      <c r="F101" s="17">
        <v>35</v>
      </c>
      <c r="G101" s="18">
        <v>14</v>
      </c>
      <c r="H101" s="17">
        <v>32</v>
      </c>
      <c r="I101" s="17">
        <v>16</v>
      </c>
      <c r="J101" s="17">
        <v>16</v>
      </c>
      <c r="K101" s="16">
        <v>49</v>
      </c>
      <c r="L101" s="79">
        <v>30</v>
      </c>
      <c r="M101" s="80">
        <v>19</v>
      </c>
    </row>
    <row r="102" spans="1:13">
      <c r="A102" s="27" t="s">
        <v>57</v>
      </c>
      <c r="B102" s="16">
        <v>-56</v>
      </c>
      <c r="C102" s="17">
        <v>-48</v>
      </c>
      <c r="D102" s="17">
        <v>-8</v>
      </c>
      <c r="E102" s="16">
        <v>44</v>
      </c>
      <c r="F102" s="17">
        <v>33</v>
      </c>
      <c r="G102" s="18">
        <v>11</v>
      </c>
      <c r="H102" s="17">
        <v>30</v>
      </c>
      <c r="I102" s="17">
        <v>17</v>
      </c>
      <c r="J102" s="17">
        <v>13</v>
      </c>
      <c r="K102" s="16">
        <v>42</v>
      </c>
      <c r="L102" s="79">
        <v>32</v>
      </c>
      <c r="M102" s="80">
        <v>10</v>
      </c>
    </row>
    <row r="103" spans="1:13">
      <c r="A103" s="27" t="s">
        <v>59</v>
      </c>
      <c r="B103" s="16">
        <v>-77</v>
      </c>
      <c r="C103" s="17">
        <v>-54</v>
      </c>
      <c r="D103" s="17">
        <v>-23</v>
      </c>
      <c r="E103" s="16">
        <v>60</v>
      </c>
      <c r="F103" s="17">
        <v>44</v>
      </c>
      <c r="G103" s="18">
        <v>16</v>
      </c>
      <c r="H103" s="17">
        <v>33</v>
      </c>
      <c r="I103" s="17">
        <v>17</v>
      </c>
      <c r="J103" s="17">
        <v>16</v>
      </c>
      <c r="K103" s="16">
        <v>50</v>
      </c>
      <c r="L103" s="79">
        <v>27</v>
      </c>
      <c r="M103" s="80">
        <v>23</v>
      </c>
    </row>
    <row r="104" spans="1:13">
      <c r="A104" s="27" t="s">
        <v>61</v>
      </c>
      <c r="B104" s="16">
        <v>-101</v>
      </c>
      <c r="C104" s="17">
        <v>-74</v>
      </c>
      <c r="D104" s="17">
        <v>-27</v>
      </c>
      <c r="E104" s="16">
        <v>80</v>
      </c>
      <c r="F104" s="17">
        <v>57</v>
      </c>
      <c r="G104" s="18">
        <v>23</v>
      </c>
      <c r="H104" s="17">
        <v>31</v>
      </c>
      <c r="I104" s="17">
        <v>15</v>
      </c>
      <c r="J104" s="17">
        <v>16</v>
      </c>
      <c r="K104" s="16">
        <v>52</v>
      </c>
      <c r="L104" s="79">
        <v>32</v>
      </c>
      <c r="M104" s="80">
        <v>20</v>
      </c>
    </row>
    <row r="105" spans="1:13" ht="21" customHeight="1">
      <c r="A105" s="38" t="s">
        <v>63</v>
      </c>
      <c r="B105" s="64">
        <v>-395</v>
      </c>
      <c r="C105" s="65">
        <v>-266</v>
      </c>
      <c r="D105" s="65">
        <v>-129</v>
      </c>
      <c r="E105" s="64">
        <v>335</v>
      </c>
      <c r="F105" s="65">
        <v>231</v>
      </c>
      <c r="G105" s="66">
        <v>104</v>
      </c>
      <c r="H105" s="65">
        <v>131</v>
      </c>
      <c r="I105" s="65">
        <v>62</v>
      </c>
      <c r="J105" s="65">
        <v>69</v>
      </c>
      <c r="K105" s="64">
        <v>191</v>
      </c>
      <c r="L105" s="77">
        <v>97</v>
      </c>
      <c r="M105" s="78">
        <v>94</v>
      </c>
    </row>
    <row r="106" spans="1:13">
      <c r="A106" s="27" t="s">
        <v>65</v>
      </c>
      <c r="B106" s="16">
        <v>-96</v>
      </c>
      <c r="C106" s="17">
        <v>-75</v>
      </c>
      <c r="D106" s="17">
        <v>-21</v>
      </c>
      <c r="E106" s="16">
        <v>68</v>
      </c>
      <c r="F106" s="17">
        <v>51</v>
      </c>
      <c r="G106" s="18">
        <v>17</v>
      </c>
      <c r="H106" s="17">
        <v>31</v>
      </c>
      <c r="I106" s="17">
        <v>13</v>
      </c>
      <c r="J106" s="17">
        <v>18</v>
      </c>
      <c r="K106" s="16">
        <v>59</v>
      </c>
      <c r="L106" s="79">
        <v>37</v>
      </c>
      <c r="M106" s="80">
        <v>22</v>
      </c>
    </row>
    <row r="107" spans="1:13">
      <c r="A107" s="27" t="s">
        <v>67</v>
      </c>
      <c r="B107" s="16">
        <v>-51</v>
      </c>
      <c r="C107" s="17">
        <v>-36</v>
      </c>
      <c r="D107" s="17">
        <v>-15</v>
      </c>
      <c r="E107" s="16">
        <v>47</v>
      </c>
      <c r="F107" s="17">
        <v>35</v>
      </c>
      <c r="G107" s="18">
        <v>12</v>
      </c>
      <c r="H107" s="17">
        <v>24</v>
      </c>
      <c r="I107" s="17">
        <v>14</v>
      </c>
      <c r="J107" s="17">
        <v>10</v>
      </c>
      <c r="K107" s="16">
        <v>28</v>
      </c>
      <c r="L107" s="79">
        <v>15</v>
      </c>
      <c r="M107" s="80">
        <v>13</v>
      </c>
    </row>
    <row r="108" spans="1:13">
      <c r="A108" s="27" t="s">
        <v>69</v>
      </c>
      <c r="B108" s="16">
        <v>-66</v>
      </c>
      <c r="C108" s="17">
        <v>-35</v>
      </c>
      <c r="D108" s="17">
        <v>-31</v>
      </c>
      <c r="E108" s="16">
        <v>64</v>
      </c>
      <c r="F108" s="17">
        <v>41</v>
      </c>
      <c r="G108" s="18">
        <v>23</v>
      </c>
      <c r="H108" s="17">
        <v>23</v>
      </c>
      <c r="I108" s="17">
        <v>15</v>
      </c>
      <c r="J108" s="17">
        <v>8</v>
      </c>
      <c r="K108" s="16">
        <v>25</v>
      </c>
      <c r="L108" s="79">
        <v>9</v>
      </c>
      <c r="M108" s="80">
        <v>16</v>
      </c>
    </row>
    <row r="109" spans="1:13">
      <c r="A109" s="27" t="s">
        <v>71</v>
      </c>
      <c r="B109" s="16">
        <v>-92</v>
      </c>
      <c r="C109" s="17">
        <v>-55</v>
      </c>
      <c r="D109" s="17">
        <v>-37</v>
      </c>
      <c r="E109" s="16">
        <v>80</v>
      </c>
      <c r="F109" s="17">
        <v>48</v>
      </c>
      <c r="G109" s="18">
        <v>32</v>
      </c>
      <c r="H109" s="17">
        <v>26</v>
      </c>
      <c r="I109" s="17">
        <v>11</v>
      </c>
      <c r="J109" s="17">
        <v>15</v>
      </c>
      <c r="K109" s="16">
        <v>38</v>
      </c>
      <c r="L109" s="79">
        <v>18</v>
      </c>
      <c r="M109" s="80">
        <v>20</v>
      </c>
    </row>
    <row r="110" spans="1:13">
      <c r="A110" s="27" t="s">
        <v>73</v>
      </c>
      <c r="B110" s="16">
        <v>-90</v>
      </c>
      <c r="C110" s="17">
        <v>-65</v>
      </c>
      <c r="D110" s="17">
        <v>-25</v>
      </c>
      <c r="E110" s="16">
        <v>76</v>
      </c>
      <c r="F110" s="17">
        <v>56</v>
      </c>
      <c r="G110" s="18">
        <v>20</v>
      </c>
      <c r="H110" s="17">
        <v>27</v>
      </c>
      <c r="I110" s="17">
        <v>9</v>
      </c>
      <c r="J110" s="17">
        <v>18</v>
      </c>
      <c r="K110" s="16">
        <v>41</v>
      </c>
      <c r="L110" s="79">
        <v>18</v>
      </c>
      <c r="M110" s="80">
        <v>23</v>
      </c>
    </row>
    <row r="111" spans="1:13" ht="21" customHeight="1">
      <c r="A111" s="38" t="s">
        <v>75</v>
      </c>
      <c r="B111" s="64">
        <v>-478</v>
      </c>
      <c r="C111" s="65">
        <v>-290</v>
      </c>
      <c r="D111" s="65">
        <v>-188</v>
      </c>
      <c r="E111" s="64">
        <v>476</v>
      </c>
      <c r="F111" s="65">
        <v>274</v>
      </c>
      <c r="G111" s="66">
        <v>202</v>
      </c>
      <c r="H111" s="65">
        <v>118</v>
      </c>
      <c r="I111" s="65">
        <v>39</v>
      </c>
      <c r="J111" s="65">
        <v>79</v>
      </c>
      <c r="K111" s="64">
        <v>120</v>
      </c>
      <c r="L111" s="77">
        <v>55</v>
      </c>
      <c r="M111" s="78">
        <v>65</v>
      </c>
    </row>
    <row r="112" spans="1:13">
      <c r="A112" s="27" t="s">
        <v>77</v>
      </c>
      <c r="B112" s="16">
        <v>-106</v>
      </c>
      <c r="C112" s="17">
        <v>-69</v>
      </c>
      <c r="D112" s="17">
        <v>-37</v>
      </c>
      <c r="E112" s="16">
        <v>104</v>
      </c>
      <c r="F112" s="17">
        <v>67</v>
      </c>
      <c r="G112" s="18">
        <v>37</v>
      </c>
      <c r="H112" s="17">
        <v>25</v>
      </c>
      <c r="I112" s="17">
        <v>10</v>
      </c>
      <c r="J112" s="17">
        <v>15</v>
      </c>
      <c r="K112" s="16">
        <v>27</v>
      </c>
      <c r="L112" s="79">
        <v>12</v>
      </c>
      <c r="M112" s="80">
        <v>15</v>
      </c>
    </row>
    <row r="113" spans="1:13">
      <c r="A113" s="27" t="s">
        <v>79</v>
      </c>
      <c r="B113" s="16">
        <v>-92</v>
      </c>
      <c r="C113" s="17">
        <v>-55</v>
      </c>
      <c r="D113" s="17">
        <v>-37</v>
      </c>
      <c r="E113" s="16">
        <v>87</v>
      </c>
      <c r="F113" s="17">
        <v>50</v>
      </c>
      <c r="G113" s="18">
        <v>37</v>
      </c>
      <c r="H113" s="17">
        <v>29</v>
      </c>
      <c r="I113" s="17">
        <v>14</v>
      </c>
      <c r="J113" s="17">
        <v>15</v>
      </c>
      <c r="K113" s="16">
        <v>34</v>
      </c>
      <c r="L113" s="79">
        <v>19</v>
      </c>
      <c r="M113" s="80">
        <v>15</v>
      </c>
    </row>
    <row r="114" spans="1:13">
      <c r="A114" s="27" t="s">
        <v>81</v>
      </c>
      <c r="B114" s="16">
        <v>-88</v>
      </c>
      <c r="C114" s="17">
        <v>-48</v>
      </c>
      <c r="D114" s="17">
        <v>-40</v>
      </c>
      <c r="E114" s="16">
        <v>91</v>
      </c>
      <c r="F114" s="17">
        <v>45</v>
      </c>
      <c r="G114" s="18">
        <v>46</v>
      </c>
      <c r="H114" s="17">
        <v>23</v>
      </c>
      <c r="I114" s="17">
        <v>7</v>
      </c>
      <c r="J114" s="17">
        <v>16</v>
      </c>
      <c r="K114" s="16">
        <v>20</v>
      </c>
      <c r="L114" s="79">
        <v>10</v>
      </c>
      <c r="M114" s="80">
        <v>10</v>
      </c>
    </row>
    <row r="115" spans="1:13">
      <c r="A115" s="27" t="s">
        <v>83</v>
      </c>
      <c r="B115" s="16">
        <v>-84</v>
      </c>
      <c r="C115" s="17">
        <v>-56</v>
      </c>
      <c r="D115" s="17">
        <v>-28</v>
      </c>
      <c r="E115" s="16">
        <v>84</v>
      </c>
      <c r="F115" s="17">
        <v>48</v>
      </c>
      <c r="G115" s="18">
        <v>36</v>
      </c>
      <c r="H115" s="17">
        <v>22</v>
      </c>
      <c r="I115" s="17">
        <v>2</v>
      </c>
      <c r="J115" s="17">
        <v>20</v>
      </c>
      <c r="K115" s="16">
        <v>22</v>
      </c>
      <c r="L115" s="79">
        <v>10</v>
      </c>
      <c r="M115" s="80">
        <v>12</v>
      </c>
    </row>
    <row r="116" spans="1:13">
      <c r="A116" s="27" t="s">
        <v>85</v>
      </c>
      <c r="B116" s="16">
        <v>-108</v>
      </c>
      <c r="C116" s="17">
        <v>-62</v>
      </c>
      <c r="D116" s="17">
        <v>-46</v>
      </c>
      <c r="E116" s="16">
        <v>110</v>
      </c>
      <c r="F116" s="17">
        <v>64</v>
      </c>
      <c r="G116" s="18">
        <v>46</v>
      </c>
      <c r="H116" s="17">
        <v>19</v>
      </c>
      <c r="I116" s="17">
        <v>6</v>
      </c>
      <c r="J116" s="17">
        <v>13</v>
      </c>
      <c r="K116" s="16">
        <v>17</v>
      </c>
      <c r="L116" s="79">
        <v>4</v>
      </c>
      <c r="M116" s="80">
        <v>13</v>
      </c>
    </row>
    <row r="117" spans="1:13" ht="21" customHeight="1">
      <c r="A117" s="38" t="s">
        <v>87</v>
      </c>
      <c r="B117" s="64">
        <v>-537</v>
      </c>
      <c r="C117" s="65">
        <v>-264</v>
      </c>
      <c r="D117" s="65">
        <v>-273</v>
      </c>
      <c r="E117" s="64">
        <v>508</v>
      </c>
      <c r="F117" s="65">
        <v>255</v>
      </c>
      <c r="G117" s="66">
        <v>253</v>
      </c>
      <c r="H117" s="65">
        <v>98</v>
      </c>
      <c r="I117" s="65">
        <v>26</v>
      </c>
      <c r="J117" s="65">
        <v>72</v>
      </c>
      <c r="K117" s="64">
        <v>127</v>
      </c>
      <c r="L117" s="77">
        <v>35</v>
      </c>
      <c r="M117" s="78">
        <v>92</v>
      </c>
    </row>
    <row r="118" spans="1:13">
      <c r="A118" s="27" t="s">
        <v>89</v>
      </c>
      <c r="B118" s="16">
        <v>-92</v>
      </c>
      <c r="C118" s="17">
        <v>-54</v>
      </c>
      <c r="D118" s="17">
        <v>-38</v>
      </c>
      <c r="E118" s="16">
        <v>89</v>
      </c>
      <c r="F118" s="17">
        <v>52</v>
      </c>
      <c r="G118" s="18">
        <v>37</v>
      </c>
      <c r="H118" s="17">
        <v>32</v>
      </c>
      <c r="I118" s="17">
        <v>8</v>
      </c>
      <c r="J118" s="17">
        <v>24</v>
      </c>
      <c r="K118" s="16">
        <v>35</v>
      </c>
      <c r="L118" s="79">
        <v>10</v>
      </c>
      <c r="M118" s="80">
        <v>25</v>
      </c>
    </row>
    <row r="119" spans="1:13">
      <c r="A119" s="27" t="s">
        <v>91</v>
      </c>
      <c r="B119" s="16">
        <v>-94</v>
      </c>
      <c r="C119" s="17">
        <v>-45</v>
      </c>
      <c r="D119" s="17">
        <v>-49</v>
      </c>
      <c r="E119" s="16">
        <v>84</v>
      </c>
      <c r="F119" s="17">
        <v>41</v>
      </c>
      <c r="G119" s="18">
        <v>43</v>
      </c>
      <c r="H119" s="17">
        <v>19</v>
      </c>
      <c r="I119" s="17">
        <v>6</v>
      </c>
      <c r="J119" s="17">
        <v>13</v>
      </c>
      <c r="K119" s="16">
        <v>29</v>
      </c>
      <c r="L119" s="79">
        <v>10</v>
      </c>
      <c r="M119" s="80">
        <v>19</v>
      </c>
    </row>
    <row r="120" spans="1:13">
      <c r="A120" s="27" t="s">
        <v>93</v>
      </c>
      <c r="B120" s="16">
        <v>-121</v>
      </c>
      <c r="C120" s="17">
        <v>-62</v>
      </c>
      <c r="D120" s="17">
        <v>-59</v>
      </c>
      <c r="E120" s="16">
        <v>117</v>
      </c>
      <c r="F120" s="17">
        <v>60</v>
      </c>
      <c r="G120" s="18">
        <v>57</v>
      </c>
      <c r="H120" s="17">
        <v>17</v>
      </c>
      <c r="I120" s="17">
        <v>3</v>
      </c>
      <c r="J120" s="17">
        <v>14</v>
      </c>
      <c r="K120" s="16">
        <v>21</v>
      </c>
      <c r="L120" s="79">
        <v>5</v>
      </c>
      <c r="M120" s="80">
        <v>16</v>
      </c>
    </row>
    <row r="121" spans="1:13">
      <c r="A121" s="27" t="s">
        <v>95</v>
      </c>
      <c r="B121" s="16">
        <v>-114</v>
      </c>
      <c r="C121" s="17">
        <v>-53</v>
      </c>
      <c r="D121" s="17">
        <v>-61</v>
      </c>
      <c r="E121" s="16">
        <v>103</v>
      </c>
      <c r="F121" s="17">
        <v>51</v>
      </c>
      <c r="G121" s="18">
        <v>52</v>
      </c>
      <c r="H121" s="17">
        <v>14</v>
      </c>
      <c r="I121" s="17">
        <v>3</v>
      </c>
      <c r="J121" s="17">
        <v>11</v>
      </c>
      <c r="K121" s="16">
        <v>25</v>
      </c>
      <c r="L121" s="79">
        <v>5</v>
      </c>
      <c r="M121" s="80">
        <v>20</v>
      </c>
    </row>
    <row r="122" spans="1:13">
      <c r="A122" s="27" t="s">
        <v>97</v>
      </c>
      <c r="B122" s="16">
        <v>-116</v>
      </c>
      <c r="C122" s="17">
        <v>-50</v>
      </c>
      <c r="D122" s="17">
        <v>-66</v>
      </c>
      <c r="E122" s="16">
        <v>115</v>
      </c>
      <c r="F122" s="17">
        <v>51</v>
      </c>
      <c r="G122" s="18">
        <v>64</v>
      </c>
      <c r="H122" s="17">
        <v>16</v>
      </c>
      <c r="I122" s="17">
        <v>6</v>
      </c>
      <c r="J122" s="17">
        <v>10</v>
      </c>
      <c r="K122" s="16">
        <v>17</v>
      </c>
      <c r="L122" s="79">
        <v>5</v>
      </c>
      <c r="M122" s="80">
        <v>12</v>
      </c>
    </row>
    <row r="123" spans="1:13" ht="21" customHeight="1">
      <c r="A123" s="38" t="s">
        <v>99</v>
      </c>
      <c r="B123" s="64">
        <v>-462</v>
      </c>
      <c r="C123" s="65">
        <v>-181</v>
      </c>
      <c r="D123" s="65">
        <v>-281</v>
      </c>
      <c r="E123" s="64">
        <v>460</v>
      </c>
      <c r="F123" s="65">
        <v>179</v>
      </c>
      <c r="G123" s="66">
        <v>281</v>
      </c>
      <c r="H123" s="65">
        <v>52</v>
      </c>
      <c r="I123" s="65">
        <v>14</v>
      </c>
      <c r="J123" s="65">
        <v>38</v>
      </c>
      <c r="K123" s="64">
        <v>54</v>
      </c>
      <c r="L123" s="77">
        <v>16</v>
      </c>
      <c r="M123" s="78">
        <v>38</v>
      </c>
    </row>
    <row r="124" spans="1:13">
      <c r="A124" s="27" t="s">
        <v>101</v>
      </c>
      <c r="B124" s="16">
        <v>-108</v>
      </c>
      <c r="C124" s="17">
        <v>-51</v>
      </c>
      <c r="D124" s="17">
        <v>-57</v>
      </c>
      <c r="E124" s="16">
        <v>104</v>
      </c>
      <c r="F124" s="17">
        <v>50</v>
      </c>
      <c r="G124" s="18">
        <v>54</v>
      </c>
      <c r="H124" s="17">
        <v>10</v>
      </c>
      <c r="I124" s="17">
        <v>1</v>
      </c>
      <c r="J124" s="17">
        <v>9</v>
      </c>
      <c r="K124" s="16">
        <v>14</v>
      </c>
      <c r="L124" s="79">
        <v>2</v>
      </c>
      <c r="M124" s="80">
        <v>12</v>
      </c>
    </row>
    <row r="125" spans="1:13">
      <c r="A125" s="27" t="s">
        <v>103</v>
      </c>
      <c r="B125" s="16">
        <v>-97</v>
      </c>
      <c r="C125" s="17">
        <v>-29</v>
      </c>
      <c r="D125" s="17">
        <v>-68</v>
      </c>
      <c r="E125" s="16">
        <v>93</v>
      </c>
      <c r="F125" s="17">
        <v>28</v>
      </c>
      <c r="G125" s="18">
        <v>65</v>
      </c>
      <c r="H125" s="17">
        <v>16</v>
      </c>
      <c r="I125" s="17">
        <v>5</v>
      </c>
      <c r="J125" s="17">
        <v>11</v>
      </c>
      <c r="K125" s="16">
        <v>20</v>
      </c>
      <c r="L125" s="79">
        <v>6</v>
      </c>
      <c r="M125" s="80">
        <v>14</v>
      </c>
    </row>
    <row r="126" spans="1:13">
      <c r="A126" s="27" t="s">
        <v>105</v>
      </c>
      <c r="B126" s="16">
        <v>-92</v>
      </c>
      <c r="C126" s="17">
        <v>-46</v>
      </c>
      <c r="D126" s="17">
        <v>-46</v>
      </c>
      <c r="E126" s="16">
        <v>91</v>
      </c>
      <c r="F126" s="17">
        <v>41</v>
      </c>
      <c r="G126" s="18">
        <v>50</v>
      </c>
      <c r="H126" s="17">
        <v>12</v>
      </c>
      <c r="I126" s="17">
        <v>2</v>
      </c>
      <c r="J126" s="17">
        <v>10</v>
      </c>
      <c r="K126" s="16">
        <v>13</v>
      </c>
      <c r="L126" s="79">
        <v>7</v>
      </c>
      <c r="M126" s="80">
        <v>6</v>
      </c>
    </row>
    <row r="127" spans="1:13">
      <c r="A127" s="27" t="s">
        <v>107</v>
      </c>
      <c r="B127" s="16">
        <v>-88</v>
      </c>
      <c r="C127" s="17">
        <v>-34</v>
      </c>
      <c r="D127" s="17">
        <v>-54</v>
      </c>
      <c r="E127" s="16">
        <v>93</v>
      </c>
      <c r="F127" s="17">
        <v>37</v>
      </c>
      <c r="G127" s="18">
        <v>56</v>
      </c>
      <c r="H127" s="17">
        <v>9</v>
      </c>
      <c r="I127" s="17">
        <v>4</v>
      </c>
      <c r="J127" s="17">
        <v>5</v>
      </c>
      <c r="K127" s="16">
        <v>4</v>
      </c>
      <c r="L127" s="79">
        <v>1</v>
      </c>
      <c r="M127" s="80">
        <v>3</v>
      </c>
    </row>
    <row r="128" spans="1:13">
      <c r="A128" s="27" t="s">
        <v>109</v>
      </c>
      <c r="B128" s="16">
        <v>-77</v>
      </c>
      <c r="C128" s="17">
        <v>-21</v>
      </c>
      <c r="D128" s="17">
        <v>-56</v>
      </c>
      <c r="E128" s="16">
        <v>79</v>
      </c>
      <c r="F128" s="17">
        <v>23</v>
      </c>
      <c r="G128" s="18">
        <v>56</v>
      </c>
      <c r="H128" s="17">
        <v>5</v>
      </c>
      <c r="I128" s="17">
        <v>2</v>
      </c>
      <c r="J128" s="17">
        <v>3</v>
      </c>
      <c r="K128" s="16">
        <v>3</v>
      </c>
      <c r="L128" s="79">
        <v>0</v>
      </c>
      <c r="M128" s="80">
        <v>3</v>
      </c>
    </row>
    <row r="129" spans="1:14" ht="21" customHeight="1">
      <c r="A129" s="38" t="s">
        <v>111</v>
      </c>
      <c r="B129" s="64">
        <v>-283</v>
      </c>
      <c r="C129" s="65">
        <v>-76</v>
      </c>
      <c r="D129" s="65">
        <v>-207</v>
      </c>
      <c r="E129" s="64">
        <v>280</v>
      </c>
      <c r="F129" s="65">
        <v>76</v>
      </c>
      <c r="G129" s="66">
        <v>204</v>
      </c>
      <c r="H129" s="65">
        <v>22</v>
      </c>
      <c r="I129" s="65">
        <v>5</v>
      </c>
      <c r="J129" s="65">
        <v>17</v>
      </c>
      <c r="K129" s="64">
        <v>25</v>
      </c>
      <c r="L129" s="77">
        <v>5</v>
      </c>
      <c r="M129" s="78">
        <v>20</v>
      </c>
    </row>
    <row r="130" spans="1:14">
      <c r="A130" s="27" t="s">
        <v>113</v>
      </c>
      <c r="B130" s="16">
        <v>-76</v>
      </c>
      <c r="C130" s="17">
        <v>-24</v>
      </c>
      <c r="D130" s="17">
        <v>-52</v>
      </c>
      <c r="E130" s="16">
        <v>77</v>
      </c>
      <c r="F130" s="17">
        <v>25</v>
      </c>
      <c r="G130" s="18">
        <v>52</v>
      </c>
      <c r="H130" s="17">
        <v>10</v>
      </c>
      <c r="I130" s="17">
        <v>2</v>
      </c>
      <c r="J130" s="17">
        <v>8</v>
      </c>
      <c r="K130" s="16">
        <v>9</v>
      </c>
      <c r="L130" s="79">
        <v>1</v>
      </c>
      <c r="M130" s="80">
        <v>8</v>
      </c>
    </row>
    <row r="131" spans="1:14">
      <c r="A131" s="27" t="s">
        <v>115</v>
      </c>
      <c r="B131" s="16">
        <v>-72</v>
      </c>
      <c r="C131" s="17">
        <v>-25</v>
      </c>
      <c r="D131" s="17">
        <v>-47</v>
      </c>
      <c r="E131" s="16">
        <v>69</v>
      </c>
      <c r="F131" s="17">
        <v>24</v>
      </c>
      <c r="G131" s="18">
        <v>45</v>
      </c>
      <c r="H131" s="17">
        <v>4</v>
      </c>
      <c r="I131" s="17">
        <v>0</v>
      </c>
      <c r="J131" s="17">
        <v>4</v>
      </c>
      <c r="K131" s="16">
        <v>7</v>
      </c>
      <c r="L131" s="79">
        <v>1</v>
      </c>
      <c r="M131" s="80">
        <v>6</v>
      </c>
    </row>
    <row r="132" spans="1:14">
      <c r="A132" s="27" t="s">
        <v>117</v>
      </c>
      <c r="B132" s="16">
        <v>-52</v>
      </c>
      <c r="C132" s="17">
        <v>-11</v>
      </c>
      <c r="D132" s="17">
        <v>-41</v>
      </c>
      <c r="E132" s="16">
        <v>52</v>
      </c>
      <c r="F132" s="17">
        <v>11</v>
      </c>
      <c r="G132" s="18">
        <v>41</v>
      </c>
      <c r="H132" s="17">
        <v>5</v>
      </c>
      <c r="I132" s="17">
        <v>3</v>
      </c>
      <c r="J132" s="17">
        <v>2</v>
      </c>
      <c r="K132" s="16">
        <v>5</v>
      </c>
      <c r="L132" s="79">
        <v>3</v>
      </c>
      <c r="M132" s="80">
        <v>2</v>
      </c>
    </row>
    <row r="133" spans="1:14">
      <c r="A133" s="27" t="s">
        <v>119</v>
      </c>
      <c r="B133" s="16">
        <v>-54</v>
      </c>
      <c r="C133" s="17">
        <v>-11</v>
      </c>
      <c r="D133" s="17">
        <v>-43</v>
      </c>
      <c r="E133" s="16">
        <v>51</v>
      </c>
      <c r="F133" s="17">
        <v>11</v>
      </c>
      <c r="G133" s="18">
        <v>40</v>
      </c>
      <c r="H133" s="17">
        <v>0</v>
      </c>
      <c r="I133" s="17">
        <v>0</v>
      </c>
      <c r="J133" s="17">
        <v>0</v>
      </c>
      <c r="K133" s="16">
        <v>3</v>
      </c>
      <c r="L133" s="79">
        <v>0</v>
      </c>
      <c r="M133" s="80">
        <v>3</v>
      </c>
    </row>
    <row r="134" spans="1:14">
      <c r="A134" s="27" t="s">
        <v>121</v>
      </c>
      <c r="B134" s="16">
        <v>-29</v>
      </c>
      <c r="C134" s="17">
        <v>-5</v>
      </c>
      <c r="D134" s="17">
        <v>-24</v>
      </c>
      <c r="E134" s="16">
        <v>31</v>
      </c>
      <c r="F134" s="17">
        <v>5</v>
      </c>
      <c r="G134" s="18">
        <v>26</v>
      </c>
      <c r="H134" s="17">
        <v>3</v>
      </c>
      <c r="I134" s="17">
        <v>0</v>
      </c>
      <c r="J134" s="17">
        <v>3</v>
      </c>
      <c r="K134" s="16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91">
        <v>-80</v>
      </c>
      <c r="C135" s="49">
        <v>-15</v>
      </c>
      <c r="D135" s="49">
        <v>-65</v>
      </c>
      <c r="E135" s="91">
        <v>79</v>
      </c>
      <c r="F135" s="49">
        <v>15</v>
      </c>
      <c r="G135" s="92">
        <v>64</v>
      </c>
      <c r="H135" s="49">
        <v>1</v>
      </c>
      <c r="I135" s="49">
        <v>0</v>
      </c>
      <c r="J135" s="49">
        <v>1</v>
      </c>
      <c r="K135" s="91">
        <v>2</v>
      </c>
      <c r="L135" s="44">
        <v>0</v>
      </c>
      <c r="M135" s="85">
        <v>2</v>
      </c>
      <c r="N135" s="14"/>
    </row>
    <row r="136" spans="1:14" ht="21" customHeight="1">
      <c r="A136" s="93"/>
      <c r="B136" s="94"/>
      <c r="C136" s="94"/>
      <c r="D136" s="94"/>
      <c r="E136" s="95"/>
      <c r="F136" s="94"/>
      <c r="G136" s="94"/>
      <c r="H136" s="95"/>
      <c r="I136" s="94"/>
      <c r="J136" s="94"/>
      <c r="K136" s="95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23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4446</v>
      </c>
      <c r="C5" s="62">
        <v>-2312</v>
      </c>
      <c r="D5" s="62">
        <v>-2134</v>
      </c>
      <c r="E5" s="61">
        <v>5405</v>
      </c>
      <c r="F5" s="62">
        <v>2846</v>
      </c>
      <c r="G5" s="63">
        <v>2559</v>
      </c>
      <c r="H5" s="62">
        <v>14499</v>
      </c>
      <c r="I5" s="62">
        <v>9180</v>
      </c>
      <c r="J5" s="62">
        <v>5319</v>
      </c>
      <c r="K5" s="61">
        <v>15403</v>
      </c>
      <c r="L5" s="75">
        <v>9558</v>
      </c>
      <c r="M5" s="76">
        <v>5845</v>
      </c>
    </row>
    <row r="6" spans="1:13" ht="23.25" customHeight="1">
      <c r="A6" s="36" t="s">
        <v>2</v>
      </c>
      <c r="B6" s="64">
        <v>1960</v>
      </c>
      <c r="C6" s="65">
        <v>970</v>
      </c>
      <c r="D6" s="65">
        <v>990</v>
      </c>
      <c r="E6" s="64">
        <v>5</v>
      </c>
      <c r="F6" s="65">
        <v>3</v>
      </c>
      <c r="G6" s="66">
        <v>2</v>
      </c>
      <c r="H6" s="65">
        <v>668</v>
      </c>
      <c r="I6" s="65">
        <v>353</v>
      </c>
      <c r="J6" s="65">
        <v>315</v>
      </c>
      <c r="K6" s="64">
        <v>566</v>
      </c>
      <c r="L6" s="77">
        <v>292</v>
      </c>
      <c r="M6" s="78">
        <v>274</v>
      </c>
    </row>
    <row r="7" spans="1:13">
      <c r="A7" s="15" t="s">
        <v>4</v>
      </c>
      <c r="B7" s="67">
        <v>1910</v>
      </c>
      <c r="C7" s="68">
        <v>939</v>
      </c>
      <c r="D7" s="68">
        <v>971</v>
      </c>
      <c r="E7" s="67">
        <v>3</v>
      </c>
      <c r="F7" s="68">
        <v>1</v>
      </c>
      <c r="G7" s="69">
        <v>2</v>
      </c>
      <c r="H7" s="68">
        <v>180</v>
      </c>
      <c r="I7" s="68">
        <v>98</v>
      </c>
      <c r="J7" s="68">
        <v>82</v>
      </c>
      <c r="K7" s="67">
        <v>130</v>
      </c>
      <c r="L7" s="79">
        <v>70</v>
      </c>
      <c r="M7" s="80">
        <v>60</v>
      </c>
    </row>
    <row r="8" spans="1:13">
      <c r="A8" s="15" t="s">
        <v>6</v>
      </c>
      <c r="B8" s="67">
        <v>22</v>
      </c>
      <c r="C8" s="68">
        <v>18</v>
      </c>
      <c r="D8" s="68">
        <v>4</v>
      </c>
      <c r="E8" s="67">
        <v>0</v>
      </c>
      <c r="F8" s="68">
        <v>0</v>
      </c>
      <c r="G8" s="69">
        <v>0</v>
      </c>
      <c r="H8" s="68">
        <v>143</v>
      </c>
      <c r="I8" s="68">
        <v>85</v>
      </c>
      <c r="J8" s="68">
        <v>58</v>
      </c>
      <c r="K8" s="67">
        <v>121</v>
      </c>
      <c r="L8" s="79">
        <v>67</v>
      </c>
      <c r="M8" s="80">
        <v>54</v>
      </c>
    </row>
    <row r="9" spans="1:13">
      <c r="A9" s="15" t="s">
        <v>8</v>
      </c>
      <c r="B9" s="67">
        <v>6</v>
      </c>
      <c r="C9" s="68">
        <v>4</v>
      </c>
      <c r="D9" s="68">
        <v>2</v>
      </c>
      <c r="E9" s="67">
        <v>0</v>
      </c>
      <c r="F9" s="68">
        <v>0</v>
      </c>
      <c r="G9" s="69">
        <v>0</v>
      </c>
      <c r="H9" s="68">
        <v>137</v>
      </c>
      <c r="I9" s="68">
        <v>69</v>
      </c>
      <c r="J9" s="68">
        <v>68</v>
      </c>
      <c r="K9" s="67">
        <v>131</v>
      </c>
      <c r="L9" s="79">
        <v>65</v>
      </c>
      <c r="M9" s="80">
        <v>66</v>
      </c>
    </row>
    <row r="10" spans="1:13">
      <c r="A10" s="15" t="s">
        <v>10</v>
      </c>
      <c r="B10" s="67">
        <v>15</v>
      </c>
      <c r="C10" s="68">
        <v>6</v>
      </c>
      <c r="D10" s="68">
        <v>9</v>
      </c>
      <c r="E10" s="67">
        <v>1</v>
      </c>
      <c r="F10" s="68">
        <v>1</v>
      </c>
      <c r="G10" s="69">
        <v>0</v>
      </c>
      <c r="H10" s="68">
        <v>119</v>
      </c>
      <c r="I10" s="68">
        <v>61</v>
      </c>
      <c r="J10" s="68">
        <v>58</v>
      </c>
      <c r="K10" s="67">
        <v>103</v>
      </c>
      <c r="L10" s="79">
        <v>54</v>
      </c>
      <c r="M10" s="80">
        <v>49</v>
      </c>
    </row>
    <row r="11" spans="1:13">
      <c r="A11" s="15" t="s">
        <v>12</v>
      </c>
      <c r="B11" s="67">
        <v>7</v>
      </c>
      <c r="C11" s="68">
        <v>3</v>
      </c>
      <c r="D11" s="68">
        <v>4</v>
      </c>
      <c r="E11" s="67">
        <v>1</v>
      </c>
      <c r="F11" s="68">
        <v>1</v>
      </c>
      <c r="G11" s="69">
        <v>0</v>
      </c>
      <c r="H11" s="68">
        <v>89</v>
      </c>
      <c r="I11" s="68">
        <v>40</v>
      </c>
      <c r="J11" s="68">
        <v>49</v>
      </c>
      <c r="K11" s="67">
        <v>81</v>
      </c>
      <c r="L11" s="79">
        <v>36</v>
      </c>
      <c r="M11" s="80">
        <v>45</v>
      </c>
    </row>
    <row r="12" spans="1:13" ht="21" customHeight="1">
      <c r="A12" s="36" t="s">
        <v>14</v>
      </c>
      <c r="B12" s="64">
        <v>-37</v>
      </c>
      <c r="C12" s="65">
        <v>-28</v>
      </c>
      <c r="D12" s="65">
        <v>-9</v>
      </c>
      <c r="E12" s="64">
        <v>0</v>
      </c>
      <c r="F12" s="65">
        <v>0</v>
      </c>
      <c r="G12" s="66">
        <v>0</v>
      </c>
      <c r="H12" s="65">
        <v>332</v>
      </c>
      <c r="I12" s="65">
        <v>168</v>
      </c>
      <c r="J12" s="65">
        <v>164</v>
      </c>
      <c r="K12" s="64">
        <v>369</v>
      </c>
      <c r="L12" s="77">
        <v>196</v>
      </c>
      <c r="M12" s="78">
        <v>173</v>
      </c>
    </row>
    <row r="13" spans="1:13">
      <c r="A13" s="15" t="s">
        <v>16</v>
      </c>
      <c r="B13" s="67">
        <v>-12</v>
      </c>
      <c r="C13" s="68">
        <v>-11</v>
      </c>
      <c r="D13" s="68">
        <v>-1</v>
      </c>
      <c r="E13" s="67">
        <v>0</v>
      </c>
      <c r="F13" s="68">
        <v>0</v>
      </c>
      <c r="G13" s="69">
        <v>0</v>
      </c>
      <c r="H13" s="68">
        <v>78</v>
      </c>
      <c r="I13" s="68">
        <v>36</v>
      </c>
      <c r="J13" s="68">
        <v>42</v>
      </c>
      <c r="K13" s="67">
        <v>90</v>
      </c>
      <c r="L13" s="79">
        <v>47</v>
      </c>
      <c r="M13" s="80">
        <v>43</v>
      </c>
    </row>
    <row r="14" spans="1:13">
      <c r="A14" s="15" t="s">
        <v>18</v>
      </c>
      <c r="B14" s="67">
        <v>6</v>
      </c>
      <c r="C14" s="68">
        <v>3</v>
      </c>
      <c r="D14" s="68">
        <v>3</v>
      </c>
      <c r="E14" s="67">
        <v>0</v>
      </c>
      <c r="F14" s="68">
        <v>0</v>
      </c>
      <c r="G14" s="69">
        <v>0</v>
      </c>
      <c r="H14" s="68">
        <v>95</v>
      </c>
      <c r="I14" s="68">
        <v>49</v>
      </c>
      <c r="J14" s="68">
        <v>46</v>
      </c>
      <c r="K14" s="67">
        <v>89</v>
      </c>
      <c r="L14" s="79">
        <v>46</v>
      </c>
      <c r="M14" s="80">
        <v>43</v>
      </c>
    </row>
    <row r="15" spans="1:13">
      <c r="A15" s="15" t="s">
        <v>20</v>
      </c>
      <c r="B15" s="67">
        <v>-16</v>
      </c>
      <c r="C15" s="68">
        <v>-10</v>
      </c>
      <c r="D15" s="68">
        <v>-6</v>
      </c>
      <c r="E15" s="67">
        <v>0</v>
      </c>
      <c r="F15" s="68">
        <v>0</v>
      </c>
      <c r="G15" s="69">
        <v>0</v>
      </c>
      <c r="H15" s="68">
        <v>62</v>
      </c>
      <c r="I15" s="68">
        <v>32</v>
      </c>
      <c r="J15" s="68">
        <v>30</v>
      </c>
      <c r="K15" s="67">
        <v>78</v>
      </c>
      <c r="L15" s="79">
        <v>42</v>
      </c>
      <c r="M15" s="80">
        <v>36</v>
      </c>
    </row>
    <row r="16" spans="1:13">
      <c r="A16" s="15" t="s">
        <v>22</v>
      </c>
      <c r="B16" s="67">
        <v>-14</v>
      </c>
      <c r="C16" s="68">
        <v>-9</v>
      </c>
      <c r="D16" s="68">
        <v>-5</v>
      </c>
      <c r="E16" s="67">
        <v>0</v>
      </c>
      <c r="F16" s="68">
        <v>0</v>
      </c>
      <c r="G16" s="69">
        <v>0</v>
      </c>
      <c r="H16" s="68">
        <v>56</v>
      </c>
      <c r="I16" s="68">
        <v>29</v>
      </c>
      <c r="J16" s="68">
        <v>27</v>
      </c>
      <c r="K16" s="67">
        <v>70</v>
      </c>
      <c r="L16" s="79">
        <v>38</v>
      </c>
      <c r="M16" s="80">
        <v>32</v>
      </c>
    </row>
    <row r="17" spans="1:13">
      <c r="A17" s="15" t="s">
        <v>24</v>
      </c>
      <c r="B17" s="67">
        <v>-1</v>
      </c>
      <c r="C17" s="68">
        <v>-1</v>
      </c>
      <c r="D17" s="68">
        <v>0</v>
      </c>
      <c r="E17" s="67">
        <v>0</v>
      </c>
      <c r="F17" s="68">
        <v>0</v>
      </c>
      <c r="G17" s="69">
        <v>0</v>
      </c>
      <c r="H17" s="68">
        <v>41</v>
      </c>
      <c r="I17" s="68">
        <v>22</v>
      </c>
      <c r="J17" s="68">
        <v>19</v>
      </c>
      <c r="K17" s="67">
        <v>42</v>
      </c>
      <c r="L17" s="79">
        <v>23</v>
      </c>
      <c r="M17" s="80">
        <v>19</v>
      </c>
    </row>
    <row r="18" spans="1:13" ht="21" customHeight="1">
      <c r="A18" s="36" t="s">
        <v>26</v>
      </c>
      <c r="B18" s="64">
        <v>-37</v>
      </c>
      <c r="C18" s="65">
        <v>-17</v>
      </c>
      <c r="D18" s="65">
        <v>-20</v>
      </c>
      <c r="E18" s="64">
        <v>2</v>
      </c>
      <c r="F18" s="65">
        <v>1</v>
      </c>
      <c r="G18" s="66">
        <v>1</v>
      </c>
      <c r="H18" s="65">
        <v>184</v>
      </c>
      <c r="I18" s="65">
        <v>97</v>
      </c>
      <c r="J18" s="65">
        <v>87</v>
      </c>
      <c r="K18" s="64">
        <v>219</v>
      </c>
      <c r="L18" s="77">
        <v>113</v>
      </c>
      <c r="M18" s="78">
        <v>106</v>
      </c>
    </row>
    <row r="19" spans="1:13">
      <c r="A19" s="15" t="s">
        <v>28</v>
      </c>
      <c r="B19" s="67">
        <v>-13</v>
      </c>
      <c r="C19" s="68">
        <v>1</v>
      </c>
      <c r="D19" s="68">
        <v>-14</v>
      </c>
      <c r="E19" s="67">
        <v>0</v>
      </c>
      <c r="F19" s="68">
        <v>0</v>
      </c>
      <c r="G19" s="69">
        <v>0</v>
      </c>
      <c r="H19" s="68">
        <v>47</v>
      </c>
      <c r="I19" s="68">
        <v>29</v>
      </c>
      <c r="J19" s="68">
        <v>18</v>
      </c>
      <c r="K19" s="67">
        <v>60</v>
      </c>
      <c r="L19" s="79">
        <v>28</v>
      </c>
      <c r="M19" s="80">
        <v>32</v>
      </c>
    </row>
    <row r="20" spans="1:13">
      <c r="A20" s="15" t="s">
        <v>30</v>
      </c>
      <c r="B20" s="67">
        <v>-11</v>
      </c>
      <c r="C20" s="68">
        <v>-3</v>
      </c>
      <c r="D20" s="68">
        <v>-8</v>
      </c>
      <c r="E20" s="67">
        <v>1</v>
      </c>
      <c r="F20" s="68">
        <v>1</v>
      </c>
      <c r="G20" s="69">
        <v>0</v>
      </c>
      <c r="H20" s="68">
        <v>32</v>
      </c>
      <c r="I20" s="68">
        <v>18</v>
      </c>
      <c r="J20" s="68">
        <v>14</v>
      </c>
      <c r="K20" s="67">
        <v>42</v>
      </c>
      <c r="L20" s="79">
        <v>20</v>
      </c>
      <c r="M20" s="80">
        <v>22</v>
      </c>
    </row>
    <row r="21" spans="1:13">
      <c r="A21" s="15" t="s">
        <v>32</v>
      </c>
      <c r="B21" s="67">
        <v>-9</v>
      </c>
      <c r="C21" s="68">
        <v>-5</v>
      </c>
      <c r="D21" s="68">
        <v>-4</v>
      </c>
      <c r="E21" s="67">
        <v>0</v>
      </c>
      <c r="F21" s="68">
        <v>0</v>
      </c>
      <c r="G21" s="69">
        <v>0</v>
      </c>
      <c r="H21" s="68">
        <v>50</v>
      </c>
      <c r="I21" s="68">
        <v>28</v>
      </c>
      <c r="J21" s="68">
        <v>22</v>
      </c>
      <c r="K21" s="67">
        <v>59</v>
      </c>
      <c r="L21" s="79">
        <v>33</v>
      </c>
      <c r="M21" s="80">
        <v>26</v>
      </c>
    </row>
    <row r="22" spans="1:13">
      <c r="A22" s="15" t="s">
        <v>34</v>
      </c>
      <c r="B22" s="67">
        <v>-5</v>
      </c>
      <c r="C22" s="68">
        <v>-2</v>
      </c>
      <c r="D22" s="68">
        <v>-3</v>
      </c>
      <c r="E22" s="67">
        <v>1</v>
      </c>
      <c r="F22" s="68">
        <v>0</v>
      </c>
      <c r="G22" s="69">
        <v>1</v>
      </c>
      <c r="H22" s="68">
        <v>23</v>
      </c>
      <c r="I22" s="68">
        <v>11</v>
      </c>
      <c r="J22" s="68">
        <v>12</v>
      </c>
      <c r="K22" s="67">
        <v>27</v>
      </c>
      <c r="L22" s="79">
        <v>13</v>
      </c>
      <c r="M22" s="80">
        <v>14</v>
      </c>
    </row>
    <row r="23" spans="1:13">
      <c r="A23" s="15" t="s">
        <v>36</v>
      </c>
      <c r="B23" s="67">
        <v>1</v>
      </c>
      <c r="C23" s="68">
        <v>-8</v>
      </c>
      <c r="D23" s="68">
        <v>9</v>
      </c>
      <c r="E23" s="67">
        <v>0</v>
      </c>
      <c r="F23" s="68">
        <v>0</v>
      </c>
      <c r="G23" s="69">
        <v>0</v>
      </c>
      <c r="H23" s="68">
        <v>32</v>
      </c>
      <c r="I23" s="68">
        <v>11</v>
      </c>
      <c r="J23" s="68">
        <v>21</v>
      </c>
      <c r="K23" s="67">
        <v>31</v>
      </c>
      <c r="L23" s="79">
        <v>19</v>
      </c>
      <c r="M23" s="80">
        <v>12</v>
      </c>
    </row>
    <row r="24" spans="1:13" ht="21" customHeight="1">
      <c r="A24" s="36" t="s">
        <v>38</v>
      </c>
      <c r="B24" s="64">
        <v>554</v>
      </c>
      <c r="C24" s="65">
        <v>468</v>
      </c>
      <c r="D24" s="65">
        <v>86</v>
      </c>
      <c r="E24" s="64">
        <v>5</v>
      </c>
      <c r="F24" s="65">
        <v>2</v>
      </c>
      <c r="G24" s="66">
        <v>3</v>
      </c>
      <c r="H24" s="65">
        <v>2214</v>
      </c>
      <c r="I24" s="65">
        <v>1813</v>
      </c>
      <c r="J24" s="65">
        <v>401</v>
      </c>
      <c r="K24" s="64">
        <v>1655</v>
      </c>
      <c r="L24" s="77">
        <v>1343</v>
      </c>
      <c r="M24" s="78">
        <v>312</v>
      </c>
    </row>
    <row r="25" spans="1:13">
      <c r="A25" s="15" t="s">
        <v>40</v>
      </c>
      <c r="B25" s="67">
        <v>275</v>
      </c>
      <c r="C25" s="68">
        <v>274</v>
      </c>
      <c r="D25" s="68">
        <v>1</v>
      </c>
      <c r="E25" s="67">
        <v>0</v>
      </c>
      <c r="F25" s="68">
        <v>0</v>
      </c>
      <c r="G25" s="69">
        <v>0</v>
      </c>
      <c r="H25" s="68">
        <v>345</v>
      </c>
      <c r="I25" s="68">
        <v>315</v>
      </c>
      <c r="J25" s="68">
        <v>30</v>
      </c>
      <c r="K25" s="67">
        <v>70</v>
      </c>
      <c r="L25" s="79">
        <v>41</v>
      </c>
      <c r="M25" s="80">
        <v>29</v>
      </c>
    </row>
    <row r="26" spans="1:13">
      <c r="A26" s="15" t="s">
        <v>42</v>
      </c>
      <c r="B26" s="67">
        <v>44</v>
      </c>
      <c r="C26" s="68">
        <v>42</v>
      </c>
      <c r="D26" s="68">
        <v>2</v>
      </c>
      <c r="E26" s="67">
        <v>0</v>
      </c>
      <c r="F26" s="68">
        <v>0</v>
      </c>
      <c r="G26" s="69">
        <v>0</v>
      </c>
      <c r="H26" s="68">
        <v>82</v>
      </c>
      <c r="I26" s="68">
        <v>67</v>
      </c>
      <c r="J26" s="68">
        <v>15</v>
      </c>
      <c r="K26" s="67">
        <v>38</v>
      </c>
      <c r="L26" s="79">
        <v>25</v>
      </c>
      <c r="M26" s="80">
        <v>13</v>
      </c>
    </row>
    <row r="27" spans="1:13">
      <c r="A27" s="15" t="s">
        <v>44</v>
      </c>
      <c r="B27" s="67">
        <v>-3</v>
      </c>
      <c r="C27" s="68">
        <v>-2</v>
      </c>
      <c r="D27" s="68">
        <v>-1</v>
      </c>
      <c r="E27" s="67">
        <v>2</v>
      </c>
      <c r="F27" s="68">
        <v>1</v>
      </c>
      <c r="G27" s="69">
        <v>1</v>
      </c>
      <c r="H27" s="68">
        <v>46</v>
      </c>
      <c r="I27" s="68">
        <v>24</v>
      </c>
      <c r="J27" s="68">
        <v>22</v>
      </c>
      <c r="K27" s="67">
        <v>47</v>
      </c>
      <c r="L27" s="79">
        <v>25</v>
      </c>
      <c r="M27" s="80">
        <v>22</v>
      </c>
    </row>
    <row r="28" spans="1:13">
      <c r="A28" s="15" t="s">
        <v>46</v>
      </c>
      <c r="B28" s="67">
        <v>293</v>
      </c>
      <c r="C28" s="68">
        <v>198</v>
      </c>
      <c r="D28" s="68">
        <v>95</v>
      </c>
      <c r="E28" s="67">
        <v>1</v>
      </c>
      <c r="F28" s="68">
        <v>0</v>
      </c>
      <c r="G28" s="69">
        <v>1</v>
      </c>
      <c r="H28" s="68">
        <v>1249</v>
      </c>
      <c r="I28" s="68">
        <v>1014</v>
      </c>
      <c r="J28" s="68">
        <v>235</v>
      </c>
      <c r="K28" s="67">
        <v>955</v>
      </c>
      <c r="L28" s="79">
        <v>816</v>
      </c>
      <c r="M28" s="80">
        <v>139</v>
      </c>
    </row>
    <row r="29" spans="1:13">
      <c r="A29" s="15" t="s">
        <v>48</v>
      </c>
      <c r="B29" s="67">
        <v>-55</v>
      </c>
      <c r="C29" s="68">
        <v>-44</v>
      </c>
      <c r="D29" s="68">
        <v>-11</v>
      </c>
      <c r="E29" s="67">
        <v>2</v>
      </c>
      <c r="F29" s="68">
        <v>1</v>
      </c>
      <c r="G29" s="69">
        <v>1</v>
      </c>
      <c r="H29" s="68">
        <v>492</v>
      </c>
      <c r="I29" s="68">
        <v>393</v>
      </c>
      <c r="J29" s="68">
        <v>99</v>
      </c>
      <c r="K29" s="67">
        <v>545</v>
      </c>
      <c r="L29" s="79">
        <v>436</v>
      </c>
      <c r="M29" s="80">
        <v>109</v>
      </c>
    </row>
    <row r="30" spans="1:13" ht="21" customHeight="1">
      <c r="A30" s="36" t="s">
        <v>50</v>
      </c>
      <c r="B30" s="64">
        <v>-945</v>
      </c>
      <c r="C30" s="65">
        <v>-651</v>
      </c>
      <c r="D30" s="65">
        <v>-294</v>
      </c>
      <c r="E30" s="64">
        <v>7</v>
      </c>
      <c r="F30" s="65">
        <v>6</v>
      </c>
      <c r="G30" s="66">
        <v>1</v>
      </c>
      <c r="H30" s="65">
        <v>2749</v>
      </c>
      <c r="I30" s="65">
        <v>1839</v>
      </c>
      <c r="J30" s="65">
        <v>910</v>
      </c>
      <c r="K30" s="64">
        <v>3687</v>
      </c>
      <c r="L30" s="77">
        <v>2484</v>
      </c>
      <c r="M30" s="78">
        <v>1203</v>
      </c>
    </row>
    <row r="31" spans="1:13">
      <c r="A31" s="15" t="s">
        <v>52</v>
      </c>
      <c r="B31" s="67">
        <v>50</v>
      </c>
      <c r="C31" s="68">
        <v>58</v>
      </c>
      <c r="D31" s="68">
        <v>-8</v>
      </c>
      <c r="E31" s="67">
        <v>1</v>
      </c>
      <c r="F31" s="68">
        <v>1</v>
      </c>
      <c r="G31" s="69">
        <v>0</v>
      </c>
      <c r="H31" s="68">
        <v>527</v>
      </c>
      <c r="I31" s="68">
        <v>382</v>
      </c>
      <c r="J31" s="68">
        <v>145</v>
      </c>
      <c r="K31" s="67">
        <v>476</v>
      </c>
      <c r="L31" s="79">
        <v>323</v>
      </c>
      <c r="M31" s="80">
        <v>153</v>
      </c>
    </row>
    <row r="32" spans="1:13">
      <c r="A32" s="15" t="s">
        <v>54</v>
      </c>
      <c r="B32" s="67">
        <v>-114</v>
      </c>
      <c r="C32" s="68">
        <v>-83</v>
      </c>
      <c r="D32" s="68">
        <v>-31</v>
      </c>
      <c r="E32" s="67">
        <v>1</v>
      </c>
      <c r="F32" s="68">
        <v>1</v>
      </c>
      <c r="G32" s="69">
        <v>0</v>
      </c>
      <c r="H32" s="68">
        <v>344</v>
      </c>
      <c r="I32" s="68">
        <v>216</v>
      </c>
      <c r="J32" s="68">
        <v>128</v>
      </c>
      <c r="K32" s="67">
        <v>457</v>
      </c>
      <c r="L32" s="79">
        <v>298</v>
      </c>
      <c r="M32" s="80">
        <v>159</v>
      </c>
    </row>
    <row r="33" spans="1:13">
      <c r="A33" s="15" t="s">
        <v>56</v>
      </c>
      <c r="B33" s="67">
        <v>-424</v>
      </c>
      <c r="C33" s="68">
        <v>-304</v>
      </c>
      <c r="D33" s="68">
        <v>-120</v>
      </c>
      <c r="E33" s="67">
        <v>0</v>
      </c>
      <c r="F33" s="68">
        <v>0</v>
      </c>
      <c r="G33" s="69">
        <v>0</v>
      </c>
      <c r="H33" s="68">
        <v>774</v>
      </c>
      <c r="I33" s="68">
        <v>509</v>
      </c>
      <c r="J33" s="68">
        <v>265</v>
      </c>
      <c r="K33" s="67">
        <v>1198</v>
      </c>
      <c r="L33" s="79">
        <v>813</v>
      </c>
      <c r="M33" s="80">
        <v>385</v>
      </c>
    </row>
    <row r="34" spans="1:13">
      <c r="A34" s="15" t="s">
        <v>58</v>
      </c>
      <c r="B34" s="67">
        <v>-294</v>
      </c>
      <c r="C34" s="68">
        <v>-190</v>
      </c>
      <c r="D34" s="68">
        <v>-104</v>
      </c>
      <c r="E34" s="67">
        <v>3</v>
      </c>
      <c r="F34" s="68">
        <v>2</v>
      </c>
      <c r="G34" s="69">
        <v>1</v>
      </c>
      <c r="H34" s="68">
        <v>573</v>
      </c>
      <c r="I34" s="68">
        <v>388</v>
      </c>
      <c r="J34" s="68">
        <v>185</v>
      </c>
      <c r="K34" s="67">
        <v>864</v>
      </c>
      <c r="L34" s="79">
        <v>576</v>
      </c>
      <c r="M34" s="80">
        <v>288</v>
      </c>
    </row>
    <row r="35" spans="1:13">
      <c r="A35" s="15" t="s">
        <v>60</v>
      </c>
      <c r="B35" s="67">
        <v>-163</v>
      </c>
      <c r="C35" s="68">
        <v>-132</v>
      </c>
      <c r="D35" s="68">
        <v>-31</v>
      </c>
      <c r="E35" s="67">
        <v>2</v>
      </c>
      <c r="F35" s="68">
        <v>2</v>
      </c>
      <c r="G35" s="69">
        <v>0</v>
      </c>
      <c r="H35" s="68">
        <v>531</v>
      </c>
      <c r="I35" s="68">
        <v>344</v>
      </c>
      <c r="J35" s="68">
        <v>187</v>
      </c>
      <c r="K35" s="67">
        <v>692</v>
      </c>
      <c r="L35" s="79">
        <v>474</v>
      </c>
      <c r="M35" s="80">
        <v>218</v>
      </c>
    </row>
    <row r="36" spans="1:13" ht="21" customHeight="1">
      <c r="A36" s="36" t="s">
        <v>62</v>
      </c>
      <c r="B36" s="64">
        <v>-408</v>
      </c>
      <c r="C36" s="65">
        <v>-146</v>
      </c>
      <c r="D36" s="65">
        <v>-262</v>
      </c>
      <c r="E36" s="64">
        <v>4</v>
      </c>
      <c r="F36" s="65">
        <v>3</v>
      </c>
      <c r="G36" s="66">
        <v>1</v>
      </c>
      <c r="H36" s="65">
        <v>2287</v>
      </c>
      <c r="I36" s="65">
        <v>1419</v>
      </c>
      <c r="J36" s="65">
        <v>868</v>
      </c>
      <c r="K36" s="64">
        <v>2691</v>
      </c>
      <c r="L36" s="77">
        <v>1562</v>
      </c>
      <c r="M36" s="78">
        <v>1129</v>
      </c>
    </row>
    <row r="37" spans="1:13">
      <c r="A37" s="15" t="s">
        <v>64</v>
      </c>
      <c r="B37" s="67">
        <v>-126</v>
      </c>
      <c r="C37" s="68">
        <v>-36</v>
      </c>
      <c r="D37" s="68">
        <v>-90</v>
      </c>
      <c r="E37" s="67">
        <v>1</v>
      </c>
      <c r="F37" s="68">
        <v>1</v>
      </c>
      <c r="G37" s="69">
        <v>0</v>
      </c>
      <c r="H37" s="68">
        <v>505</v>
      </c>
      <c r="I37" s="68">
        <v>320</v>
      </c>
      <c r="J37" s="68">
        <v>185</v>
      </c>
      <c r="K37" s="67">
        <v>630</v>
      </c>
      <c r="L37" s="79">
        <v>355</v>
      </c>
      <c r="M37" s="80">
        <v>275</v>
      </c>
    </row>
    <row r="38" spans="1:13">
      <c r="A38" s="15" t="s">
        <v>66</v>
      </c>
      <c r="B38" s="67">
        <v>-29</v>
      </c>
      <c r="C38" s="68">
        <v>-1</v>
      </c>
      <c r="D38" s="68">
        <v>-28</v>
      </c>
      <c r="E38" s="67">
        <v>1</v>
      </c>
      <c r="F38" s="68">
        <v>1</v>
      </c>
      <c r="G38" s="69">
        <v>0</v>
      </c>
      <c r="H38" s="68">
        <v>500</v>
      </c>
      <c r="I38" s="68">
        <v>314</v>
      </c>
      <c r="J38" s="68">
        <v>186</v>
      </c>
      <c r="K38" s="67">
        <v>528</v>
      </c>
      <c r="L38" s="79">
        <v>314</v>
      </c>
      <c r="M38" s="80">
        <v>214</v>
      </c>
    </row>
    <row r="39" spans="1:13">
      <c r="A39" s="15" t="s">
        <v>68</v>
      </c>
      <c r="B39" s="67">
        <v>-100</v>
      </c>
      <c r="C39" s="68">
        <v>-30</v>
      </c>
      <c r="D39" s="68">
        <v>-70</v>
      </c>
      <c r="E39" s="67">
        <v>1</v>
      </c>
      <c r="F39" s="68">
        <v>0</v>
      </c>
      <c r="G39" s="69">
        <v>1</v>
      </c>
      <c r="H39" s="68">
        <v>489</v>
      </c>
      <c r="I39" s="68">
        <v>304</v>
      </c>
      <c r="J39" s="68">
        <v>185</v>
      </c>
      <c r="K39" s="67">
        <v>588</v>
      </c>
      <c r="L39" s="79">
        <v>334</v>
      </c>
      <c r="M39" s="80">
        <v>254</v>
      </c>
    </row>
    <row r="40" spans="1:13">
      <c r="A40" s="15" t="s">
        <v>70</v>
      </c>
      <c r="B40" s="67">
        <v>-111</v>
      </c>
      <c r="C40" s="68">
        <v>-53</v>
      </c>
      <c r="D40" s="68">
        <v>-58</v>
      </c>
      <c r="E40" s="67">
        <v>0</v>
      </c>
      <c r="F40" s="68">
        <v>0</v>
      </c>
      <c r="G40" s="69">
        <v>0</v>
      </c>
      <c r="H40" s="68">
        <v>408</v>
      </c>
      <c r="I40" s="68">
        <v>251</v>
      </c>
      <c r="J40" s="68">
        <v>157</v>
      </c>
      <c r="K40" s="67">
        <v>519</v>
      </c>
      <c r="L40" s="79">
        <v>304</v>
      </c>
      <c r="M40" s="80">
        <v>215</v>
      </c>
    </row>
    <row r="41" spans="1:13">
      <c r="A41" s="15" t="s">
        <v>72</v>
      </c>
      <c r="B41" s="67">
        <v>-42</v>
      </c>
      <c r="C41" s="68">
        <v>-26</v>
      </c>
      <c r="D41" s="68">
        <v>-16</v>
      </c>
      <c r="E41" s="67">
        <v>1</v>
      </c>
      <c r="F41" s="68">
        <v>1</v>
      </c>
      <c r="G41" s="69">
        <v>0</v>
      </c>
      <c r="H41" s="68">
        <v>385</v>
      </c>
      <c r="I41" s="68">
        <v>230</v>
      </c>
      <c r="J41" s="68">
        <v>155</v>
      </c>
      <c r="K41" s="67">
        <v>426</v>
      </c>
      <c r="L41" s="79">
        <v>255</v>
      </c>
      <c r="M41" s="80">
        <v>171</v>
      </c>
    </row>
    <row r="42" spans="1:13" ht="21" customHeight="1">
      <c r="A42" s="36" t="s">
        <v>74</v>
      </c>
      <c r="B42" s="64">
        <v>-155</v>
      </c>
      <c r="C42" s="65">
        <v>-101</v>
      </c>
      <c r="D42" s="65">
        <v>-54</v>
      </c>
      <c r="E42" s="64">
        <v>11</v>
      </c>
      <c r="F42" s="65">
        <v>7</v>
      </c>
      <c r="G42" s="66">
        <v>4</v>
      </c>
      <c r="H42" s="65">
        <v>1536</v>
      </c>
      <c r="I42" s="65">
        <v>902</v>
      </c>
      <c r="J42" s="65">
        <v>634</v>
      </c>
      <c r="K42" s="64">
        <v>1680</v>
      </c>
      <c r="L42" s="77">
        <v>996</v>
      </c>
      <c r="M42" s="78">
        <v>684</v>
      </c>
    </row>
    <row r="43" spans="1:13">
      <c r="A43" s="15" t="s">
        <v>76</v>
      </c>
      <c r="B43" s="67">
        <v>-53</v>
      </c>
      <c r="C43" s="68">
        <v>-33</v>
      </c>
      <c r="D43" s="68">
        <v>-20</v>
      </c>
      <c r="E43" s="67">
        <v>5</v>
      </c>
      <c r="F43" s="68">
        <v>3</v>
      </c>
      <c r="G43" s="69">
        <v>2</v>
      </c>
      <c r="H43" s="68">
        <v>371</v>
      </c>
      <c r="I43" s="68">
        <v>205</v>
      </c>
      <c r="J43" s="68">
        <v>166</v>
      </c>
      <c r="K43" s="67">
        <v>419</v>
      </c>
      <c r="L43" s="79">
        <v>235</v>
      </c>
      <c r="M43" s="80">
        <v>184</v>
      </c>
    </row>
    <row r="44" spans="1:13">
      <c r="A44" s="15" t="s">
        <v>78</v>
      </c>
      <c r="B44" s="67">
        <v>-13</v>
      </c>
      <c r="C44" s="68">
        <v>-21</v>
      </c>
      <c r="D44" s="68">
        <v>8</v>
      </c>
      <c r="E44" s="67">
        <v>1</v>
      </c>
      <c r="F44" s="68">
        <v>0</v>
      </c>
      <c r="G44" s="69">
        <v>1</v>
      </c>
      <c r="H44" s="68">
        <v>346</v>
      </c>
      <c r="I44" s="68">
        <v>197</v>
      </c>
      <c r="J44" s="68">
        <v>149</v>
      </c>
      <c r="K44" s="67">
        <v>358</v>
      </c>
      <c r="L44" s="79">
        <v>218</v>
      </c>
      <c r="M44" s="80">
        <v>140</v>
      </c>
    </row>
    <row r="45" spans="1:13">
      <c r="A45" s="15" t="s">
        <v>80</v>
      </c>
      <c r="B45" s="67">
        <v>-49</v>
      </c>
      <c r="C45" s="68">
        <v>-19</v>
      </c>
      <c r="D45" s="68">
        <v>-30</v>
      </c>
      <c r="E45" s="67">
        <v>3</v>
      </c>
      <c r="F45" s="68">
        <v>3</v>
      </c>
      <c r="G45" s="69">
        <v>0</v>
      </c>
      <c r="H45" s="68">
        <v>306</v>
      </c>
      <c r="I45" s="68">
        <v>183</v>
      </c>
      <c r="J45" s="68">
        <v>123</v>
      </c>
      <c r="K45" s="67">
        <v>352</v>
      </c>
      <c r="L45" s="79">
        <v>199</v>
      </c>
      <c r="M45" s="80">
        <v>153</v>
      </c>
    </row>
    <row r="46" spans="1:13">
      <c r="A46" s="15" t="s">
        <v>82</v>
      </c>
      <c r="B46" s="67">
        <v>-34</v>
      </c>
      <c r="C46" s="68">
        <v>-26</v>
      </c>
      <c r="D46" s="68">
        <v>-8</v>
      </c>
      <c r="E46" s="67">
        <v>1</v>
      </c>
      <c r="F46" s="68">
        <v>1</v>
      </c>
      <c r="G46" s="69">
        <v>0</v>
      </c>
      <c r="H46" s="68">
        <v>256</v>
      </c>
      <c r="I46" s="68">
        <v>152</v>
      </c>
      <c r="J46" s="68">
        <v>104</v>
      </c>
      <c r="K46" s="67">
        <v>289</v>
      </c>
      <c r="L46" s="79">
        <v>177</v>
      </c>
      <c r="M46" s="80">
        <v>112</v>
      </c>
    </row>
    <row r="47" spans="1:13">
      <c r="A47" s="15" t="s">
        <v>84</v>
      </c>
      <c r="B47" s="67">
        <v>-6</v>
      </c>
      <c r="C47" s="68">
        <v>-2</v>
      </c>
      <c r="D47" s="68">
        <v>-4</v>
      </c>
      <c r="E47" s="67">
        <v>1</v>
      </c>
      <c r="F47" s="68">
        <v>0</v>
      </c>
      <c r="G47" s="69">
        <v>1</v>
      </c>
      <c r="H47" s="68">
        <v>257</v>
      </c>
      <c r="I47" s="68">
        <v>165</v>
      </c>
      <c r="J47" s="68">
        <v>92</v>
      </c>
      <c r="K47" s="67">
        <v>262</v>
      </c>
      <c r="L47" s="79">
        <v>167</v>
      </c>
      <c r="M47" s="80">
        <v>95</v>
      </c>
    </row>
    <row r="48" spans="1:13" ht="21" customHeight="1">
      <c r="A48" s="36" t="s">
        <v>86</v>
      </c>
      <c r="B48" s="64">
        <v>-8</v>
      </c>
      <c r="C48" s="65">
        <v>4</v>
      </c>
      <c r="D48" s="65">
        <v>-12</v>
      </c>
      <c r="E48" s="64">
        <v>8</v>
      </c>
      <c r="F48" s="65">
        <v>8</v>
      </c>
      <c r="G48" s="66">
        <v>0</v>
      </c>
      <c r="H48" s="65">
        <v>1020</v>
      </c>
      <c r="I48" s="65">
        <v>614</v>
      </c>
      <c r="J48" s="65">
        <v>406</v>
      </c>
      <c r="K48" s="64">
        <v>1020</v>
      </c>
      <c r="L48" s="77">
        <v>602</v>
      </c>
      <c r="M48" s="78">
        <v>418</v>
      </c>
    </row>
    <row r="49" spans="1:13">
      <c r="A49" s="15" t="s">
        <v>88</v>
      </c>
      <c r="B49" s="67">
        <v>-51</v>
      </c>
      <c r="C49" s="68">
        <v>-23</v>
      </c>
      <c r="D49" s="68">
        <v>-28</v>
      </c>
      <c r="E49" s="67">
        <v>1</v>
      </c>
      <c r="F49" s="68">
        <v>1</v>
      </c>
      <c r="G49" s="69">
        <v>0</v>
      </c>
      <c r="H49" s="68">
        <v>221</v>
      </c>
      <c r="I49" s="68">
        <v>132</v>
      </c>
      <c r="J49" s="68">
        <v>89</v>
      </c>
      <c r="K49" s="67">
        <v>271</v>
      </c>
      <c r="L49" s="79">
        <v>154</v>
      </c>
      <c r="M49" s="80">
        <v>117</v>
      </c>
    </row>
    <row r="50" spans="1:13">
      <c r="A50" s="15" t="s">
        <v>90</v>
      </c>
      <c r="B50" s="67">
        <v>-17</v>
      </c>
      <c r="C50" s="68">
        <v>-8</v>
      </c>
      <c r="D50" s="68">
        <v>-9</v>
      </c>
      <c r="E50" s="67">
        <v>1</v>
      </c>
      <c r="F50" s="68">
        <v>1</v>
      </c>
      <c r="G50" s="69">
        <v>0</v>
      </c>
      <c r="H50" s="68">
        <v>205</v>
      </c>
      <c r="I50" s="68">
        <v>125</v>
      </c>
      <c r="J50" s="68">
        <v>80</v>
      </c>
      <c r="K50" s="67">
        <v>221</v>
      </c>
      <c r="L50" s="79">
        <v>132</v>
      </c>
      <c r="M50" s="80">
        <v>89</v>
      </c>
    </row>
    <row r="51" spans="1:13">
      <c r="A51" s="15" t="s">
        <v>92</v>
      </c>
      <c r="B51" s="67">
        <v>49</v>
      </c>
      <c r="C51" s="68">
        <v>26</v>
      </c>
      <c r="D51" s="68">
        <v>23</v>
      </c>
      <c r="E51" s="67">
        <v>2</v>
      </c>
      <c r="F51" s="68">
        <v>2</v>
      </c>
      <c r="G51" s="69">
        <v>0</v>
      </c>
      <c r="H51" s="68">
        <v>222</v>
      </c>
      <c r="I51" s="68">
        <v>131</v>
      </c>
      <c r="J51" s="68">
        <v>91</v>
      </c>
      <c r="K51" s="67">
        <v>171</v>
      </c>
      <c r="L51" s="79">
        <v>103</v>
      </c>
      <c r="M51" s="80">
        <v>68</v>
      </c>
    </row>
    <row r="52" spans="1:13">
      <c r="A52" s="15" t="s">
        <v>94</v>
      </c>
      <c r="B52" s="67">
        <v>-1</v>
      </c>
      <c r="C52" s="68">
        <v>-10</v>
      </c>
      <c r="D52" s="68">
        <v>9</v>
      </c>
      <c r="E52" s="67">
        <v>3</v>
      </c>
      <c r="F52" s="68">
        <v>3</v>
      </c>
      <c r="G52" s="69">
        <v>0</v>
      </c>
      <c r="H52" s="68">
        <v>186</v>
      </c>
      <c r="I52" s="68">
        <v>110</v>
      </c>
      <c r="J52" s="68">
        <v>76</v>
      </c>
      <c r="K52" s="67">
        <v>184</v>
      </c>
      <c r="L52" s="79">
        <v>117</v>
      </c>
      <c r="M52" s="80">
        <v>67</v>
      </c>
    </row>
    <row r="53" spans="1:13">
      <c r="A53" s="15" t="s">
        <v>96</v>
      </c>
      <c r="B53" s="67">
        <v>12</v>
      </c>
      <c r="C53" s="68">
        <v>19</v>
      </c>
      <c r="D53" s="68">
        <v>-7</v>
      </c>
      <c r="E53" s="67">
        <v>1</v>
      </c>
      <c r="F53" s="68">
        <v>1</v>
      </c>
      <c r="G53" s="69">
        <v>0</v>
      </c>
      <c r="H53" s="68">
        <v>186</v>
      </c>
      <c r="I53" s="68">
        <v>116</v>
      </c>
      <c r="J53" s="68">
        <v>70</v>
      </c>
      <c r="K53" s="67">
        <v>173</v>
      </c>
      <c r="L53" s="79">
        <v>96</v>
      </c>
      <c r="M53" s="80">
        <v>77</v>
      </c>
    </row>
    <row r="54" spans="1:13" ht="21" customHeight="1">
      <c r="A54" s="36" t="s">
        <v>98</v>
      </c>
      <c r="B54" s="64">
        <v>-59</v>
      </c>
      <c r="C54" s="65">
        <v>-66</v>
      </c>
      <c r="D54" s="65">
        <v>7</v>
      </c>
      <c r="E54" s="64">
        <v>26</v>
      </c>
      <c r="F54" s="65">
        <v>19</v>
      </c>
      <c r="G54" s="66">
        <v>7</v>
      </c>
      <c r="H54" s="65">
        <v>745</v>
      </c>
      <c r="I54" s="65">
        <v>442</v>
      </c>
      <c r="J54" s="65">
        <v>303</v>
      </c>
      <c r="K54" s="64">
        <v>778</v>
      </c>
      <c r="L54" s="77">
        <v>489</v>
      </c>
      <c r="M54" s="78">
        <v>289</v>
      </c>
    </row>
    <row r="55" spans="1:13">
      <c r="A55" s="15" t="s">
        <v>100</v>
      </c>
      <c r="B55" s="67">
        <v>9</v>
      </c>
      <c r="C55" s="68">
        <v>-3</v>
      </c>
      <c r="D55" s="68">
        <v>12</v>
      </c>
      <c r="E55" s="67">
        <v>2</v>
      </c>
      <c r="F55" s="68">
        <v>2</v>
      </c>
      <c r="G55" s="69">
        <v>0</v>
      </c>
      <c r="H55" s="68">
        <v>168</v>
      </c>
      <c r="I55" s="68">
        <v>96</v>
      </c>
      <c r="J55" s="68">
        <v>72</v>
      </c>
      <c r="K55" s="67">
        <v>157</v>
      </c>
      <c r="L55" s="79">
        <v>97</v>
      </c>
      <c r="M55" s="80">
        <v>60</v>
      </c>
    </row>
    <row r="56" spans="1:13">
      <c r="A56" s="15" t="s">
        <v>102</v>
      </c>
      <c r="B56" s="67">
        <v>3</v>
      </c>
      <c r="C56" s="68">
        <v>1</v>
      </c>
      <c r="D56" s="68">
        <v>2</v>
      </c>
      <c r="E56" s="67">
        <v>3</v>
      </c>
      <c r="F56" s="68">
        <v>2</v>
      </c>
      <c r="G56" s="69">
        <v>1</v>
      </c>
      <c r="H56" s="68">
        <v>158</v>
      </c>
      <c r="I56" s="68">
        <v>94</v>
      </c>
      <c r="J56" s="68">
        <v>64</v>
      </c>
      <c r="K56" s="67">
        <v>152</v>
      </c>
      <c r="L56" s="79">
        <v>91</v>
      </c>
      <c r="M56" s="80">
        <v>61</v>
      </c>
    </row>
    <row r="57" spans="1:13">
      <c r="A57" s="15" t="s">
        <v>104</v>
      </c>
      <c r="B57" s="67">
        <v>-17</v>
      </c>
      <c r="C57" s="68">
        <v>-9</v>
      </c>
      <c r="D57" s="68">
        <v>-8</v>
      </c>
      <c r="E57" s="67">
        <v>6</v>
      </c>
      <c r="F57" s="68">
        <v>4</v>
      </c>
      <c r="G57" s="69">
        <v>2</v>
      </c>
      <c r="H57" s="68">
        <v>141</v>
      </c>
      <c r="I57" s="68">
        <v>87</v>
      </c>
      <c r="J57" s="68">
        <v>54</v>
      </c>
      <c r="K57" s="67">
        <v>152</v>
      </c>
      <c r="L57" s="79">
        <v>92</v>
      </c>
      <c r="M57" s="80">
        <v>60</v>
      </c>
    </row>
    <row r="58" spans="1:13">
      <c r="A58" s="15" t="s">
        <v>106</v>
      </c>
      <c r="B58" s="67">
        <v>-24</v>
      </c>
      <c r="C58" s="68">
        <v>-27</v>
      </c>
      <c r="D58" s="68">
        <v>3</v>
      </c>
      <c r="E58" s="67">
        <v>6</v>
      </c>
      <c r="F58" s="68">
        <v>4</v>
      </c>
      <c r="G58" s="69">
        <v>2</v>
      </c>
      <c r="H58" s="68">
        <v>143</v>
      </c>
      <c r="I58" s="68">
        <v>81</v>
      </c>
      <c r="J58" s="68">
        <v>62</v>
      </c>
      <c r="K58" s="67">
        <v>161</v>
      </c>
      <c r="L58" s="79">
        <v>104</v>
      </c>
      <c r="M58" s="80">
        <v>57</v>
      </c>
    </row>
    <row r="59" spans="1:13">
      <c r="A59" s="15" t="s">
        <v>108</v>
      </c>
      <c r="B59" s="67">
        <v>-30</v>
      </c>
      <c r="C59" s="68">
        <v>-28</v>
      </c>
      <c r="D59" s="68">
        <v>-2</v>
      </c>
      <c r="E59" s="67">
        <v>9</v>
      </c>
      <c r="F59" s="68">
        <v>7</v>
      </c>
      <c r="G59" s="69">
        <v>2</v>
      </c>
      <c r="H59" s="68">
        <v>135</v>
      </c>
      <c r="I59" s="68">
        <v>84</v>
      </c>
      <c r="J59" s="68">
        <v>51</v>
      </c>
      <c r="K59" s="67">
        <v>156</v>
      </c>
      <c r="L59" s="79">
        <v>105</v>
      </c>
      <c r="M59" s="80">
        <v>51</v>
      </c>
    </row>
    <row r="60" spans="1:13" ht="21" customHeight="1">
      <c r="A60" s="36" t="s">
        <v>110</v>
      </c>
      <c r="B60" s="64">
        <v>9</v>
      </c>
      <c r="C60" s="65">
        <v>31</v>
      </c>
      <c r="D60" s="65">
        <v>-22</v>
      </c>
      <c r="E60" s="64">
        <v>50</v>
      </c>
      <c r="F60" s="65">
        <v>35</v>
      </c>
      <c r="G60" s="66">
        <v>15</v>
      </c>
      <c r="H60" s="65">
        <v>701</v>
      </c>
      <c r="I60" s="65">
        <v>444</v>
      </c>
      <c r="J60" s="65">
        <v>257</v>
      </c>
      <c r="K60" s="64">
        <v>642</v>
      </c>
      <c r="L60" s="77">
        <v>378</v>
      </c>
      <c r="M60" s="78">
        <v>264</v>
      </c>
    </row>
    <row r="61" spans="1:13">
      <c r="A61" s="15" t="s">
        <v>112</v>
      </c>
      <c r="B61" s="67">
        <v>23</v>
      </c>
      <c r="C61" s="68">
        <v>10</v>
      </c>
      <c r="D61" s="68">
        <v>13</v>
      </c>
      <c r="E61" s="67">
        <v>2</v>
      </c>
      <c r="F61" s="68">
        <v>2</v>
      </c>
      <c r="G61" s="69">
        <v>0</v>
      </c>
      <c r="H61" s="68">
        <v>155</v>
      </c>
      <c r="I61" s="68">
        <v>98</v>
      </c>
      <c r="J61" s="68">
        <v>57</v>
      </c>
      <c r="K61" s="67">
        <v>130</v>
      </c>
      <c r="L61" s="79">
        <v>86</v>
      </c>
      <c r="M61" s="80">
        <v>44</v>
      </c>
    </row>
    <row r="62" spans="1:13">
      <c r="A62" s="15" t="s">
        <v>114</v>
      </c>
      <c r="B62" s="67">
        <v>-4</v>
      </c>
      <c r="C62" s="68">
        <v>13</v>
      </c>
      <c r="D62" s="68">
        <v>-17</v>
      </c>
      <c r="E62" s="67">
        <v>10</v>
      </c>
      <c r="F62" s="68">
        <v>6</v>
      </c>
      <c r="G62" s="69">
        <v>4</v>
      </c>
      <c r="H62" s="68">
        <v>142</v>
      </c>
      <c r="I62" s="68">
        <v>95</v>
      </c>
      <c r="J62" s="68">
        <v>47</v>
      </c>
      <c r="K62" s="67">
        <v>136</v>
      </c>
      <c r="L62" s="79">
        <v>76</v>
      </c>
      <c r="M62" s="80">
        <v>60</v>
      </c>
    </row>
    <row r="63" spans="1:13">
      <c r="A63" s="15" t="s">
        <v>116</v>
      </c>
      <c r="B63" s="67">
        <v>-25</v>
      </c>
      <c r="C63" s="68">
        <v>-8</v>
      </c>
      <c r="D63" s="68">
        <v>-17</v>
      </c>
      <c r="E63" s="67">
        <v>14</v>
      </c>
      <c r="F63" s="68">
        <v>9</v>
      </c>
      <c r="G63" s="69">
        <v>5</v>
      </c>
      <c r="H63" s="68">
        <v>129</v>
      </c>
      <c r="I63" s="68">
        <v>79</v>
      </c>
      <c r="J63" s="68">
        <v>50</v>
      </c>
      <c r="K63" s="67">
        <v>140</v>
      </c>
      <c r="L63" s="79">
        <v>78</v>
      </c>
      <c r="M63" s="80">
        <v>62</v>
      </c>
    </row>
    <row r="64" spans="1:13">
      <c r="A64" s="15" t="s">
        <v>118</v>
      </c>
      <c r="B64" s="67">
        <v>-3</v>
      </c>
      <c r="C64" s="68">
        <v>2</v>
      </c>
      <c r="D64" s="68">
        <v>-5</v>
      </c>
      <c r="E64" s="67">
        <v>10</v>
      </c>
      <c r="F64" s="68">
        <v>7</v>
      </c>
      <c r="G64" s="69">
        <v>3</v>
      </c>
      <c r="H64" s="68">
        <v>130</v>
      </c>
      <c r="I64" s="68">
        <v>79</v>
      </c>
      <c r="J64" s="68">
        <v>51</v>
      </c>
      <c r="K64" s="67">
        <v>123</v>
      </c>
      <c r="L64" s="79">
        <v>70</v>
      </c>
      <c r="M64" s="80">
        <v>53</v>
      </c>
    </row>
    <row r="65" spans="1:13">
      <c r="A65" s="19" t="s">
        <v>120</v>
      </c>
      <c r="B65" s="70">
        <v>18</v>
      </c>
      <c r="C65" s="71">
        <v>14</v>
      </c>
      <c r="D65" s="71">
        <v>4</v>
      </c>
      <c r="E65" s="70">
        <v>14</v>
      </c>
      <c r="F65" s="71">
        <v>11</v>
      </c>
      <c r="G65" s="72">
        <v>3</v>
      </c>
      <c r="H65" s="71">
        <v>145</v>
      </c>
      <c r="I65" s="71">
        <v>93</v>
      </c>
      <c r="J65" s="71">
        <v>52</v>
      </c>
      <c r="K65" s="70">
        <v>113</v>
      </c>
      <c r="L65" s="81">
        <v>68</v>
      </c>
      <c r="M65" s="82">
        <v>4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863</v>
      </c>
      <c r="C69" s="50">
        <v>912</v>
      </c>
      <c r="D69" s="84">
        <v>951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23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36</v>
      </c>
      <c r="C75" s="65">
        <v>-40</v>
      </c>
      <c r="D75" s="65">
        <v>4</v>
      </c>
      <c r="E75" s="64">
        <v>83</v>
      </c>
      <c r="F75" s="65">
        <v>51</v>
      </c>
      <c r="G75" s="66">
        <v>32</v>
      </c>
      <c r="H75" s="65">
        <v>578</v>
      </c>
      <c r="I75" s="65">
        <v>349</v>
      </c>
      <c r="J75" s="65">
        <v>229</v>
      </c>
      <c r="K75" s="64">
        <v>531</v>
      </c>
      <c r="L75" s="77">
        <v>338</v>
      </c>
      <c r="M75" s="78">
        <v>193</v>
      </c>
    </row>
    <row r="76" spans="1:13">
      <c r="A76" s="27" t="s">
        <v>5</v>
      </c>
      <c r="B76" s="67">
        <v>-9</v>
      </c>
      <c r="C76" s="68">
        <v>-10</v>
      </c>
      <c r="D76" s="68">
        <v>1</v>
      </c>
      <c r="E76" s="67">
        <v>12</v>
      </c>
      <c r="F76" s="68">
        <v>9</v>
      </c>
      <c r="G76" s="69">
        <v>3</v>
      </c>
      <c r="H76" s="68">
        <v>127</v>
      </c>
      <c r="I76" s="68">
        <v>72</v>
      </c>
      <c r="J76" s="68">
        <v>55</v>
      </c>
      <c r="K76" s="67">
        <v>124</v>
      </c>
      <c r="L76" s="79">
        <v>73</v>
      </c>
      <c r="M76" s="80">
        <v>51</v>
      </c>
    </row>
    <row r="77" spans="1:13">
      <c r="A77" s="27" t="s">
        <v>7</v>
      </c>
      <c r="B77" s="67">
        <v>-39</v>
      </c>
      <c r="C77" s="68">
        <v>-20</v>
      </c>
      <c r="D77" s="68">
        <v>-19</v>
      </c>
      <c r="E77" s="67">
        <v>16</v>
      </c>
      <c r="F77" s="68">
        <v>8</v>
      </c>
      <c r="G77" s="69">
        <v>8</v>
      </c>
      <c r="H77" s="68">
        <v>102</v>
      </c>
      <c r="I77" s="68">
        <v>66</v>
      </c>
      <c r="J77" s="68">
        <v>36</v>
      </c>
      <c r="K77" s="67">
        <v>125</v>
      </c>
      <c r="L77" s="79">
        <v>78</v>
      </c>
      <c r="M77" s="80">
        <v>47</v>
      </c>
    </row>
    <row r="78" spans="1:13">
      <c r="A78" s="27" t="s">
        <v>9</v>
      </c>
      <c r="B78" s="67">
        <v>15</v>
      </c>
      <c r="C78" s="68">
        <v>2</v>
      </c>
      <c r="D78" s="68">
        <v>13</v>
      </c>
      <c r="E78" s="67">
        <v>18</v>
      </c>
      <c r="F78" s="68">
        <v>8</v>
      </c>
      <c r="G78" s="69">
        <v>10</v>
      </c>
      <c r="H78" s="68">
        <v>125</v>
      </c>
      <c r="I78" s="68">
        <v>68</v>
      </c>
      <c r="J78" s="68">
        <v>57</v>
      </c>
      <c r="K78" s="67">
        <v>92</v>
      </c>
      <c r="L78" s="79">
        <v>58</v>
      </c>
      <c r="M78" s="80">
        <v>34</v>
      </c>
    </row>
    <row r="79" spans="1:13">
      <c r="A79" s="27" t="s">
        <v>11</v>
      </c>
      <c r="B79" s="67">
        <v>-8</v>
      </c>
      <c r="C79" s="68">
        <v>-12</v>
      </c>
      <c r="D79" s="68">
        <v>4</v>
      </c>
      <c r="E79" s="67">
        <v>23</v>
      </c>
      <c r="F79" s="68">
        <v>18</v>
      </c>
      <c r="G79" s="69">
        <v>5</v>
      </c>
      <c r="H79" s="68">
        <v>117</v>
      </c>
      <c r="I79" s="68">
        <v>75</v>
      </c>
      <c r="J79" s="68">
        <v>42</v>
      </c>
      <c r="K79" s="67">
        <v>102</v>
      </c>
      <c r="L79" s="79">
        <v>69</v>
      </c>
      <c r="M79" s="80">
        <v>33</v>
      </c>
    </row>
    <row r="80" spans="1:13">
      <c r="A80" s="27" t="s">
        <v>13</v>
      </c>
      <c r="B80" s="67">
        <v>5</v>
      </c>
      <c r="C80" s="68">
        <v>0</v>
      </c>
      <c r="D80" s="68">
        <v>5</v>
      </c>
      <c r="E80" s="67">
        <v>14</v>
      </c>
      <c r="F80" s="68">
        <v>8</v>
      </c>
      <c r="G80" s="69">
        <v>6</v>
      </c>
      <c r="H80" s="68">
        <v>107</v>
      </c>
      <c r="I80" s="68">
        <v>68</v>
      </c>
      <c r="J80" s="68">
        <v>39</v>
      </c>
      <c r="K80" s="67">
        <v>88</v>
      </c>
      <c r="L80" s="79">
        <v>60</v>
      </c>
      <c r="M80" s="80">
        <v>28</v>
      </c>
    </row>
    <row r="81" spans="1:13" ht="21" customHeight="1">
      <c r="A81" s="38" t="s">
        <v>15</v>
      </c>
      <c r="B81" s="64">
        <v>-94</v>
      </c>
      <c r="C81" s="65">
        <v>-83</v>
      </c>
      <c r="D81" s="65">
        <v>-11</v>
      </c>
      <c r="E81" s="64">
        <v>101</v>
      </c>
      <c r="F81" s="65">
        <v>66</v>
      </c>
      <c r="G81" s="66">
        <v>35</v>
      </c>
      <c r="H81" s="65">
        <v>396</v>
      </c>
      <c r="I81" s="65">
        <v>223</v>
      </c>
      <c r="J81" s="65">
        <v>173</v>
      </c>
      <c r="K81" s="64">
        <v>389</v>
      </c>
      <c r="L81" s="77">
        <v>240</v>
      </c>
      <c r="M81" s="78">
        <v>149</v>
      </c>
    </row>
    <row r="82" spans="1:13">
      <c r="A82" s="27" t="s">
        <v>17</v>
      </c>
      <c r="B82" s="67">
        <v>-51</v>
      </c>
      <c r="C82" s="68">
        <v>-38</v>
      </c>
      <c r="D82" s="68">
        <v>-13</v>
      </c>
      <c r="E82" s="67">
        <v>20</v>
      </c>
      <c r="F82" s="68">
        <v>13</v>
      </c>
      <c r="G82" s="69">
        <v>7</v>
      </c>
      <c r="H82" s="68">
        <v>91</v>
      </c>
      <c r="I82" s="68">
        <v>54</v>
      </c>
      <c r="J82" s="68">
        <v>37</v>
      </c>
      <c r="K82" s="67">
        <v>122</v>
      </c>
      <c r="L82" s="79">
        <v>79</v>
      </c>
      <c r="M82" s="80">
        <v>43</v>
      </c>
    </row>
    <row r="83" spans="1:13">
      <c r="A83" s="27" t="s">
        <v>19</v>
      </c>
      <c r="B83" s="67">
        <v>3</v>
      </c>
      <c r="C83" s="68">
        <v>-13</v>
      </c>
      <c r="D83" s="68">
        <v>16</v>
      </c>
      <c r="E83" s="67">
        <v>26</v>
      </c>
      <c r="F83" s="68">
        <v>19</v>
      </c>
      <c r="G83" s="69">
        <v>7</v>
      </c>
      <c r="H83" s="68">
        <v>98</v>
      </c>
      <c r="I83" s="68">
        <v>52</v>
      </c>
      <c r="J83" s="68">
        <v>46</v>
      </c>
      <c r="K83" s="67">
        <v>69</v>
      </c>
      <c r="L83" s="79">
        <v>46</v>
      </c>
      <c r="M83" s="80">
        <v>23</v>
      </c>
    </row>
    <row r="84" spans="1:13">
      <c r="A84" s="27" t="s">
        <v>21</v>
      </c>
      <c r="B84" s="67">
        <v>-10</v>
      </c>
      <c r="C84" s="68">
        <v>-11</v>
      </c>
      <c r="D84" s="68">
        <v>1</v>
      </c>
      <c r="E84" s="67">
        <v>16</v>
      </c>
      <c r="F84" s="68">
        <v>10</v>
      </c>
      <c r="G84" s="69">
        <v>6</v>
      </c>
      <c r="H84" s="68">
        <v>84</v>
      </c>
      <c r="I84" s="68">
        <v>47</v>
      </c>
      <c r="J84" s="68">
        <v>37</v>
      </c>
      <c r="K84" s="67">
        <v>78</v>
      </c>
      <c r="L84" s="79">
        <v>48</v>
      </c>
      <c r="M84" s="80">
        <v>30</v>
      </c>
    </row>
    <row r="85" spans="1:13">
      <c r="A85" s="27" t="s">
        <v>23</v>
      </c>
      <c r="B85" s="67">
        <v>-11</v>
      </c>
      <c r="C85" s="68">
        <v>-4</v>
      </c>
      <c r="D85" s="68">
        <v>-7</v>
      </c>
      <c r="E85" s="67">
        <v>13</v>
      </c>
      <c r="F85" s="68">
        <v>7</v>
      </c>
      <c r="G85" s="69">
        <v>6</v>
      </c>
      <c r="H85" s="68">
        <v>61</v>
      </c>
      <c r="I85" s="68">
        <v>34</v>
      </c>
      <c r="J85" s="68">
        <v>27</v>
      </c>
      <c r="K85" s="67">
        <v>59</v>
      </c>
      <c r="L85" s="79">
        <v>31</v>
      </c>
      <c r="M85" s="80">
        <v>28</v>
      </c>
    </row>
    <row r="86" spans="1:13">
      <c r="A86" s="27" t="s">
        <v>25</v>
      </c>
      <c r="B86" s="67">
        <v>-25</v>
      </c>
      <c r="C86" s="68">
        <v>-17</v>
      </c>
      <c r="D86" s="68">
        <v>-8</v>
      </c>
      <c r="E86" s="67">
        <v>26</v>
      </c>
      <c r="F86" s="68">
        <v>17</v>
      </c>
      <c r="G86" s="69">
        <v>9</v>
      </c>
      <c r="H86" s="68">
        <v>62</v>
      </c>
      <c r="I86" s="68">
        <v>36</v>
      </c>
      <c r="J86" s="68">
        <v>26</v>
      </c>
      <c r="K86" s="67">
        <v>61</v>
      </c>
      <c r="L86" s="79">
        <v>36</v>
      </c>
      <c r="M86" s="80">
        <v>25</v>
      </c>
    </row>
    <row r="87" spans="1:13" ht="21" customHeight="1">
      <c r="A87" s="38" t="s">
        <v>27</v>
      </c>
      <c r="B87" s="64">
        <v>-114</v>
      </c>
      <c r="C87" s="65">
        <v>-69</v>
      </c>
      <c r="D87" s="65">
        <v>-45</v>
      </c>
      <c r="E87" s="64">
        <v>131</v>
      </c>
      <c r="F87" s="65">
        <v>83</v>
      </c>
      <c r="G87" s="66">
        <v>48</v>
      </c>
      <c r="H87" s="65">
        <v>268</v>
      </c>
      <c r="I87" s="65">
        <v>163</v>
      </c>
      <c r="J87" s="65">
        <v>105</v>
      </c>
      <c r="K87" s="64">
        <v>251</v>
      </c>
      <c r="L87" s="77">
        <v>149</v>
      </c>
      <c r="M87" s="78">
        <v>102</v>
      </c>
    </row>
    <row r="88" spans="1:13">
      <c r="A88" s="27" t="s">
        <v>29</v>
      </c>
      <c r="B88" s="67">
        <v>-19</v>
      </c>
      <c r="C88" s="68">
        <v>-6</v>
      </c>
      <c r="D88" s="68">
        <v>-13</v>
      </c>
      <c r="E88" s="67">
        <v>33</v>
      </c>
      <c r="F88" s="68">
        <v>20</v>
      </c>
      <c r="G88" s="69">
        <v>13</v>
      </c>
      <c r="H88" s="68">
        <v>82</v>
      </c>
      <c r="I88" s="68">
        <v>58</v>
      </c>
      <c r="J88" s="68">
        <v>24</v>
      </c>
      <c r="K88" s="67">
        <v>68</v>
      </c>
      <c r="L88" s="79">
        <v>44</v>
      </c>
      <c r="M88" s="80">
        <v>24</v>
      </c>
    </row>
    <row r="89" spans="1:13">
      <c r="A89" s="27" t="s">
        <v>31</v>
      </c>
      <c r="B89" s="67">
        <v>-31</v>
      </c>
      <c r="C89" s="68">
        <v>-24</v>
      </c>
      <c r="D89" s="68">
        <v>-7</v>
      </c>
      <c r="E89" s="67">
        <v>24</v>
      </c>
      <c r="F89" s="68">
        <v>13</v>
      </c>
      <c r="G89" s="69">
        <v>11</v>
      </c>
      <c r="H89" s="68">
        <v>43</v>
      </c>
      <c r="I89" s="68">
        <v>21</v>
      </c>
      <c r="J89" s="68">
        <v>22</v>
      </c>
      <c r="K89" s="67">
        <v>50</v>
      </c>
      <c r="L89" s="79">
        <v>32</v>
      </c>
      <c r="M89" s="80">
        <v>18</v>
      </c>
    </row>
    <row r="90" spans="1:13">
      <c r="A90" s="27" t="s">
        <v>33</v>
      </c>
      <c r="B90" s="67">
        <v>-16</v>
      </c>
      <c r="C90" s="68">
        <v>-11</v>
      </c>
      <c r="D90" s="68">
        <v>-5</v>
      </c>
      <c r="E90" s="67">
        <v>18</v>
      </c>
      <c r="F90" s="68">
        <v>10</v>
      </c>
      <c r="G90" s="69">
        <v>8</v>
      </c>
      <c r="H90" s="68">
        <v>50</v>
      </c>
      <c r="I90" s="68">
        <v>30</v>
      </c>
      <c r="J90" s="68">
        <v>20</v>
      </c>
      <c r="K90" s="67">
        <v>48</v>
      </c>
      <c r="L90" s="79">
        <v>31</v>
      </c>
      <c r="M90" s="80">
        <v>17</v>
      </c>
    </row>
    <row r="91" spans="1:13">
      <c r="A91" s="27" t="s">
        <v>35</v>
      </c>
      <c r="B91" s="67">
        <v>-25</v>
      </c>
      <c r="C91" s="68">
        <v>-18</v>
      </c>
      <c r="D91" s="68">
        <v>-7</v>
      </c>
      <c r="E91" s="67">
        <v>21</v>
      </c>
      <c r="F91" s="68">
        <v>16</v>
      </c>
      <c r="G91" s="69">
        <v>5</v>
      </c>
      <c r="H91" s="68">
        <v>45</v>
      </c>
      <c r="I91" s="68">
        <v>24</v>
      </c>
      <c r="J91" s="68">
        <v>21</v>
      </c>
      <c r="K91" s="67">
        <v>49</v>
      </c>
      <c r="L91" s="79">
        <v>26</v>
      </c>
      <c r="M91" s="80">
        <v>23</v>
      </c>
    </row>
    <row r="92" spans="1:13">
      <c r="A92" s="27" t="s">
        <v>37</v>
      </c>
      <c r="B92" s="67">
        <v>-23</v>
      </c>
      <c r="C92" s="68">
        <v>-10</v>
      </c>
      <c r="D92" s="68">
        <v>-13</v>
      </c>
      <c r="E92" s="67">
        <v>35</v>
      </c>
      <c r="F92" s="68">
        <v>24</v>
      </c>
      <c r="G92" s="69">
        <v>11</v>
      </c>
      <c r="H92" s="68">
        <v>48</v>
      </c>
      <c r="I92" s="68">
        <v>30</v>
      </c>
      <c r="J92" s="68">
        <v>18</v>
      </c>
      <c r="K92" s="67">
        <v>36</v>
      </c>
      <c r="L92" s="79">
        <v>16</v>
      </c>
      <c r="M92" s="80">
        <v>20</v>
      </c>
    </row>
    <row r="93" spans="1:13" ht="21" customHeight="1">
      <c r="A93" s="38" t="s">
        <v>39</v>
      </c>
      <c r="B93" s="64">
        <v>-222</v>
      </c>
      <c r="C93" s="65">
        <v>-146</v>
      </c>
      <c r="D93" s="65">
        <v>-76</v>
      </c>
      <c r="E93" s="64">
        <v>219</v>
      </c>
      <c r="F93" s="65">
        <v>151</v>
      </c>
      <c r="G93" s="66">
        <v>68</v>
      </c>
      <c r="H93" s="65">
        <v>192</v>
      </c>
      <c r="I93" s="65">
        <v>108</v>
      </c>
      <c r="J93" s="65">
        <v>84</v>
      </c>
      <c r="K93" s="64">
        <v>195</v>
      </c>
      <c r="L93" s="77">
        <v>103</v>
      </c>
      <c r="M93" s="78">
        <v>92</v>
      </c>
    </row>
    <row r="94" spans="1:13">
      <c r="A94" s="27" t="s">
        <v>41</v>
      </c>
      <c r="B94" s="67">
        <v>-33</v>
      </c>
      <c r="C94" s="68">
        <v>-20</v>
      </c>
      <c r="D94" s="68">
        <v>-13</v>
      </c>
      <c r="E94" s="67">
        <v>33</v>
      </c>
      <c r="F94" s="68">
        <v>24</v>
      </c>
      <c r="G94" s="69">
        <v>9</v>
      </c>
      <c r="H94" s="68">
        <v>47</v>
      </c>
      <c r="I94" s="68">
        <v>34</v>
      </c>
      <c r="J94" s="68">
        <v>13</v>
      </c>
      <c r="K94" s="67">
        <v>47</v>
      </c>
      <c r="L94" s="79">
        <v>30</v>
      </c>
      <c r="M94" s="80">
        <v>17</v>
      </c>
    </row>
    <row r="95" spans="1:13">
      <c r="A95" s="27" t="s">
        <v>43</v>
      </c>
      <c r="B95" s="67">
        <v>-38</v>
      </c>
      <c r="C95" s="68">
        <v>-33</v>
      </c>
      <c r="D95" s="68">
        <v>-5</v>
      </c>
      <c r="E95" s="67">
        <v>40</v>
      </c>
      <c r="F95" s="68">
        <v>29</v>
      </c>
      <c r="G95" s="69">
        <v>11</v>
      </c>
      <c r="H95" s="68">
        <v>43</v>
      </c>
      <c r="I95" s="68">
        <v>18</v>
      </c>
      <c r="J95" s="68">
        <v>25</v>
      </c>
      <c r="K95" s="67">
        <v>41</v>
      </c>
      <c r="L95" s="79">
        <v>22</v>
      </c>
      <c r="M95" s="80">
        <v>19</v>
      </c>
    </row>
    <row r="96" spans="1:13">
      <c r="A96" s="27" t="s">
        <v>45</v>
      </c>
      <c r="B96" s="67">
        <v>-47</v>
      </c>
      <c r="C96" s="68">
        <v>-28</v>
      </c>
      <c r="D96" s="68">
        <v>-19</v>
      </c>
      <c r="E96" s="67">
        <v>46</v>
      </c>
      <c r="F96" s="68">
        <v>31</v>
      </c>
      <c r="G96" s="69">
        <v>15</v>
      </c>
      <c r="H96" s="68">
        <v>38</v>
      </c>
      <c r="I96" s="68">
        <v>20</v>
      </c>
      <c r="J96" s="68">
        <v>18</v>
      </c>
      <c r="K96" s="67">
        <v>39</v>
      </c>
      <c r="L96" s="79">
        <v>17</v>
      </c>
      <c r="M96" s="80">
        <v>22</v>
      </c>
    </row>
    <row r="97" spans="1:13">
      <c r="A97" s="27" t="s">
        <v>47</v>
      </c>
      <c r="B97" s="67">
        <v>-52</v>
      </c>
      <c r="C97" s="68">
        <v>-32</v>
      </c>
      <c r="D97" s="68">
        <v>-20</v>
      </c>
      <c r="E97" s="67">
        <v>49</v>
      </c>
      <c r="F97" s="68">
        <v>31</v>
      </c>
      <c r="G97" s="69">
        <v>18</v>
      </c>
      <c r="H97" s="68">
        <v>31</v>
      </c>
      <c r="I97" s="68">
        <v>16</v>
      </c>
      <c r="J97" s="68">
        <v>15</v>
      </c>
      <c r="K97" s="67">
        <v>34</v>
      </c>
      <c r="L97" s="79">
        <v>17</v>
      </c>
      <c r="M97" s="80">
        <v>17</v>
      </c>
    </row>
    <row r="98" spans="1:13">
      <c r="A98" s="27" t="s">
        <v>49</v>
      </c>
      <c r="B98" s="67">
        <v>-52</v>
      </c>
      <c r="C98" s="68">
        <v>-33</v>
      </c>
      <c r="D98" s="68">
        <v>-19</v>
      </c>
      <c r="E98" s="67">
        <v>51</v>
      </c>
      <c r="F98" s="68">
        <v>36</v>
      </c>
      <c r="G98" s="69">
        <v>15</v>
      </c>
      <c r="H98" s="68">
        <v>33</v>
      </c>
      <c r="I98" s="68">
        <v>20</v>
      </c>
      <c r="J98" s="68">
        <v>13</v>
      </c>
      <c r="K98" s="67">
        <v>34</v>
      </c>
      <c r="L98" s="79">
        <v>17</v>
      </c>
      <c r="M98" s="80">
        <v>17</v>
      </c>
    </row>
    <row r="99" spans="1:13" ht="21" customHeight="1">
      <c r="A99" s="38" t="s">
        <v>51</v>
      </c>
      <c r="B99" s="64">
        <v>-483</v>
      </c>
      <c r="C99" s="65">
        <v>-326</v>
      </c>
      <c r="D99" s="65">
        <v>-157</v>
      </c>
      <c r="E99" s="64">
        <v>461</v>
      </c>
      <c r="F99" s="65">
        <v>324</v>
      </c>
      <c r="G99" s="66">
        <v>137</v>
      </c>
      <c r="H99" s="65">
        <v>178</v>
      </c>
      <c r="I99" s="65">
        <v>91</v>
      </c>
      <c r="J99" s="65">
        <v>87</v>
      </c>
      <c r="K99" s="64">
        <v>200</v>
      </c>
      <c r="L99" s="77">
        <v>93</v>
      </c>
      <c r="M99" s="78">
        <v>107</v>
      </c>
    </row>
    <row r="100" spans="1:13">
      <c r="A100" s="27" t="s">
        <v>53</v>
      </c>
      <c r="B100" s="67">
        <v>-77</v>
      </c>
      <c r="C100" s="68">
        <v>-54</v>
      </c>
      <c r="D100" s="68">
        <v>-23</v>
      </c>
      <c r="E100" s="67">
        <v>75</v>
      </c>
      <c r="F100" s="68">
        <v>55</v>
      </c>
      <c r="G100" s="69">
        <v>20</v>
      </c>
      <c r="H100" s="68">
        <v>30</v>
      </c>
      <c r="I100" s="68">
        <v>17</v>
      </c>
      <c r="J100" s="68">
        <v>13</v>
      </c>
      <c r="K100" s="67">
        <v>32</v>
      </c>
      <c r="L100" s="79">
        <v>16</v>
      </c>
      <c r="M100" s="80">
        <v>16</v>
      </c>
    </row>
    <row r="101" spans="1:13">
      <c r="A101" s="27" t="s">
        <v>55</v>
      </c>
      <c r="B101" s="67">
        <v>-65</v>
      </c>
      <c r="C101" s="68">
        <v>-43</v>
      </c>
      <c r="D101" s="68">
        <v>-22</v>
      </c>
      <c r="E101" s="67">
        <v>66</v>
      </c>
      <c r="F101" s="68">
        <v>46</v>
      </c>
      <c r="G101" s="69">
        <v>20</v>
      </c>
      <c r="H101" s="68">
        <v>36</v>
      </c>
      <c r="I101" s="68">
        <v>21</v>
      </c>
      <c r="J101" s="68">
        <v>15</v>
      </c>
      <c r="K101" s="67">
        <v>35</v>
      </c>
      <c r="L101" s="79">
        <v>18</v>
      </c>
      <c r="M101" s="80">
        <v>17</v>
      </c>
    </row>
    <row r="102" spans="1:13">
      <c r="A102" s="27" t="s">
        <v>57</v>
      </c>
      <c r="B102" s="67">
        <v>-113</v>
      </c>
      <c r="C102" s="68">
        <v>-75</v>
      </c>
      <c r="D102" s="68">
        <v>-38</v>
      </c>
      <c r="E102" s="67">
        <v>93</v>
      </c>
      <c r="F102" s="68">
        <v>71</v>
      </c>
      <c r="G102" s="69">
        <v>22</v>
      </c>
      <c r="H102" s="68">
        <v>32</v>
      </c>
      <c r="I102" s="68">
        <v>18</v>
      </c>
      <c r="J102" s="68">
        <v>14</v>
      </c>
      <c r="K102" s="67">
        <v>52</v>
      </c>
      <c r="L102" s="79">
        <v>22</v>
      </c>
      <c r="M102" s="80">
        <v>30</v>
      </c>
    </row>
    <row r="103" spans="1:13">
      <c r="A103" s="27" t="s">
        <v>59</v>
      </c>
      <c r="B103" s="67">
        <v>-121</v>
      </c>
      <c r="C103" s="68">
        <v>-88</v>
      </c>
      <c r="D103" s="68">
        <v>-33</v>
      </c>
      <c r="E103" s="67">
        <v>118</v>
      </c>
      <c r="F103" s="68">
        <v>85</v>
      </c>
      <c r="G103" s="69">
        <v>33</v>
      </c>
      <c r="H103" s="68">
        <v>38</v>
      </c>
      <c r="I103" s="68">
        <v>17</v>
      </c>
      <c r="J103" s="68">
        <v>21</v>
      </c>
      <c r="K103" s="67">
        <v>41</v>
      </c>
      <c r="L103" s="79">
        <v>20</v>
      </c>
      <c r="M103" s="80">
        <v>21</v>
      </c>
    </row>
    <row r="104" spans="1:13">
      <c r="A104" s="27" t="s">
        <v>61</v>
      </c>
      <c r="B104" s="67">
        <v>-107</v>
      </c>
      <c r="C104" s="68">
        <v>-66</v>
      </c>
      <c r="D104" s="68">
        <v>-41</v>
      </c>
      <c r="E104" s="67">
        <v>109</v>
      </c>
      <c r="F104" s="68">
        <v>67</v>
      </c>
      <c r="G104" s="69">
        <v>42</v>
      </c>
      <c r="H104" s="68">
        <v>42</v>
      </c>
      <c r="I104" s="68">
        <v>18</v>
      </c>
      <c r="J104" s="68">
        <v>24</v>
      </c>
      <c r="K104" s="67">
        <v>40</v>
      </c>
      <c r="L104" s="79">
        <v>17</v>
      </c>
      <c r="M104" s="80">
        <v>23</v>
      </c>
    </row>
    <row r="105" spans="1:13" ht="21" customHeight="1">
      <c r="A105" s="38" t="s">
        <v>63</v>
      </c>
      <c r="B105" s="64">
        <v>-631</v>
      </c>
      <c r="C105" s="65">
        <v>-410</v>
      </c>
      <c r="D105" s="65">
        <v>-221</v>
      </c>
      <c r="E105" s="64">
        <v>637</v>
      </c>
      <c r="F105" s="65">
        <v>409</v>
      </c>
      <c r="G105" s="66">
        <v>228</v>
      </c>
      <c r="H105" s="65">
        <v>151</v>
      </c>
      <c r="I105" s="65">
        <v>65</v>
      </c>
      <c r="J105" s="65">
        <v>86</v>
      </c>
      <c r="K105" s="64">
        <v>145</v>
      </c>
      <c r="L105" s="77">
        <v>66</v>
      </c>
      <c r="M105" s="78">
        <v>79</v>
      </c>
    </row>
    <row r="106" spans="1:13">
      <c r="A106" s="27" t="s">
        <v>65</v>
      </c>
      <c r="B106" s="67">
        <v>-130</v>
      </c>
      <c r="C106" s="68">
        <v>-83</v>
      </c>
      <c r="D106" s="68">
        <v>-47</v>
      </c>
      <c r="E106" s="67">
        <v>133</v>
      </c>
      <c r="F106" s="68">
        <v>84</v>
      </c>
      <c r="G106" s="69">
        <v>49</v>
      </c>
      <c r="H106" s="68">
        <v>40</v>
      </c>
      <c r="I106" s="68">
        <v>18</v>
      </c>
      <c r="J106" s="68">
        <v>22</v>
      </c>
      <c r="K106" s="67">
        <v>37</v>
      </c>
      <c r="L106" s="79">
        <v>17</v>
      </c>
      <c r="M106" s="80">
        <v>20</v>
      </c>
    </row>
    <row r="107" spans="1:13">
      <c r="A107" s="27" t="s">
        <v>67</v>
      </c>
      <c r="B107" s="67">
        <v>-87</v>
      </c>
      <c r="C107" s="68">
        <v>-55</v>
      </c>
      <c r="D107" s="68">
        <v>-32</v>
      </c>
      <c r="E107" s="67">
        <v>91</v>
      </c>
      <c r="F107" s="68">
        <v>56</v>
      </c>
      <c r="G107" s="69">
        <v>35</v>
      </c>
      <c r="H107" s="68">
        <v>30</v>
      </c>
      <c r="I107" s="68">
        <v>12</v>
      </c>
      <c r="J107" s="68">
        <v>18</v>
      </c>
      <c r="K107" s="67">
        <v>26</v>
      </c>
      <c r="L107" s="79">
        <v>11</v>
      </c>
      <c r="M107" s="80">
        <v>15</v>
      </c>
    </row>
    <row r="108" spans="1:13">
      <c r="A108" s="27" t="s">
        <v>69</v>
      </c>
      <c r="B108" s="67">
        <v>-121</v>
      </c>
      <c r="C108" s="68">
        <v>-81</v>
      </c>
      <c r="D108" s="68">
        <v>-40</v>
      </c>
      <c r="E108" s="67">
        <v>119</v>
      </c>
      <c r="F108" s="68">
        <v>78</v>
      </c>
      <c r="G108" s="69">
        <v>41</v>
      </c>
      <c r="H108" s="68">
        <v>26</v>
      </c>
      <c r="I108" s="68">
        <v>11</v>
      </c>
      <c r="J108" s="68">
        <v>15</v>
      </c>
      <c r="K108" s="67">
        <v>28</v>
      </c>
      <c r="L108" s="79">
        <v>14</v>
      </c>
      <c r="M108" s="80">
        <v>14</v>
      </c>
    </row>
    <row r="109" spans="1:13">
      <c r="A109" s="27" t="s">
        <v>71</v>
      </c>
      <c r="B109" s="67">
        <v>-138</v>
      </c>
      <c r="C109" s="68">
        <v>-100</v>
      </c>
      <c r="D109" s="68">
        <v>-38</v>
      </c>
      <c r="E109" s="67">
        <v>139</v>
      </c>
      <c r="F109" s="68">
        <v>101</v>
      </c>
      <c r="G109" s="69">
        <v>38</v>
      </c>
      <c r="H109" s="68">
        <v>30</v>
      </c>
      <c r="I109" s="68">
        <v>12</v>
      </c>
      <c r="J109" s="68">
        <v>18</v>
      </c>
      <c r="K109" s="67">
        <v>29</v>
      </c>
      <c r="L109" s="79">
        <v>11</v>
      </c>
      <c r="M109" s="80">
        <v>18</v>
      </c>
    </row>
    <row r="110" spans="1:13">
      <c r="A110" s="27" t="s">
        <v>73</v>
      </c>
      <c r="B110" s="67">
        <v>-155</v>
      </c>
      <c r="C110" s="68">
        <v>-91</v>
      </c>
      <c r="D110" s="68">
        <v>-64</v>
      </c>
      <c r="E110" s="67">
        <v>155</v>
      </c>
      <c r="F110" s="68">
        <v>90</v>
      </c>
      <c r="G110" s="69">
        <v>65</v>
      </c>
      <c r="H110" s="68">
        <v>25</v>
      </c>
      <c r="I110" s="68">
        <v>12</v>
      </c>
      <c r="J110" s="68">
        <v>13</v>
      </c>
      <c r="K110" s="67">
        <v>25</v>
      </c>
      <c r="L110" s="79">
        <v>13</v>
      </c>
      <c r="M110" s="80">
        <v>12</v>
      </c>
    </row>
    <row r="111" spans="1:13" ht="21" customHeight="1">
      <c r="A111" s="38" t="s">
        <v>75</v>
      </c>
      <c r="B111" s="64">
        <v>-961</v>
      </c>
      <c r="C111" s="65">
        <v>-527</v>
      </c>
      <c r="D111" s="65">
        <v>-434</v>
      </c>
      <c r="E111" s="64">
        <v>934</v>
      </c>
      <c r="F111" s="65">
        <v>524</v>
      </c>
      <c r="G111" s="66">
        <v>410</v>
      </c>
      <c r="H111" s="65">
        <v>119</v>
      </c>
      <c r="I111" s="65">
        <v>48</v>
      </c>
      <c r="J111" s="65">
        <v>71</v>
      </c>
      <c r="K111" s="64">
        <v>146</v>
      </c>
      <c r="L111" s="77">
        <v>51</v>
      </c>
      <c r="M111" s="78">
        <v>95</v>
      </c>
    </row>
    <row r="112" spans="1:13">
      <c r="A112" s="27" t="s">
        <v>77</v>
      </c>
      <c r="B112" s="67">
        <v>-186</v>
      </c>
      <c r="C112" s="68">
        <v>-104</v>
      </c>
      <c r="D112" s="68">
        <v>-82</v>
      </c>
      <c r="E112" s="67">
        <v>180</v>
      </c>
      <c r="F112" s="68">
        <v>101</v>
      </c>
      <c r="G112" s="69">
        <v>79</v>
      </c>
      <c r="H112" s="68">
        <v>27</v>
      </c>
      <c r="I112" s="68">
        <v>11</v>
      </c>
      <c r="J112" s="68">
        <v>16</v>
      </c>
      <c r="K112" s="67">
        <v>33</v>
      </c>
      <c r="L112" s="79">
        <v>14</v>
      </c>
      <c r="M112" s="80">
        <v>19</v>
      </c>
    </row>
    <row r="113" spans="1:13">
      <c r="A113" s="27" t="s">
        <v>79</v>
      </c>
      <c r="B113" s="67">
        <v>-197</v>
      </c>
      <c r="C113" s="68">
        <v>-105</v>
      </c>
      <c r="D113" s="68">
        <v>-92</v>
      </c>
      <c r="E113" s="67">
        <v>193</v>
      </c>
      <c r="F113" s="68">
        <v>108</v>
      </c>
      <c r="G113" s="69">
        <v>85</v>
      </c>
      <c r="H113" s="68">
        <v>33</v>
      </c>
      <c r="I113" s="68">
        <v>14</v>
      </c>
      <c r="J113" s="68">
        <v>19</v>
      </c>
      <c r="K113" s="67">
        <v>37</v>
      </c>
      <c r="L113" s="79">
        <v>11</v>
      </c>
      <c r="M113" s="80">
        <v>26</v>
      </c>
    </row>
    <row r="114" spans="1:13">
      <c r="A114" s="27" t="s">
        <v>81</v>
      </c>
      <c r="B114" s="67">
        <v>-181</v>
      </c>
      <c r="C114" s="68">
        <v>-103</v>
      </c>
      <c r="D114" s="68">
        <v>-78</v>
      </c>
      <c r="E114" s="67">
        <v>174</v>
      </c>
      <c r="F114" s="68">
        <v>104</v>
      </c>
      <c r="G114" s="69">
        <v>70</v>
      </c>
      <c r="H114" s="68">
        <v>22</v>
      </c>
      <c r="I114" s="68">
        <v>9</v>
      </c>
      <c r="J114" s="68">
        <v>13</v>
      </c>
      <c r="K114" s="67">
        <v>29</v>
      </c>
      <c r="L114" s="79">
        <v>8</v>
      </c>
      <c r="M114" s="80">
        <v>21</v>
      </c>
    </row>
    <row r="115" spans="1:13">
      <c r="A115" s="27" t="s">
        <v>83</v>
      </c>
      <c r="B115" s="67">
        <v>-192</v>
      </c>
      <c r="C115" s="68">
        <v>-105</v>
      </c>
      <c r="D115" s="68">
        <v>-87</v>
      </c>
      <c r="E115" s="67">
        <v>187</v>
      </c>
      <c r="F115" s="68">
        <v>104</v>
      </c>
      <c r="G115" s="69">
        <v>83</v>
      </c>
      <c r="H115" s="68">
        <v>22</v>
      </c>
      <c r="I115" s="68">
        <v>9</v>
      </c>
      <c r="J115" s="68">
        <v>13</v>
      </c>
      <c r="K115" s="67">
        <v>27</v>
      </c>
      <c r="L115" s="79">
        <v>10</v>
      </c>
      <c r="M115" s="80">
        <v>17</v>
      </c>
    </row>
    <row r="116" spans="1:13">
      <c r="A116" s="27" t="s">
        <v>85</v>
      </c>
      <c r="B116" s="67">
        <v>-205</v>
      </c>
      <c r="C116" s="68">
        <v>-110</v>
      </c>
      <c r="D116" s="68">
        <v>-95</v>
      </c>
      <c r="E116" s="67">
        <v>200</v>
      </c>
      <c r="F116" s="68">
        <v>107</v>
      </c>
      <c r="G116" s="69">
        <v>93</v>
      </c>
      <c r="H116" s="68">
        <v>15</v>
      </c>
      <c r="I116" s="68">
        <v>5</v>
      </c>
      <c r="J116" s="68">
        <v>10</v>
      </c>
      <c r="K116" s="67">
        <v>20</v>
      </c>
      <c r="L116" s="79">
        <v>8</v>
      </c>
      <c r="M116" s="80">
        <v>12</v>
      </c>
    </row>
    <row r="117" spans="1:13" ht="21" customHeight="1">
      <c r="A117" s="38" t="s">
        <v>87</v>
      </c>
      <c r="B117" s="64">
        <v>-1178</v>
      </c>
      <c r="C117" s="65">
        <v>-605</v>
      </c>
      <c r="D117" s="65">
        <v>-573</v>
      </c>
      <c r="E117" s="64">
        <v>1142</v>
      </c>
      <c r="F117" s="65">
        <v>592</v>
      </c>
      <c r="G117" s="66">
        <v>550</v>
      </c>
      <c r="H117" s="65">
        <v>103</v>
      </c>
      <c r="I117" s="65">
        <v>26</v>
      </c>
      <c r="J117" s="65">
        <v>77</v>
      </c>
      <c r="K117" s="64">
        <v>139</v>
      </c>
      <c r="L117" s="77">
        <v>39</v>
      </c>
      <c r="M117" s="78">
        <v>100</v>
      </c>
    </row>
    <row r="118" spans="1:13">
      <c r="A118" s="27" t="s">
        <v>89</v>
      </c>
      <c r="B118" s="67">
        <v>-215</v>
      </c>
      <c r="C118" s="68">
        <v>-128</v>
      </c>
      <c r="D118" s="68">
        <v>-87</v>
      </c>
      <c r="E118" s="67">
        <v>204</v>
      </c>
      <c r="F118" s="68">
        <v>121</v>
      </c>
      <c r="G118" s="69">
        <v>83</v>
      </c>
      <c r="H118" s="68">
        <v>18</v>
      </c>
      <c r="I118" s="68">
        <v>6</v>
      </c>
      <c r="J118" s="68">
        <v>12</v>
      </c>
      <c r="K118" s="67">
        <v>29</v>
      </c>
      <c r="L118" s="79">
        <v>13</v>
      </c>
      <c r="M118" s="80">
        <v>16</v>
      </c>
    </row>
    <row r="119" spans="1:13">
      <c r="A119" s="27" t="s">
        <v>91</v>
      </c>
      <c r="B119" s="67">
        <v>-259</v>
      </c>
      <c r="C119" s="68">
        <v>-133</v>
      </c>
      <c r="D119" s="68">
        <v>-126</v>
      </c>
      <c r="E119" s="67">
        <v>251</v>
      </c>
      <c r="F119" s="68">
        <v>131</v>
      </c>
      <c r="G119" s="69">
        <v>120</v>
      </c>
      <c r="H119" s="68">
        <v>23</v>
      </c>
      <c r="I119" s="68">
        <v>5</v>
      </c>
      <c r="J119" s="68">
        <v>18</v>
      </c>
      <c r="K119" s="67">
        <v>31</v>
      </c>
      <c r="L119" s="79">
        <v>7</v>
      </c>
      <c r="M119" s="80">
        <v>24</v>
      </c>
    </row>
    <row r="120" spans="1:13">
      <c r="A120" s="27" t="s">
        <v>93</v>
      </c>
      <c r="B120" s="67">
        <v>-229</v>
      </c>
      <c r="C120" s="68">
        <v>-115</v>
      </c>
      <c r="D120" s="68">
        <v>-114</v>
      </c>
      <c r="E120" s="67">
        <v>219</v>
      </c>
      <c r="F120" s="68">
        <v>109</v>
      </c>
      <c r="G120" s="69">
        <v>110</v>
      </c>
      <c r="H120" s="68">
        <v>18</v>
      </c>
      <c r="I120" s="68">
        <v>5</v>
      </c>
      <c r="J120" s="68">
        <v>13</v>
      </c>
      <c r="K120" s="67">
        <v>28</v>
      </c>
      <c r="L120" s="79">
        <v>11</v>
      </c>
      <c r="M120" s="80">
        <v>17</v>
      </c>
    </row>
    <row r="121" spans="1:13">
      <c r="A121" s="27" t="s">
        <v>95</v>
      </c>
      <c r="B121" s="67">
        <v>-230</v>
      </c>
      <c r="C121" s="68">
        <v>-114</v>
      </c>
      <c r="D121" s="68">
        <v>-116</v>
      </c>
      <c r="E121" s="67">
        <v>231</v>
      </c>
      <c r="F121" s="68">
        <v>115</v>
      </c>
      <c r="G121" s="69">
        <v>116</v>
      </c>
      <c r="H121" s="68">
        <v>22</v>
      </c>
      <c r="I121" s="68">
        <v>4</v>
      </c>
      <c r="J121" s="68">
        <v>18</v>
      </c>
      <c r="K121" s="67">
        <v>21</v>
      </c>
      <c r="L121" s="79">
        <v>3</v>
      </c>
      <c r="M121" s="80">
        <v>18</v>
      </c>
    </row>
    <row r="122" spans="1:13">
      <c r="A122" s="27" t="s">
        <v>97</v>
      </c>
      <c r="B122" s="67">
        <v>-245</v>
      </c>
      <c r="C122" s="68">
        <v>-115</v>
      </c>
      <c r="D122" s="68">
        <v>-130</v>
      </c>
      <c r="E122" s="67">
        <v>237</v>
      </c>
      <c r="F122" s="68">
        <v>116</v>
      </c>
      <c r="G122" s="69">
        <v>121</v>
      </c>
      <c r="H122" s="68">
        <v>22</v>
      </c>
      <c r="I122" s="68">
        <v>6</v>
      </c>
      <c r="J122" s="68">
        <v>16</v>
      </c>
      <c r="K122" s="67">
        <v>30</v>
      </c>
      <c r="L122" s="79">
        <v>5</v>
      </c>
      <c r="M122" s="80">
        <v>25</v>
      </c>
    </row>
    <row r="123" spans="1:13" ht="21" customHeight="1">
      <c r="A123" s="38" t="s">
        <v>99</v>
      </c>
      <c r="B123" s="64">
        <v>-973</v>
      </c>
      <c r="C123" s="65">
        <v>-407</v>
      </c>
      <c r="D123" s="65">
        <v>-566</v>
      </c>
      <c r="E123" s="64">
        <v>961</v>
      </c>
      <c r="F123" s="65">
        <v>399</v>
      </c>
      <c r="G123" s="66">
        <v>562</v>
      </c>
      <c r="H123" s="65">
        <v>63</v>
      </c>
      <c r="I123" s="65">
        <v>12</v>
      </c>
      <c r="J123" s="65">
        <v>51</v>
      </c>
      <c r="K123" s="64">
        <v>75</v>
      </c>
      <c r="L123" s="77">
        <v>20</v>
      </c>
      <c r="M123" s="78">
        <v>55</v>
      </c>
    </row>
    <row r="124" spans="1:13">
      <c r="A124" s="27" t="s">
        <v>101</v>
      </c>
      <c r="B124" s="67">
        <v>-245</v>
      </c>
      <c r="C124" s="68">
        <v>-126</v>
      </c>
      <c r="D124" s="68">
        <v>-119</v>
      </c>
      <c r="E124" s="67">
        <v>250</v>
      </c>
      <c r="F124" s="68">
        <v>124</v>
      </c>
      <c r="G124" s="69">
        <v>126</v>
      </c>
      <c r="H124" s="68">
        <v>21</v>
      </c>
      <c r="I124" s="68">
        <v>5</v>
      </c>
      <c r="J124" s="68">
        <v>16</v>
      </c>
      <c r="K124" s="67">
        <v>16</v>
      </c>
      <c r="L124" s="79">
        <v>7</v>
      </c>
      <c r="M124" s="80">
        <v>9</v>
      </c>
    </row>
    <row r="125" spans="1:13">
      <c r="A125" s="27" t="s">
        <v>103</v>
      </c>
      <c r="B125" s="67">
        <v>-194</v>
      </c>
      <c r="C125" s="68">
        <v>-87</v>
      </c>
      <c r="D125" s="68">
        <v>-107</v>
      </c>
      <c r="E125" s="67">
        <v>188</v>
      </c>
      <c r="F125" s="68">
        <v>83</v>
      </c>
      <c r="G125" s="69">
        <v>105</v>
      </c>
      <c r="H125" s="68">
        <v>10</v>
      </c>
      <c r="I125" s="68">
        <v>1</v>
      </c>
      <c r="J125" s="68">
        <v>9</v>
      </c>
      <c r="K125" s="67">
        <v>16</v>
      </c>
      <c r="L125" s="79">
        <v>5</v>
      </c>
      <c r="M125" s="80">
        <v>11</v>
      </c>
    </row>
    <row r="126" spans="1:13">
      <c r="A126" s="27" t="s">
        <v>105</v>
      </c>
      <c r="B126" s="67">
        <v>-170</v>
      </c>
      <c r="C126" s="68">
        <v>-66</v>
      </c>
      <c r="D126" s="68">
        <v>-104</v>
      </c>
      <c r="E126" s="67">
        <v>168</v>
      </c>
      <c r="F126" s="68">
        <v>68</v>
      </c>
      <c r="G126" s="69">
        <v>100</v>
      </c>
      <c r="H126" s="68">
        <v>17</v>
      </c>
      <c r="I126" s="68">
        <v>4</v>
      </c>
      <c r="J126" s="68">
        <v>13</v>
      </c>
      <c r="K126" s="67">
        <v>19</v>
      </c>
      <c r="L126" s="79">
        <v>2</v>
      </c>
      <c r="M126" s="80">
        <v>17</v>
      </c>
    </row>
    <row r="127" spans="1:13">
      <c r="A127" s="27" t="s">
        <v>107</v>
      </c>
      <c r="B127" s="67">
        <v>-201</v>
      </c>
      <c r="C127" s="68">
        <v>-74</v>
      </c>
      <c r="D127" s="68">
        <v>-127</v>
      </c>
      <c r="E127" s="67">
        <v>196</v>
      </c>
      <c r="F127" s="68">
        <v>72</v>
      </c>
      <c r="G127" s="69">
        <v>124</v>
      </c>
      <c r="H127" s="68">
        <v>12</v>
      </c>
      <c r="I127" s="68">
        <v>2</v>
      </c>
      <c r="J127" s="68">
        <v>10</v>
      </c>
      <c r="K127" s="67">
        <v>17</v>
      </c>
      <c r="L127" s="79">
        <v>4</v>
      </c>
      <c r="M127" s="80">
        <v>13</v>
      </c>
    </row>
    <row r="128" spans="1:13">
      <c r="A128" s="27" t="s">
        <v>109</v>
      </c>
      <c r="B128" s="67">
        <v>-163</v>
      </c>
      <c r="C128" s="68">
        <v>-54</v>
      </c>
      <c r="D128" s="68">
        <v>-109</v>
      </c>
      <c r="E128" s="67">
        <v>159</v>
      </c>
      <c r="F128" s="68">
        <v>52</v>
      </c>
      <c r="G128" s="69">
        <v>107</v>
      </c>
      <c r="H128" s="68">
        <v>3</v>
      </c>
      <c r="I128" s="68">
        <v>0</v>
      </c>
      <c r="J128" s="68">
        <v>3</v>
      </c>
      <c r="K128" s="67">
        <v>7</v>
      </c>
      <c r="L128" s="79">
        <v>2</v>
      </c>
      <c r="M128" s="80">
        <v>5</v>
      </c>
    </row>
    <row r="129" spans="1:14" ht="21" customHeight="1">
      <c r="A129" s="38" t="s">
        <v>111</v>
      </c>
      <c r="B129" s="64">
        <v>-506</v>
      </c>
      <c r="C129" s="65">
        <v>-144</v>
      </c>
      <c r="D129" s="65">
        <v>-362</v>
      </c>
      <c r="E129" s="64">
        <v>496</v>
      </c>
      <c r="F129" s="65">
        <v>144</v>
      </c>
      <c r="G129" s="66">
        <v>352</v>
      </c>
      <c r="H129" s="65">
        <v>13</v>
      </c>
      <c r="I129" s="65">
        <v>4</v>
      </c>
      <c r="J129" s="65">
        <v>9</v>
      </c>
      <c r="K129" s="64">
        <v>23</v>
      </c>
      <c r="L129" s="77">
        <v>4</v>
      </c>
      <c r="M129" s="78">
        <v>19</v>
      </c>
    </row>
    <row r="130" spans="1:14">
      <c r="A130" s="27" t="s">
        <v>113</v>
      </c>
      <c r="B130" s="67">
        <v>-147</v>
      </c>
      <c r="C130" s="68">
        <v>-48</v>
      </c>
      <c r="D130" s="68">
        <v>-99</v>
      </c>
      <c r="E130" s="67">
        <v>139</v>
      </c>
      <c r="F130" s="68">
        <v>46</v>
      </c>
      <c r="G130" s="69">
        <v>93</v>
      </c>
      <c r="H130" s="68">
        <v>1</v>
      </c>
      <c r="I130" s="68">
        <v>1</v>
      </c>
      <c r="J130" s="68">
        <v>0</v>
      </c>
      <c r="K130" s="67">
        <v>9</v>
      </c>
      <c r="L130" s="79">
        <v>3</v>
      </c>
      <c r="M130" s="80">
        <v>6</v>
      </c>
    </row>
    <row r="131" spans="1:14">
      <c r="A131" s="27" t="s">
        <v>115</v>
      </c>
      <c r="B131" s="67">
        <v>-116</v>
      </c>
      <c r="C131" s="68">
        <v>-32</v>
      </c>
      <c r="D131" s="68">
        <v>-84</v>
      </c>
      <c r="E131" s="67">
        <v>120</v>
      </c>
      <c r="F131" s="68">
        <v>34</v>
      </c>
      <c r="G131" s="69">
        <v>86</v>
      </c>
      <c r="H131" s="68">
        <v>6</v>
      </c>
      <c r="I131" s="68">
        <v>2</v>
      </c>
      <c r="J131" s="68">
        <v>4</v>
      </c>
      <c r="K131" s="67">
        <v>2</v>
      </c>
      <c r="L131" s="79">
        <v>0</v>
      </c>
      <c r="M131" s="80">
        <v>2</v>
      </c>
    </row>
    <row r="132" spans="1:14">
      <c r="A132" s="27" t="s">
        <v>117</v>
      </c>
      <c r="B132" s="67">
        <v>-98</v>
      </c>
      <c r="C132" s="68">
        <v>-19</v>
      </c>
      <c r="D132" s="68">
        <v>-79</v>
      </c>
      <c r="E132" s="67">
        <v>93</v>
      </c>
      <c r="F132" s="68">
        <v>19</v>
      </c>
      <c r="G132" s="69">
        <v>74</v>
      </c>
      <c r="H132" s="68">
        <v>4</v>
      </c>
      <c r="I132" s="68">
        <v>1</v>
      </c>
      <c r="J132" s="68">
        <v>3</v>
      </c>
      <c r="K132" s="67">
        <v>9</v>
      </c>
      <c r="L132" s="79">
        <v>1</v>
      </c>
      <c r="M132" s="80">
        <v>8</v>
      </c>
    </row>
    <row r="133" spans="1:14">
      <c r="A133" s="27" t="s">
        <v>119</v>
      </c>
      <c r="B133" s="67">
        <v>-79</v>
      </c>
      <c r="C133" s="68">
        <v>-24</v>
      </c>
      <c r="D133" s="68">
        <v>-55</v>
      </c>
      <c r="E133" s="67">
        <v>77</v>
      </c>
      <c r="F133" s="68">
        <v>24</v>
      </c>
      <c r="G133" s="69">
        <v>53</v>
      </c>
      <c r="H133" s="68">
        <v>1</v>
      </c>
      <c r="I133" s="68">
        <v>0</v>
      </c>
      <c r="J133" s="68">
        <v>1</v>
      </c>
      <c r="K133" s="67">
        <v>3</v>
      </c>
      <c r="L133" s="79">
        <v>0</v>
      </c>
      <c r="M133" s="80">
        <v>3</v>
      </c>
    </row>
    <row r="134" spans="1:14">
      <c r="A134" s="27" t="s">
        <v>121</v>
      </c>
      <c r="B134" s="67">
        <v>-66</v>
      </c>
      <c r="C134" s="68">
        <v>-21</v>
      </c>
      <c r="D134" s="68">
        <v>-45</v>
      </c>
      <c r="E134" s="67">
        <v>67</v>
      </c>
      <c r="F134" s="68">
        <v>21</v>
      </c>
      <c r="G134" s="69">
        <v>46</v>
      </c>
      <c r="H134" s="68">
        <v>1</v>
      </c>
      <c r="I134" s="68">
        <v>0</v>
      </c>
      <c r="J134" s="68">
        <v>1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122</v>
      </c>
      <c r="C135" s="40">
        <v>-19</v>
      </c>
      <c r="D135" s="40">
        <v>-103</v>
      </c>
      <c r="E135" s="42">
        <v>122</v>
      </c>
      <c r="F135" s="40">
        <v>19</v>
      </c>
      <c r="G135" s="43">
        <v>103</v>
      </c>
      <c r="H135" s="40">
        <v>2</v>
      </c>
      <c r="I135" s="40">
        <v>0</v>
      </c>
      <c r="J135" s="40">
        <v>2</v>
      </c>
      <c r="K135" s="42">
        <v>2</v>
      </c>
      <c r="L135" s="44">
        <v>0</v>
      </c>
      <c r="M135" s="85">
        <v>2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97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7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591</v>
      </c>
      <c r="C5" s="62">
        <v>-283</v>
      </c>
      <c r="D5" s="62">
        <v>-308</v>
      </c>
      <c r="E5" s="61">
        <v>2343</v>
      </c>
      <c r="F5" s="62">
        <v>1156</v>
      </c>
      <c r="G5" s="63">
        <v>1187</v>
      </c>
      <c r="H5" s="62">
        <v>7751</v>
      </c>
      <c r="I5" s="62">
        <v>3792</v>
      </c>
      <c r="J5" s="62">
        <v>3959</v>
      </c>
      <c r="K5" s="61">
        <v>6888</v>
      </c>
      <c r="L5" s="75">
        <v>3386</v>
      </c>
      <c r="M5" s="76">
        <v>3502</v>
      </c>
    </row>
    <row r="6" spans="1:13" ht="23.25" customHeight="1">
      <c r="A6" s="36" t="s">
        <v>2</v>
      </c>
      <c r="B6" s="64">
        <v>1013</v>
      </c>
      <c r="C6" s="65">
        <v>513</v>
      </c>
      <c r="D6" s="65">
        <v>500</v>
      </c>
      <c r="E6" s="64">
        <v>0</v>
      </c>
      <c r="F6" s="65">
        <v>0</v>
      </c>
      <c r="G6" s="66">
        <v>0</v>
      </c>
      <c r="H6" s="65">
        <v>431</v>
      </c>
      <c r="I6" s="65">
        <v>197</v>
      </c>
      <c r="J6" s="65">
        <v>234</v>
      </c>
      <c r="K6" s="64">
        <v>307</v>
      </c>
      <c r="L6" s="77">
        <v>151</v>
      </c>
      <c r="M6" s="78">
        <v>156</v>
      </c>
    </row>
    <row r="7" spans="1:13">
      <c r="A7" s="15" t="s">
        <v>4</v>
      </c>
      <c r="B7" s="67">
        <v>911</v>
      </c>
      <c r="C7" s="68">
        <v>477</v>
      </c>
      <c r="D7" s="68">
        <v>434</v>
      </c>
      <c r="E7" s="67">
        <v>0</v>
      </c>
      <c r="F7" s="68">
        <v>0</v>
      </c>
      <c r="G7" s="69">
        <v>0</v>
      </c>
      <c r="H7" s="68">
        <v>112</v>
      </c>
      <c r="I7" s="68">
        <v>50</v>
      </c>
      <c r="J7" s="68">
        <v>62</v>
      </c>
      <c r="K7" s="67">
        <v>90</v>
      </c>
      <c r="L7" s="79">
        <v>40</v>
      </c>
      <c r="M7" s="80">
        <v>50</v>
      </c>
    </row>
    <row r="8" spans="1:13">
      <c r="A8" s="15" t="s">
        <v>6</v>
      </c>
      <c r="B8" s="67">
        <v>30</v>
      </c>
      <c r="C8" s="68">
        <v>11</v>
      </c>
      <c r="D8" s="68">
        <v>19</v>
      </c>
      <c r="E8" s="67">
        <v>0</v>
      </c>
      <c r="F8" s="68">
        <v>0</v>
      </c>
      <c r="G8" s="69">
        <v>0</v>
      </c>
      <c r="H8" s="68">
        <v>96</v>
      </c>
      <c r="I8" s="68">
        <v>48</v>
      </c>
      <c r="J8" s="68">
        <v>48</v>
      </c>
      <c r="K8" s="67">
        <v>66</v>
      </c>
      <c r="L8" s="79">
        <v>37</v>
      </c>
      <c r="M8" s="80">
        <v>29</v>
      </c>
    </row>
    <row r="9" spans="1:13">
      <c r="A9" s="15" t="s">
        <v>8</v>
      </c>
      <c r="B9" s="67">
        <v>40</v>
      </c>
      <c r="C9" s="68">
        <v>19</v>
      </c>
      <c r="D9" s="68">
        <v>21</v>
      </c>
      <c r="E9" s="67">
        <v>0</v>
      </c>
      <c r="F9" s="68">
        <v>0</v>
      </c>
      <c r="G9" s="69">
        <v>0</v>
      </c>
      <c r="H9" s="68">
        <v>95</v>
      </c>
      <c r="I9" s="68">
        <v>41</v>
      </c>
      <c r="J9" s="68">
        <v>54</v>
      </c>
      <c r="K9" s="67">
        <v>55</v>
      </c>
      <c r="L9" s="79">
        <v>22</v>
      </c>
      <c r="M9" s="80">
        <v>33</v>
      </c>
    </row>
    <row r="10" spans="1:13">
      <c r="A10" s="15" t="s">
        <v>10</v>
      </c>
      <c r="B10" s="67">
        <v>14</v>
      </c>
      <c r="C10" s="68">
        <v>1</v>
      </c>
      <c r="D10" s="68">
        <v>13</v>
      </c>
      <c r="E10" s="67">
        <v>0</v>
      </c>
      <c r="F10" s="68">
        <v>0</v>
      </c>
      <c r="G10" s="69">
        <v>0</v>
      </c>
      <c r="H10" s="68">
        <v>65</v>
      </c>
      <c r="I10" s="68">
        <v>27</v>
      </c>
      <c r="J10" s="68">
        <v>38</v>
      </c>
      <c r="K10" s="67">
        <v>51</v>
      </c>
      <c r="L10" s="79">
        <v>26</v>
      </c>
      <c r="M10" s="80">
        <v>25</v>
      </c>
    </row>
    <row r="11" spans="1:13">
      <c r="A11" s="15" t="s">
        <v>12</v>
      </c>
      <c r="B11" s="67">
        <v>18</v>
      </c>
      <c r="C11" s="68">
        <v>5</v>
      </c>
      <c r="D11" s="68">
        <v>13</v>
      </c>
      <c r="E11" s="67">
        <v>0</v>
      </c>
      <c r="F11" s="68">
        <v>0</v>
      </c>
      <c r="G11" s="69">
        <v>0</v>
      </c>
      <c r="H11" s="68">
        <v>63</v>
      </c>
      <c r="I11" s="68">
        <v>31</v>
      </c>
      <c r="J11" s="68">
        <v>32</v>
      </c>
      <c r="K11" s="67">
        <v>45</v>
      </c>
      <c r="L11" s="79">
        <v>26</v>
      </c>
      <c r="M11" s="80">
        <v>19</v>
      </c>
    </row>
    <row r="12" spans="1:13" ht="21" customHeight="1">
      <c r="A12" s="36" t="s">
        <v>14</v>
      </c>
      <c r="B12" s="64">
        <v>110</v>
      </c>
      <c r="C12" s="65">
        <v>68</v>
      </c>
      <c r="D12" s="65">
        <v>42</v>
      </c>
      <c r="E12" s="64">
        <v>0</v>
      </c>
      <c r="F12" s="65">
        <v>0</v>
      </c>
      <c r="G12" s="66">
        <v>0</v>
      </c>
      <c r="H12" s="65">
        <v>303</v>
      </c>
      <c r="I12" s="65">
        <v>163</v>
      </c>
      <c r="J12" s="65">
        <v>140</v>
      </c>
      <c r="K12" s="64">
        <v>193</v>
      </c>
      <c r="L12" s="77">
        <v>95</v>
      </c>
      <c r="M12" s="78">
        <v>98</v>
      </c>
    </row>
    <row r="13" spans="1:13">
      <c r="A13" s="15" t="s">
        <v>16</v>
      </c>
      <c r="B13" s="67">
        <v>24</v>
      </c>
      <c r="C13" s="68">
        <v>14</v>
      </c>
      <c r="D13" s="68">
        <v>10</v>
      </c>
      <c r="E13" s="67">
        <v>0</v>
      </c>
      <c r="F13" s="68">
        <v>0</v>
      </c>
      <c r="G13" s="69">
        <v>0</v>
      </c>
      <c r="H13" s="68">
        <v>69</v>
      </c>
      <c r="I13" s="68">
        <v>39</v>
      </c>
      <c r="J13" s="68">
        <v>30</v>
      </c>
      <c r="K13" s="67">
        <v>45</v>
      </c>
      <c r="L13" s="79">
        <v>25</v>
      </c>
      <c r="M13" s="80">
        <v>20</v>
      </c>
    </row>
    <row r="14" spans="1:13">
      <c r="A14" s="15" t="s">
        <v>18</v>
      </c>
      <c r="B14" s="67">
        <v>60</v>
      </c>
      <c r="C14" s="68">
        <v>33</v>
      </c>
      <c r="D14" s="68">
        <v>27</v>
      </c>
      <c r="E14" s="67">
        <v>0</v>
      </c>
      <c r="F14" s="68">
        <v>0</v>
      </c>
      <c r="G14" s="69">
        <v>0</v>
      </c>
      <c r="H14" s="68">
        <v>112</v>
      </c>
      <c r="I14" s="68">
        <v>60</v>
      </c>
      <c r="J14" s="68">
        <v>52</v>
      </c>
      <c r="K14" s="67">
        <v>52</v>
      </c>
      <c r="L14" s="79">
        <v>27</v>
      </c>
      <c r="M14" s="80">
        <v>25</v>
      </c>
    </row>
    <row r="15" spans="1:13">
      <c r="A15" s="15" t="s">
        <v>20</v>
      </c>
      <c r="B15" s="67">
        <v>15</v>
      </c>
      <c r="C15" s="68">
        <v>5</v>
      </c>
      <c r="D15" s="68">
        <v>10</v>
      </c>
      <c r="E15" s="67">
        <v>0</v>
      </c>
      <c r="F15" s="68">
        <v>0</v>
      </c>
      <c r="G15" s="69">
        <v>0</v>
      </c>
      <c r="H15" s="68">
        <v>45</v>
      </c>
      <c r="I15" s="68">
        <v>21</v>
      </c>
      <c r="J15" s="68">
        <v>24</v>
      </c>
      <c r="K15" s="67">
        <v>30</v>
      </c>
      <c r="L15" s="79">
        <v>16</v>
      </c>
      <c r="M15" s="80">
        <v>14</v>
      </c>
    </row>
    <row r="16" spans="1:13">
      <c r="A16" s="15" t="s">
        <v>22</v>
      </c>
      <c r="B16" s="67">
        <v>-1</v>
      </c>
      <c r="C16" s="68">
        <v>6</v>
      </c>
      <c r="D16" s="68">
        <v>-7</v>
      </c>
      <c r="E16" s="67">
        <v>0</v>
      </c>
      <c r="F16" s="68">
        <v>0</v>
      </c>
      <c r="G16" s="69">
        <v>0</v>
      </c>
      <c r="H16" s="68">
        <v>42</v>
      </c>
      <c r="I16" s="68">
        <v>20</v>
      </c>
      <c r="J16" s="68">
        <v>22</v>
      </c>
      <c r="K16" s="67">
        <v>43</v>
      </c>
      <c r="L16" s="79">
        <v>14</v>
      </c>
      <c r="M16" s="80">
        <v>29</v>
      </c>
    </row>
    <row r="17" spans="1:13">
      <c r="A17" s="15" t="s">
        <v>24</v>
      </c>
      <c r="B17" s="67">
        <v>12</v>
      </c>
      <c r="C17" s="68">
        <v>10</v>
      </c>
      <c r="D17" s="68">
        <v>2</v>
      </c>
      <c r="E17" s="67">
        <v>0</v>
      </c>
      <c r="F17" s="68">
        <v>0</v>
      </c>
      <c r="G17" s="69">
        <v>0</v>
      </c>
      <c r="H17" s="68">
        <v>35</v>
      </c>
      <c r="I17" s="68">
        <v>23</v>
      </c>
      <c r="J17" s="68">
        <v>12</v>
      </c>
      <c r="K17" s="67">
        <v>23</v>
      </c>
      <c r="L17" s="79">
        <v>13</v>
      </c>
      <c r="M17" s="80">
        <v>10</v>
      </c>
    </row>
    <row r="18" spans="1:13" ht="21" customHeight="1">
      <c r="A18" s="36" t="s">
        <v>26</v>
      </c>
      <c r="B18" s="64">
        <v>14</v>
      </c>
      <c r="C18" s="65">
        <v>17</v>
      </c>
      <c r="D18" s="65">
        <v>-3</v>
      </c>
      <c r="E18" s="64">
        <v>2</v>
      </c>
      <c r="F18" s="65">
        <v>2</v>
      </c>
      <c r="G18" s="66">
        <v>0</v>
      </c>
      <c r="H18" s="65">
        <v>157</v>
      </c>
      <c r="I18" s="65">
        <v>82</v>
      </c>
      <c r="J18" s="65">
        <v>75</v>
      </c>
      <c r="K18" s="64">
        <v>141</v>
      </c>
      <c r="L18" s="77">
        <v>63</v>
      </c>
      <c r="M18" s="78">
        <v>78</v>
      </c>
    </row>
    <row r="19" spans="1:13">
      <c r="A19" s="15" t="s">
        <v>28</v>
      </c>
      <c r="B19" s="67">
        <v>4</v>
      </c>
      <c r="C19" s="68">
        <v>-4</v>
      </c>
      <c r="D19" s="68">
        <v>8</v>
      </c>
      <c r="E19" s="67">
        <v>0</v>
      </c>
      <c r="F19" s="68">
        <v>0</v>
      </c>
      <c r="G19" s="69">
        <v>0</v>
      </c>
      <c r="H19" s="68">
        <v>32</v>
      </c>
      <c r="I19" s="68">
        <v>13</v>
      </c>
      <c r="J19" s="68">
        <v>19</v>
      </c>
      <c r="K19" s="67">
        <v>28</v>
      </c>
      <c r="L19" s="79">
        <v>17</v>
      </c>
      <c r="M19" s="80">
        <v>11</v>
      </c>
    </row>
    <row r="20" spans="1:13">
      <c r="A20" s="15" t="s">
        <v>30</v>
      </c>
      <c r="B20" s="67">
        <v>0</v>
      </c>
      <c r="C20" s="68">
        <v>4</v>
      </c>
      <c r="D20" s="68">
        <v>-4</v>
      </c>
      <c r="E20" s="67">
        <v>0</v>
      </c>
      <c r="F20" s="68">
        <v>0</v>
      </c>
      <c r="G20" s="69">
        <v>0</v>
      </c>
      <c r="H20" s="68">
        <v>25</v>
      </c>
      <c r="I20" s="68">
        <v>13</v>
      </c>
      <c r="J20" s="68">
        <v>12</v>
      </c>
      <c r="K20" s="67">
        <v>25</v>
      </c>
      <c r="L20" s="79">
        <v>9</v>
      </c>
      <c r="M20" s="80">
        <v>16</v>
      </c>
    </row>
    <row r="21" spans="1:13">
      <c r="A21" s="15" t="s">
        <v>32</v>
      </c>
      <c r="B21" s="67">
        <v>-1</v>
      </c>
      <c r="C21" s="68">
        <v>7</v>
      </c>
      <c r="D21" s="68">
        <v>-8</v>
      </c>
      <c r="E21" s="67">
        <v>1</v>
      </c>
      <c r="F21" s="68">
        <v>1</v>
      </c>
      <c r="G21" s="69">
        <v>0</v>
      </c>
      <c r="H21" s="68">
        <v>44</v>
      </c>
      <c r="I21" s="68">
        <v>26</v>
      </c>
      <c r="J21" s="68">
        <v>18</v>
      </c>
      <c r="K21" s="67">
        <v>44</v>
      </c>
      <c r="L21" s="79">
        <v>18</v>
      </c>
      <c r="M21" s="80">
        <v>26</v>
      </c>
    </row>
    <row r="22" spans="1:13">
      <c r="A22" s="15" t="s">
        <v>34</v>
      </c>
      <c r="B22" s="67">
        <v>5</v>
      </c>
      <c r="C22" s="68">
        <v>9</v>
      </c>
      <c r="D22" s="68">
        <v>-4</v>
      </c>
      <c r="E22" s="67">
        <v>0</v>
      </c>
      <c r="F22" s="68">
        <v>0</v>
      </c>
      <c r="G22" s="69">
        <v>0</v>
      </c>
      <c r="H22" s="68">
        <v>30</v>
      </c>
      <c r="I22" s="68">
        <v>18</v>
      </c>
      <c r="J22" s="68">
        <v>12</v>
      </c>
      <c r="K22" s="67">
        <v>25</v>
      </c>
      <c r="L22" s="79">
        <v>9</v>
      </c>
      <c r="M22" s="80">
        <v>16</v>
      </c>
    </row>
    <row r="23" spans="1:13">
      <c r="A23" s="15" t="s">
        <v>36</v>
      </c>
      <c r="B23" s="67">
        <v>6</v>
      </c>
      <c r="C23" s="68">
        <v>1</v>
      </c>
      <c r="D23" s="68">
        <v>5</v>
      </c>
      <c r="E23" s="67">
        <v>1</v>
      </c>
      <c r="F23" s="68">
        <v>1</v>
      </c>
      <c r="G23" s="69">
        <v>0</v>
      </c>
      <c r="H23" s="68">
        <v>26</v>
      </c>
      <c r="I23" s="68">
        <v>12</v>
      </c>
      <c r="J23" s="68">
        <v>14</v>
      </c>
      <c r="K23" s="67">
        <v>19</v>
      </c>
      <c r="L23" s="79">
        <v>10</v>
      </c>
      <c r="M23" s="80">
        <v>9</v>
      </c>
    </row>
    <row r="24" spans="1:13" ht="21" customHeight="1">
      <c r="A24" s="36" t="s">
        <v>38</v>
      </c>
      <c r="B24" s="64">
        <v>-14</v>
      </c>
      <c r="C24" s="65">
        <v>-6</v>
      </c>
      <c r="D24" s="65">
        <v>-8</v>
      </c>
      <c r="E24" s="64">
        <v>2</v>
      </c>
      <c r="F24" s="65">
        <v>2</v>
      </c>
      <c r="G24" s="66">
        <v>0</v>
      </c>
      <c r="H24" s="65">
        <v>243</v>
      </c>
      <c r="I24" s="65">
        <v>141</v>
      </c>
      <c r="J24" s="65">
        <v>102</v>
      </c>
      <c r="K24" s="64">
        <v>255</v>
      </c>
      <c r="L24" s="77">
        <v>145</v>
      </c>
      <c r="M24" s="78">
        <v>110</v>
      </c>
    </row>
    <row r="25" spans="1:13">
      <c r="A25" s="15" t="s">
        <v>40</v>
      </c>
      <c r="B25" s="67">
        <v>-18</v>
      </c>
      <c r="C25" s="68">
        <v>-16</v>
      </c>
      <c r="D25" s="68">
        <v>-2</v>
      </c>
      <c r="E25" s="67">
        <v>0</v>
      </c>
      <c r="F25" s="68">
        <v>0</v>
      </c>
      <c r="G25" s="69">
        <v>0</v>
      </c>
      <c r="H25" s="68">
        <v>28</v>
      </c>
      <c r="I25" s="68">
        <v>11</v>
      </c>
      <c r="J25" s="68">
        <v>17</v>
      </c>
      <c r="K25" s="67">
        <v>46</v>
      </c>
      <c r="L25" s="79">
        <v>27</v>
      </c>
      <c r="M25" s="80">
        <v>19</v>
      </c>
    </row>
    <row r="26" spans="1:13">
      <c r="A26" s="15" t="s">
        <v>42</v>
      </c>
      <c r="B26" s="67">
        <v>12</v>
      </c>
      <c r="C26" s="68">
        <v>13</v>
      </c>
      <c r="D26" s="68">
        <v>-1</v>
      </c>
      <c r="E26" s="67">
        <v>0</v>
      </c>
      <c r="F26" s="68">
        <v>0</v>
      </c>
      <c r="G26" s="69">
        <v>0</v>
      </c>
      <c r="H26" s="68">
        <v>28</v>
      </c>
      <c r="I26" s="68">
        <v>16</v>
      </c>
      <c r="J26" s="68">
        <v>12</v>
      </c>
      <c r="K26" s="67">
        <v>16</v>
      </c>
      <c r="L26" s="79">
        <v>3</v>
      </c>
      <c r="M26" s="80">
        <v>13</v>
      </c>
    </row>
    <row r="27" spans="1:13">
      <c r="A27" s="15" t="s">
        <v>44</v>
      </c>
      <c r="B27" s="67">
        <v>6</v>
      </c>
      <c r="C27" s="68">
        <v>8</v>
      </c>
      <c r="D27" s="68">
        <v>-2</v>
      </c>
      <c r="E27" s="67">
        <v>0</v>
      </c>
      <c r="F27" s="68">
        <v>0</v>
      </c>
      <c r="G27" s="69">
        <v>0</v>
      </c>
      <c r="H27" s="68">
        <v>25</v>
      </c>
      <c r="I27" s="68">
        <v>13</v>
      </c>
      <c r="J27" s="68">
        <v>12</v>
      </c>
      <c r="K27" s="67">
        <v>19</v>
      </c>
      <c r="L27" s="79">
        <v>5</v>
      </c>
      <c r="M27" s="80">
        <v>14</v>
      </c>
    </row>
    <row r="28" spans="1:13">
      <c r="A28" s="15" t="s">
        <v>46</v>
      </c>
      <c r="B28" s="67">
        <v>-6</v>
      </c>
      <c r="C28" s="68">
        <v>-6</v>
      </c>
      <c r="D28" s="68">
        <v>0</v>
      </c>
      <c r="E28" s="67">
        <v>0</v>
      </c>
      <c r="F28" s="68">
        <v>0</v>
      </c>
      <c r="G28" s="69">
        <v>0</v>
      </c>
      <c r="H28" s="68">
        <v>80</v>
      </c>
      <c r="I28" s="68">
        <v>47</v>
      </c>
      <c r="J28" s="68">
        <v>33</v>
      </c>
      <c r="K28" s="67">
        <v>86</v>
      </c>
      <c r="L28" s="79">
        <v>53</v>
      </c>
      <c r="M28" s="80">
        <v>33</v>
      </c>
    </row>
    <row r="29" spans="1:13">
      <c r="A29" s="15" t="s">
        <v>48</v>
      </c>
      <c r="B29" s="67">
        <v>-8</v>
      </c>
      <c r="C29" s="68">
        <v>-5</v>
      </c>
      <c r="D29" s="68">
        <v>-3</v>
      </c>
      <c r="E29" s="67">
        <v>2</v>
      </c>
      <c r="F29" s="68">
        <v>2</v>
      </c>
      <c r="G29" s="69">
        <v>0</v>
      </c>
      <c r="H29" s="68">
        <v>82</v>
      </c>
      <c r="I29" s="68">
        <v>54</v>
      </c>
      <c r="J29" s="68">
        <v>28</v>
      </c>
      <c r="K29" s="67">
        <v>88</v>
      </c>
      <c r="L29" s="79">
        <v>57</v>
      </c>
      <c r="M29" s="80">
        <v>31</v>
      </c>
    </row>
    <row r="30" spans="1:13" ht="21" customHeight="1">
      <c r="A30" s="36" t="s">
        <v>50</v>
      </c>
      <c r="B30" s="64">
        <v>-83</v>
      </c>
      <c r="C30" s="65">
        <v>-57</v>
      </c>
      <c r="D30" s="65">
        <v>-26</v>
      </c>
      <c r="E30" s="64">
        <v>3</v>
      </c>
      <c r="F30" s="65">
        <v>2</v>
      </c>
      <c r="G30" s="66">
        <v>1</v>
      </c>
      <c r="H30" s="65">
        <v>857</v>
      </c>
      <c r="I30" s="65">
        <v>400</v>
      </c>
      <c r="J30" s="65">
        <v>457</v>
      </c>
      <c r="K30" s="64">
        <v>937</v>
      </c>
      <c r="L30" s="77">
        <v>455</v>
      </c>
      <c r="M30" s="78">
        <v>482</v>
      </c>
    </row>
    <row r="31" spans="1:13">
      <c r="A31" s="15" t="s">
        <v>52</v>
      </c>
      <c r="B31" s="67">
        <v>15</v>
      </c>
      <c r="C31" s="68">
        <v>18</v>
      </c>
      <c r="D31" s="68">
        <v>-3</v>
      </c>
      <c r="E31" s="67">
        <v>0</v>
      </c>
      <c r="F31" s="68">
        <v>0</v>
      </c>
      <c r="G31" s="69">
        <v>0</v>
      </c>
      <c r="H31" s="68">
        <v>97</v>
      </c>
      <c r="I31" s="68">
        <v>49</v>
      </c>
      <c r="J31" s="68">
        <v>48</v>
      </c>
      <c r="K31" s="67">
        <v>82</v>
      </c>
      <c r="L31" s="79">
        <v>31</v>
      </c>
      <c r="M31" s="80">
        <v>51</v>
      </c>
    </row>
    <row r="32" spans="1:13">
      <c r="A32" s="15" t="s">
        <v>54</v>
      </c>
      <c r="B32" s="67">
        <v>0</v>
      </c>
      <c r="C32" s="68">
        <v>-12</v>
      </c>
      <c r="D32" s="68">
        <v>12</v>
      </c>
      <c r="E32" s="67">
        <v>0</v>
      </c>
      <c r="F32" s="68">
        <v>0</v>
      </c>
      <c r="G32" s="69">
        <v>0</v>
      </c>
      <c r="H32" s="68">
        <v>104</v>
      </c>
      <c r="I32" s="68">
        <v>43</v>
      </c>
      <c r="J32" s="68">
        <v>61</v>
      </c>
      <c r="K32" s="67">
        <v>104</v>
      </c>
      <c r="L32" s="79">
        <v>55</v>
      </c>
      <c r="M32" s="80">
        <v>49</v>
      </c>
    </row>
    <row r="33" spans="1:13">
      <c r="A33" s="15" t="s">
        <v>56</v>
      </c>
      <c r="B33" s="67">
        <v>-75</v>
      </c>
      <c r="C33" s="68">
        <v>-60</v>
      </c>
      <c r="D33" s="68">
        <v>-15</v>
      </c>
      <c r="E33" s="67">
        <v>1</v>
      </c>
      <c r="F33" s="68">
        <v>0</v>
      </c>
      <c r="G33" s="69">
        <v>1</v>
      </c>
      <c r="H33" s="68">
        <v>216</v>
      </c>
      <c r="I33" s="68">
        <v>94</v>
      </c>
      <c r="J33" s="68">
        <v>122</v>
      </c>
      <c r="K33" s="67">
        <v>290</v>
      </c>
      <c r="L33" s="79">
        <v>154</v>
      </c>
      <c r="M33" s="80">
        <v>136</v>
      </c>
    </row>
    <row r="34" spans="1:13">
      <c r="A34" s="15" t="s">
        <v>58</v>
      </c>
      <c r="B34" s="67">
        <v>-15</v>
      </c>
      <c r="C34" s="68">
        <v>0</v>
      </c>
      <c r="D34" s="68">
        <v>-15</v>
      </c>
      <c r="E34" s="67">
        <v>1</v>
      </c>
      <c r="F34" s="68">
        <v>1</v>
      </c>
      <c r="G34" s="69">
        <v>0</v>
      </c>
      <c r="H34" s="68">
        <v>202</v>
      </c>
      <c r="I34" s="68">
        <v>103</v>
      </c>
      <c r="J34" s="68">
        <v>99</v>
      </c>
      <c r="K34" s="67">
        <v>216</v>
      </c>
      <c r="L34" s="79">
        <v>102</v>
      </c>
      <c r="M34" s="80">
        <v>114</v>
      </c>
    </row>
    <row r="35" spans="1:13">
      <c r="A35" s="15" t="s">
        <v>60</v>
      </c>
      <c r="B35" s="67">
        <v>-8</v>
      </c>
      <c r="C35" s="68">
        <v>-3</v>
      </c>
      <c r="D35" s="68">
        <v>-5</v>
      </c>
      <c r="E35" s="67">
        <v>1</v>
      </c>
      <c r="F35" s="68">
        <v>1</v>
      </c>
      <c r="G35" s="69">
        <v>0</v>
      </c>
      <c r="H35" s="68">
        <v>238</v>
      </c>
      <c r="I35" s="68">
        <v>111</v>
      </c>
      <c r="J35" s="68">
        <v>127</v>
      </c>
      <c r="K35" s="67">
        <v>245</v>
      </c>
      <c r="L35" s="79">
        <v>113</v>
      </c>
      <c r="M35" s="80">
        <v>132</v>
      </c>
    </row>
    <row r="36" spans="1:13" ht="21" customHeight="1">
      <c r="A36" s="36" t="s">
        <v>62</v>
      </c>
      <c r="B36" s="64">
        <v>-50</v>
      </c>
      <c r="C36" s="65">
        <v>-15</v>
      </c>
      <c r="D36" s="65">
        <v>-35</v>
      </c>
      <c r="E36" s="64">
        <v>3</v>
      </c>
      <c r="F36" s="65">
        <v>0</v>
      </c>
      <c r="G36" s="66">
        <v>3</v>
      </c>
      <c r="H36" s="65">
        <v>1255</v>
      </c>
      <c r="I36" s="65">
        <v>602</v>
      </c>
      <c r="J36" s="65">
        <v>653</v>
      </c>
      <c r="K36" s="64">
        <v>1302</v>
      </c>
      <c r="L36" s="77">
        <v>617</v>
      </c>
      <c r="M36" s="78">
        <v>685</v>
      </c>
    </row>
    <row r="37" spans="1:13">
      <c r="A37" s="15" t="s">
        <v>64</v>
      </c>
      <c r="B37" s="67">
        <v>-31</v>
      </c>
      <c r="C37" s="68">
        <v>-30</v>
      </c>
      <c r="D37" s="68">
        <v>-1</v>
      </c>
      <c r="E37" s="67">
        <v>0</v>
      </c>
      <c r="F37" s="68">
        <v>0</v>
      </c>
      <c r="G37" s="69">
        <v>0</v>
      </c>
      <c r="H37" s="68">
        <v>241</v>
      </c>
      <c r="I37" s="68">
        <v>109</v>
      </c>
      <c r="J37" s="68">
        <v>132</v>
      </c>
      <c r="K37" s="67">
        <v>272</v>
      </c>
      <c r="L37" s="79">
        <v>139</v>
      </c>
      <c r="M37" s="80">
        <v>133</v>
      </c>
    </row>
    <row r="38" spans="1:13">
      <c r="A38" s="15" t="s">
        <v>66</v>
      </c>
      <c r="B38" s="67">
        <v>2</v>
      </c>
      <c r="C38" s="68">
        <v>-5</v>
      </c>
      <c r="D38" s="68">
        <v>7</v>
      </c>
      <c r="E38" s="67">
        <v>1</v>
      </c>
      <c r="F38" s="68">
        <v>0</v>
      </c>
      <c r="G38" s="69">
        <v>1</v>
      </c>
      <c r="H38" s="68">
        <v>263</v>
      </c>
      <c r="I38" s="68">
        <v>118</v>
      </c>
      <c r="J38" s="68">
        <v>145</v>
      </c>
      <c r="K38" s="67">
        <v>260</v>
      </c>
      <c r="L38" s="79">
        <v>123</v>
      </c>
      <c r="M38" s="80">
        <v>137</v>
      </c>
    </row>
    <row r="39" spans="1:13">
      <c r="A39" s="15" t="s">
        <v>68</v>
      </c>
      <c r="B39" s="67">
        <v>-8</v>
      </c>
      <c r="C39" s="68">
        <v>15</v>
      </c>
      <c r="D39" s="68">
        <v>-23</v>
      </c>
      <c r="E39" s="67">
        <v>1</v>
      </c>
      <c r="F39" s="68">
        <v>0</v>
      </c>
      <c r="G39" s="69">
        <v>1</v>
      </c>
      <c r="H39" s="68">
        <v>272</v>
      </c>
      <c r="I39" s="68">
        <v>144</v>
      </c>
      <c r="J39" s="68">
        <v>128</v>
      </c>
      <c r="K39" s="67">
        <v>279</v>
      </c>
      <c r="L39" s="79">
        <v>129</v>
      </c>
      <c r="M39" s="80">
        <v>150</v>
      </c>
    </row>
    <row r="40" spans="1:13">
      <c r="A40" s="15" t="s">
        <v>70</v>
      </c>
      <c r="B40" s="67">
        <v>-6</v>
      </c>
      <c r="C40" s="68">
        <v>14</v>
      </c>
      <c r="D40" s="68">
        <v>-20</v>
      </c>
      <c r="E40" s="67">
        <v>0</v>
      </c>
      <c r="F40" s="68">
        <v>0</v>
      </c>
      <c r="G40" s="69">
        <v>0</v>
      </c>
      <c r="H40" s="68">
        <v>228</v>
      </c>
      <c r="I40" s="68">
        <v>119</v>
      </c>
      <c r="J40" s="68">
        <v>109</v>
      </c>
      <c r="K40" s="67">
        <v>234</v>
      </c>
      <c r="L40" s="79">
        <v>105</v>
      </c>
      <c r="M40" s="80">
        <v>129</v>
      </c>
    </row>
    <row r="41" spans="1:13">
      <c r="A41" s="15" t="s">
        <v>72</v>
      </c>
      <c r="B41" s="67">
        <v>-7</v>
      </c>
      <c r="C41" s="68">
        <v>-9</v>
      </c>
      <c r="D41" s="68">
        <v>2</v>
      </c>
      <c r="E41" s="67">
        <v>1</v>
      </c>
      <c r="F41" s="68">
        <v>0</v>
      </c>
      <c r="G41" s="69">
        <v>1</v>
      </c>
      <c r="H41" s="68">
        <v>251</v>
      </c>
      <c r="I41" s="68">
        <v>112</v>
      </c>
      <c r="J41" s="68">
        <v>139</v>
      </c>
      <c r="K41" s="67">
        <v>257</v>
      </c>
      <c r="L41" s="79">
        <v>121</v>
      </c>
      <c r="M41" s="80">
        <v>136</v>
      </c>
    </row>
    <row r="42" spans="1:13" ht="21" customHeight="1">
      <c r="A42" s="36" t="s">
        <v>74</v>
      </c>
      <c r="B42" s="64">
        <v>71</v>
      </c>
      <c r="C42" s="65">
        <v>42</v>
      </c>
      <c r="D42" s="65">
        <v>29</v>
      </c>
      <c r="E42" s="64">
        <v>1</v>
      </c>
      <c r="F42" s="65">
        <v>1</v>
      </c>
      <c r="G42" s="66">
        <v>0</v>
      </c>
      <c r="H42" s="65">
        <v>966</v>
      </c>
      <c r="I42" s="65">
        <v>483</v>
      </c>
      <c r="J42" s="65">
        <v>483</v>
      </c>
      <c r="K42" s="64">
        <v>894</v>
      </c>
      <c r="L42" s="77">
        <v>440</v>
      </c>
      <c r="M42" s="78">
        <v>454</v>
      </c>
    </row>
    <row r="43" spans="1:13">
      <c r="A43" s="15" t="s">
        <v>76</v>
      </c>
      <c r="B43" s="67">
        <v>-5</v>
      </c>
      <c r="C43" s="68">
        <v>-3</v>
      </c>
      <c r="D43" s="68">
        <v>-2</v>
      </c>
      <c r="E43" s="67">
        <v>0</v>
      </c>
      <c r="F43" s="68">
        <v>0</v>
      </c>
      <c r="G43" s="69">
        <v>0</v>
      </c>
      <c r="H43" s="68">
        <v>216</v>
      </c>
      <c r="I43" s="68">
        <v>112</v>
      </c>
      <c r="J43" s="68">
        <v>104</v>
      </c>
      <c r="K43" s="67">
        <v>221</v>
      </c>
      <c r="L43" s="79">
        <v>115</v>
      </c>
      <c r="M43" s="80">
        <v>106</v>
      </c>
    </row>
    <row r="44" spans="1:13">
      <c r="A44" s="15" t="s">
        <v>78</v>
      </c>
      <c r="B44" s="67">
        <v>5</v>
      </c>
      <c r="C44" s="68">
        <v>7</v>
      </c>
      <c r="D44" s="68">
        <v>-2</v>
      </c>
      <c r="E44" s="67">
        <v>0</v>
      </c>
      <c r="F44" s="68">
        <v>0</v>
      </c>
      <c r="G44" s="69">
        <v>0</v>
      </c>
      <c r="H44" s="68">
        <v>193</v>
      </c>
      <c r="I44" s="68">
        <v>93</v>
      </c>
      <c r="J44" s="68">
        <v>100</v>
      </c>
      <c r="K44" s="67">
        <v>188</v>
      </c>
      <c r="L44" s="79">
        <v>86</v>
      </c>
      <c r="M44" s="80">
        <v>102</v>
      </c>
    </row>
    <row r="45" spans="1:13">
      <c r="A45" s="15" t="s">
        <v>80</v>
      </c>
      <c r="B45" s="67">
        <v>29</v>
      </c>
      <c r="C45" s="68">
        <v>23</v>
      </c>
      <c r="D45" s="68">
        <v>6</v>
      </c>
      <c r="E45" s="67">
        <v>0</v>
      </c>
      <c r="F45" s="68">
        <v>0</v>
      </c>
      <c r="G45" s="69">
        <v>0</v>
      </c>
      <c r="H45" s="68">
        <v>208</v>
      </c>
      <c r="I45" s="68">
        <v>107</v>
      </c>
      <c r="J45" s="68">
        <v>101</v>
      </c>
      <c r="K45" s="67">
        <v>179</v>
      </c>
      <c r="L45" s="79">
        <v>84</v>
      </c>
      <c r="M45" s="80">
        <v>95</v>
      </c>
    </row>
    <row r="46" spans="1:13">
      <c r="A46" s="15" t="s">
        <v>82</v>
      </c>
      <c r="B46" s="67">
        <v>29</v>
      </c>
      <c r="C46" s="68">
        <v>5</v>
      </c>
      <c r="D46" s="68">
        <v>24</v>
      </c>
      <c r="E46" s="67">
        <v>1</v>
      </c>
      <c r="F46" s="68">
        <v>1</v>
      </c>
      <c r="G46" s="69">
        <v>0</v>
      </c>
      <c r="H46" s="68">
        <v>182</v>
      </c>
      <c r="I46" s="68">
        <v>88</v>
      </c>
      <c r="J46" s="68">
        <v>94</v>
      </c>
      <c r="K46" s="67">
        <v>152</v>
      </c>
      <c r="L46" s="79">
        <v>82</v>
      </c>
      <c r="M46" s="80">
        <v>70</v>
      </c>
    </row>
    <row r="47" spans="1:13">
      <c r="A47" s="15" t="s">
        <v>84</v>
      </c>
      <c r="B47" s="67">
        <v>13</v>
      </c>
      <c r="C47" s="68">
        <v>10</v>
      </c>
      <c r="D47" s="68">
        <v>3</v>
      </c>
      <c r="E47" s="67">
        <v>0</v>
      </c>
      <c r="F47" s="68">
        <v>0</v>
      </c>
      <c r="G47" s="69">
        <v>0</v>
      </c>
      <c r="H47" s="68">
        <v>167</v>
      </c>
      <c r="I47" s="68">
        <v>83</v>
      </c>
      <c r="J47" s="68">
        <v>84</v>
      </c>
      <c r="K47" s="67">
        <v>154</v>
      </c>
      <c r="L47" s="79">
        <v>73</v>
      </c>
      <c r="M47" s="80">
        <v>81</v>
      </c>
    </row>
    <row r="48" spans="1:13" ht="21" customHeight="1">
      <c r="A48" s="36" t="s">
        <v>86</v>
      </c>
      <c r="B48" s="64">
        <v>251</v>
      </c>
      <c r="C48" s="65">
        <v>96</v>
      </c>
      <c r="D48" s="65">
        <v>155</v>
      </c>
      <c r="E48" s="64">
        <v>4</v>
      </c>
      <c r="F48" s="65">
        <v>2</v>
      </c>
      <c r="G48" s="66">
        <v>2</v>
      </c>
      <c r="H48" s="65">
        <v>784</v>
      </c>
      <c r="I48" s="65">
        <v>367</v>
      </c>
      <c r="J48" s="65">
        <v>417</v>
      </c>
      <c r="K48" s="64">
        <v>529</v>
      </c>
      <c r="L48" s="77">
        <v>269</v>
      </c>
      <c r="M48" s="78">
        <v>260</v>
      </c>
    </row>
    <row r="49" spans="1:13">
      <c r="A49" s="15" t="s">
        <v>88</v>
      </c>
      <c r="B49" s="67">
        <v>59</v>
      </c>
      <c r="C49" s="68">
        <v>24</v>
      </c>
      <c r="D49" s="68">
        <v>35</v>
      </c>
      <c r="E49" s="67">
        <v>1</v>
      </c>
      <c r="F49" s="68">
        <v>0</v>
      </c>
      <c r="G49" s="69">
        <v>1</v>
      </c>
      <c r="H49" s="68">
        <v>165</v>
      </c>
      <c r="I49" s="68">
        <v>81</v>
      </c>
      <c r="J49" s="68">
        <v>84</v>
      </c>
      <c r="K49" s="67">
        <v>105</v>
      </c>
      <c r="L49" s="79">
        <v>57</v>
      </c>
      <c r="M49" s="80">
        <v>48</v>
      </c>
    </row>
    <row r="50" spans="1:13">
      <c r="A50" s="15" t="s">
        <v>90</v>
      </c>
      <c r="B50" s="67">
        <v>39</v>
      </c>
      <c r="C50" s="68">
        <v>6</v>
      </c>
      <c r="D50" s="68">
        <v>33</v>
      </c>
      <c r="E50" s="67">
        <v>0</v>
      </c>
      <c r="F50" s="68">
        <v>0</v>
      </c>
      <c r="G50" s="69">
        <v>0</v>
      </c>
      <c r="H50" s="68">
        <v>170</v>
      </c>
      <c r="I50" s="68">
        <v>75</v>
      </c>
      <c r="J50" s="68">
        <v>95</v>
      </c>
      <c r="K50" s="67">
        <v>131</v>
      </c>
      <c r="L50" s="79">
        <v>69</v>
      </c>
      <c r="M50" s="80">
        <v>62</v>
      </c>
    </row>
    <row r="51" spans="1:13">
      <c r="A51" s="15" t="s">
        <v>92</v>
      </c>
      <c r="B51" s="67">
        <v>54</v>
      </c>
      <c r="C51" s="68">
        <v>19</v>
      </c>
      <c r="D51" s="68">
        <v>35</v>
      </c>
      <c r="E51" s="67">
        <v>1</v>
      </c>
      <c r="F51" s="68">
        <v>1</v>
      </c>
      <c r="G51" s="69">
        <v>0</v>
      </c>
      <c r="H51" s="68">
        <v>166</v>
      </c>
      <c r="I51" s="68">
        <v>67</v>
      </c>
      <c r="J51" s="68">
        <v>99</v>
      </c>
      <c r="K51" s="67">
        <v>111</v>
      </c>
      <c r="L51" s="79">
        <v>47</v>
      </c>
      <c r="M51" s="80">
        <v>64</v>
      </c>
    </row>
    <row r="52" spans="1:13">
      <c r="A52" s="15" t="s">
        <v>94</v>
      </c>
      <c r="B52" s="67">
        <v>54</v>
      </c>
      <c r="C52" s="68">
        <v>21</v>
      </c>
      <c r="D52" s="68">
        <v>33</v>
      </c>
      <c r="E52" s="67">
        <v>1</v>
      </c>
      <c r="F52" s="68">
        <v>0</v>
      </c>
      <c r="G52" s="69">
        <v>1</v>
      </c>
      <c r="H52" s="68">
        <v>147</v>
      </c>
      <c r="I52" s="68">
        <v>75</v>
      </c>
      <c r="J52" s="68">
        <v>72</v>
      </c>
      <c r="K52" s="67">
        <v>92</v>
      </c>
      <c r="L52" s="79">
        <v>54</v>
      </c>
      <c r="M52" s="80">
        <v>38</v>
      </c>
    </row>
    <row r="53" spans="1:13">
      <c r="A53" s="15" t="s">
        <v>96</v>
      </c>
      <c r="B53" s="67">
        <v>45</v>
      </c>
      <c r="C53" s="68">
        <v>26</v>
      </c>
      <c r="D53" s="68">
        <v>19</v>
      </c>
      <c r="E53" s="67">
        <v>1</v>
      </c>
      <c r="F53" s="68">
        <v>1</v>
      </c>
      <c r="G53" s="69">
        <v>0</v>
      </c>
      <c r="H53" s="68">
        <v>136</v>
      </c>
      <c r="I53" s="68">
        <v>69</v>
      </c>
      <c r="J53" s="68">
        <v>67</v>
      </c>
      <c r="K53" s="67">
        <v>90</v>
      </c>
      <c r="L53" s="79">
        <v>42</v>
      </c>
      <c r="M53" s="80">
        <v>48</v>
      </c>
    </row>
    <row r="54" spans="1:13" ht="21" customHeight="1">
      <c r="A54" s="36" t="s">
        <v>98</v>
      </c>
      <c r="B54" s="64">
        <v>116</v>
      </c>
      <c r="C54" s="65">
        <v>58</v>
      </c>
      <c r="D54" s="65">
        <v>58</v>
      </c>
      <c r="E54" s="64">
        <v>6</v>
      </c>
      <c r="F54" s="65">
        <v>4</v>
      </c>
      <c r="G54" s="66">
        <v>2</v>
      </c>
      <c r="H54" s="65">
        <v>600</v>
      </c>
      <c r="I54" s="65">
        <v>296</v>
      </c>
      <c r="J54" s="65">
        <v>304</v>
      </c>
      <c r="K54" s="64">
        <v>478</v>
      </c>
      <c r="L54" s="77">
        <v>234</v>
      </c>
      <c r="M54" s="78">
        <v>244</v>
      </c>
    </row>
    <row r="55" spans="1:13">
      <c r="A55" s="15" t="s">
        <v>100</v>
      </c>
      <c r="B55" s="67">
        <v>38</v>
      </c>
      <c r="C55" s="68">
        <v>20</v>
      </c>
      <c r="D55" s="68">
        <v>18</v>
      </c>
      <c r="E55" s="67">
        <v>2</v>
      </c>
      <c r="F55" s="68">
        <v>2</v>
      </c>
      <c r="G55" s="69">
        <v>0</v>
      </c>
      <c r="H55" s="68">
        <v>128</v>
      </c>
      <c r="I55" s="68">
        <v>60</v>
      </c>
      <c r="J55" s="68">
        <v>68</v>
      </c>
      <c r="K55" s="67">
        <v>88</v>
      </c>
      <c r="L55" s="79">
        <v>38</v>
      </c>
      <c r="M55" s="80">
        <v>50</v>
      </c>
    </row>
    <row r="56" spans="1:13">
      <c r="A56" s="15" t="s">
        <v>102</v>
      </c>
      <c r="B56" s="67">
        <v>28</v>
      </c>
      <c r="C56" s="68">
        <v>19</v>
      </c>
      <c r="D56" s="68">
        <v>9</v>
      </c>
      <c r="E56" s="67">
        <v>0</v>
      </c>
      <c r="F56" s="68">
        <v>0</v>
      </c>
      <c r="G56" s="69">
        <v>0</v>
      </c>
      <c r="H56" s="68">
        <v>125</v>
      </c>
      <c r="I56" s="68">
        <v>63</v>
      </c>
      <c r="J56" s="68">
        <v>62</v>
      </c>
      <c r="K56" s="67">
        <v>97</v>
      </c>
      <c r="L56" s="79">
        <v>44</v>
      </c>
      <c r="M56" s="80">
        <v>53</v>
      </c>
    </row>
    <row r="57" spans="1:13">
      <c r="A57" s="15" t="s">
        <v>104</v>
      </c>
      <c r="B57" s="67">
        <v>6</v>
      </c>
      <c r="C57" s="68">
        <v>1</v>
      </c>
      <c r="D57" s="68">
        <v>5</v>
      </c>
      <c r="E57" s="67">
        <v>1</v>
      </c>
      <c r="F57" s="68">
        <v>0</v>
      </c>
      <c r="G57" s="69">
        <v>1</v>
      </c>
      <c r="H57" s="68">
        <v>120</v>
      </c>
      <c r="I57" s="68">
        <v>56</v>
      </c>
      <c r="J57" s="68">
        <v>64</v>
      </c>
      <c r="K57" s="67">
        <v>113</v>
      </c>
      <c r="L57" s="79">
        <v>55</v>
      </c>
      <c r="M57" s="80">
        <v>58</v>
      </c>
    </row>
    <row r="58" spans="1:13">
      <c r="A58" s="15" t="s">
        <v>106</v>
      </c>
      <c r="B58" s="67">
        <v>33</v>
      </c>
      <c r="C58" s="68">
        <v>18</v>
      </c>
      <c r="D58" s="68">
        <v>15</v>
      </c>
      <c r="E58" s="67">
        <v>2</v>
      </c>
      <c r="F58" s="68">
        <v>2</v>
      </c>
      <c r="G58" s="69">
        <v>0</v>
      </c>
      <c r="H58" s="68">
        <v>112</v>
      </c>
      <c r="I58" s="68">
        <v>58</v>
      </c>
      <c r="J58" s="68">
        <v>54</v>
      </c>
      <c r="K58" s="67">
        <v>77</v>
      </c>
      <c r="L58" s="79">
        <v>38</v>
      </c>
      <c r="M58" s="80">
        <v>39</v>
      </c>
    </row>
    <row r="59" spans="1:13">
      <c r="A59" s="15" t="s">
        <v>108</v>
      </c>
      <c r="B59" s="67">
        <v>11</v>
      </c>
      <c r="C59" s="68">
        <v>0</v>
      </c>
      <c r="D59" s="68">
        <v>11</v>
      </c>
      <c r="E59" s="67">
        <v>1</v>
      </c>
      <c r="F59" s="68">
        <v>0</v>
      </c>
      <c r="G59" s="69">
        <v>1</v>
      </c>
      <c r="H59" s="68">
        <v>115</v>
      </c>
      <c r="I59" s="68">
        <v>59</v>
      </c>
      <c r="J59" s="68">
        <v>56</v>
      </c>
      <c r="K59" s="67">
        <v>103</v>
      </c>
      <c r="L59" s="79">
        <v>59</v>
      </c>
      <c r="M59" s="80">
        <v>44</v>
      </c>
    </row>
    <row r="60" spans="1:13" ht="21" customHeight="1">
      <c r="A60" s="36" t="s">
        <v>110</v>
      </c>
      <c r="B60" s="64">
        <v>105</v>
      </c>
      <c r="C60" s="65">
        <v>42</v>
      </c>
      <c r="D60" s="65">
        <v>63</v>
      </c>
      <c r="E60" s="64">
        <v>11</v>
      </c>
      <c r="F60" s="65">
        <v>8</v>
      </c>
      <c r="G60" s="66">
        <v>3</v>
      </c>
      <c r="H60" s="65">
        <v>498</v>
      </c>
      <c r="I60" s="65">
        <v>249</v>
      </c>
      <c r="J60" s="65">
        <v>249</v>
      </c>
      <c r="K60" s="64">
        <v>382</v>
      </c>
      <c r="L60" s="77">
        <v>199</v>
      </c>
      <c r="M60" s="78">
        <v>183</v>
      </c>
    </row>
    <row r="61" spans="1:13">
      <c r="A61" s="15" t="s">
        <v>112</v>
      </c>
      <c r="B61" s="67">
        <v>27</v>
      </c>
      <c r="C61" s="68">
        <v>12</v>
      </c>
      <c r="D61" s="68">
        <v>15</v>
      </c>
      <c r="E61" s="67">
        <v>2</v>
      </c>
      <c r="F61" s="68">
        <v>1</v>
      </c>
      <c r="G61" s="69">
        <v>1</v>
      </c>
      <c r="H61" s="68">
        <v>113</v>
      </c>
      <c r="I61" s="68">
        <v>62</v>
      </c>
      <c r="J61" s="68">
        <v>51</v>
      </c>
      <c r="K61" s="67">
        <v>84</v>
      </c>
      <c r="L61" s="79">
        <v>49</v>
      </c>
      <c r="M61" s="80">
        <v>35</v>
      </c>
    </row>
    <row r="62" spans="1:13">
      <c r="A62" s="15" t="s">
        <v>114</v>
      </c>
      <c r="B62" s="67">
        <v>25</v>
      </c>
      <c r="C62" s="68">
        <v>10</v>
      </c>
      <c r="D62" s="68">
        <v>15</v>
      </c>
      <c r="E62" s="67">
        <v>2</v>
      </c>
      <c r="F62" s="68">
        <v>1</v>
      </c>
      <c r="G62" s="69">
        <v>1</v>
      </c>
      <c r="H62" s="68">
        <v>92</v>
      </c>
      <c r="I62" s="68">
        <v>45</v>
      </c>
      <c r="J62" s="68">
        <v>47</v>
      </c>
      <c r="K62" s="67">
        <v>65</v>
      </c>
      <c r="L62" s="79">
        <v>34</v>
      </c>
      <c r="M62" s="80">
        <v>31</v>
      </c>
    </row>
    <row r="63" spans="1:13">
      <c r="A63" s="15" t="s">
        <v>116</v>
      </c>
      <c r="B63" s="67">
        <v>24</v>
      </c>
      <c r="C63" s="68">
        <v>0</v>
      </c>
      <c r="D63" s="68">
        <v>24</v>
      </c>
      <c r="E63" s="67">
        <v>3</v>
      </c>
      <c r="F63" s="68">
        <v>3</v>
      </c>
      <c r="G63" s="69">
        <v>0</v>
      </c>
      <c r="H63" s="68">
        <v>102</v>
      </c>
      <c r="I63" s="68">
        <v>46</v>
      </c>
      <c r="J63" s="68">
        <v>56</v>
      </c>
      <c r="K63" s="67">
        <v>75</v>
      </c>
      <c r="L63" s="79">
        <v>43</v>
      </c>
      <c r="M63" s="80">
        <v>32</v>
      </c>
    </row>
    <row r="64" spans="1:13">
      <c r="A64" s="15" t="s">
        <v>118</v>
      </c>
      <c r="B64" s="67">
        <v>1</v>
      </c>
      <c r="C64" s="68">
        <v>-2</v>
      </c>
      <c r="D64" s="68">
        <v>3</v>
      </c>
      <c r="E64" s="67">
        <v>4</v>
      </c>
      <c r="F64" s="68">
        <v>3</v>
      </c>
      <c r="G64" s="69">
        <v>1</v>
      </c>
      <c r="H64" s="68">
        <v>89</v>
      </c>
      <c r="I64" s="68">
        <v>42</v>
      </c>
      <c r="J64" s="68">
        <v>47</v>
      </c>
      <c r="K64" s="67">
        <v>84</v>
      </c>
      <c r="L64" s="79">
        <v>41</v>
      </c>
      <c r="M64" s="80">
        <v>43</v>
      </c>
    </row>
    <row r="65" spans="1:13">
      <c r="A65" s="19" t="s">
        <v>120</v>
      </c>
      <c r="B65" s="70">
        <v>28</v>
      </c>
      <c r="C65" s="71">
        <v>22</v>
      </c>
      <c r="D65" s="71">
        <v>6</v>
      </c>
      <c r="E65" s="70">
        <v>0</v>
      </c>
      <c r="F65" s="71">
        <v>0</v>
      </c>
      <c r="G65" s="72">
        <v>0</v>
      </c>
      <c r="H65" s="71">
        <v>102</v>
      </c>
      <c r="I65" s="71">
        <v>54</v>
      </c>
      <c r="J65" s="71">
        <v>48</v>
      </c>
      <c r="K65" s="70">
        <v>74</v>
      </c>
      <c r="L65" s="81">
        <v>32</v>
      </c>
      <c r="M65" s="82">
        <v>42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889</v>
      </c>
      <c r="C69" s="50">
        <v>467</v>
      </c>
      <c r="D69" s="84">
        <v>422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97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12</v>
      </c>
      <c r="C75" s="65">
        <v>-11</v>
      </c>
      <c r="D75" s="65">
        <v>23</v>
      </c>
      <c r="E75" s="64">
        <v>24</v>
      </c>
      <c r="F75" s="65">
        <v>16</v>
      </c>
      <c r="G75" s="66">
        <v>8</v>
      </c>
      <c r="H75" s="65">
        <v>433</v>
      </c>
      <c r="I75" s="65">
        <v>222</v>
      </c>
      <c r="J75" s="65">
        <v>211</v>
      </c>
      <c r="K75" s="64">
        <v>397</v>
      </c>
      <c r="L75" s="77">
        <v>217</v>
      </c>
      <c r="M75" s="78">
        <v>180</v>
      </c>
    </row>
    <row r="76" spans="1:13">
      <c r="A76" s="27" t="s">
        <v>5</v>
      </c>
      <c r="B76" s="67">
        <v>-9</v>
      </c>
      <c r="C76" s="68">
        <v>-3</v>
      </c>
      <c r="D76" s="68">
        <v>-6</v>
      </c>
      <c r="E76" s="67">
        <v>4</v>
      </c>
      <c r="F76" s="68">
        <v>3</v>
      </c>
      <c r="G76" s="69">
        <v>1</v>
      </c>
      <c r="H76" s="68">
        <v>92</v>
      </c>
      <c r="I76" s="68">
        <v>50</v>
      </c>
      <c r="J76" s="68">
        <v>42</v>
      </c>
      <c r="K76" s="67">
        <v>97</v>
      </c>
      <c r="L76" s="79">
        <v>50</v>
      </c>
      <c r="M76" s="80">
        <v>47</v>
      </c>
    </row>
    <row r="77" spans="1:13">
      <c r="A77" s="27" t="s">
        <v>7</v>
      </c>
      <c r="B77" s="67">
        <v>18</v>
      </c>
      <c r="C77" s="68">
        <v>12</v>
      </c>
      <c r="D77" s="68">
        <v>6</v>
      </c>
      <c r="E77" s="67">
        <v>7</v>
      </c>
      <c r="F77" s="68">
        <v>3</v>
      </c>
      <c r="G77" s="69">
        <v>4</v>
      </c>
      <c r="H77" s="68">
        <v>89</v>
      </c>
      <c r="I77" s="68">
        <v>48</v>
      </c>
      <c r="J77" s="68">
        <v>41</v>
      </c>
      <c r="K77" s="67">
        <v>64</v>
      </c>
      <c r="L77" s="79">
        <v>33</v>
      </c>
      <c r="M77" s="80">
        <v>31</v>
      </c>
    </row>
    <row r="78" spans="1:13">
      <c r="A78" s="27" t="s">
        <v>9</v>
      </c>
      <c r="B78" s="67">
        <v>-2</v>
      </c>
      <c r="C78" s="68">
        <v>-7</v>
      </c>
      <c r="D78" s="68">
        <v>5</v>
      </c>
      <c r="E78" s="67">
        <v>4</v>
      </c>
      <c r="F78" s="68">
        <v>2</v>
      </c>
      <c r="G78" s="69">
        <v>2</v>
      </c>
      <c r="H78" s="68">
        <v>79</v>
      </c>
      <c r="I78" s="68">
        <v>38</v>
      </c>
      <c r="J78" s="68">
        <v>41</v>
      </c>
      <c r="K78" s="67">
        <v>77</v>
      </c>
      <c r="L78" s="79">
        <v>43</v>
      </c>
      <c r="M78" s="80">
        <v>34</v>
      </c>
    </row>
    <row r="79" spans="1:13">
      <c r="A79" s="27" t="s">
        <v>11</v>
      </c>
      <c r="B79" s="67">
        <v>-14</v>
      </c>
      <c r="C79" s="68">
        <v>-22</v>
      </c>
      <c r="D79" s="68">
        <v>8</v>
      </c>
      <c r="E79" s="67">
        <v>0</v>
      </c>
      <c r="F79" s="68">
        <v>0</v>
      </c>
      <c r="G79" s="69">
        <v>0</v>
      </c>
      <c r="H79" s="68">
        <v>86</v>
      </c>
      <c r="I79" s="68">
        <v>43</v>
      </c>
      <c r="J79" s="68">
        <v>43</v>
      </c>
      <c r="K79" s="67">
        <v>100</v>
      </c>
      <c r="L79" s="79">
        <v>65</v>
      </c>
      <c r="M79" s="80">
        <v>35</v>
      </c>
    </row>
    <row r="80" spans="1:13">
      <c r="A80" s="27" t="s">
        <v>13</v>
      </c>
      <c r="B80" s="67">
        <v>19</v>
      </c>
      <c r="C80" s="68">
        <v>9</v>
      </c>
      <c r="D80" s="68">
        <v>10</v>
      </c>
      <c r="E80" s="67">
        <v>9</v>
      </c>
      <c r="F80" s="68">
        <v>8</v>
      </c>
      <c r="G80" s="69">
        <v>1</v>
      </c>
      <c r="H80" s="68">
        <v>87</v>
      </c>
      <c r="I80" s="68">
        <v>43</v>
      </c>
      <c r="J80" s="68">
        <v>44</v>
      </c>
      <c r="K80" s="67">
        <v>59</v>
      </c>
      <c r="L80" s="79">
        <v>26</v>
      </c>
      <c r="M80" s="80">
        <v>33</v>
      </c>
    </row>
    <row r="81" spans="1:13" ht="21" customHeight="1">
      <c r="A81" s="38" t="s">
        <v>15</v>
      </c>
      <c r="B81" s="64">
        <v>49</v>
      </c>
      <c r="C81" s="65">
        <v>14</v>
      </c>
      <c r="D81" s="65">
        <v>35</v>
      </c>
      <c r="E81" s="64">
        <v>34</v>
      </c>
      <c r="F81" s="65">
        <v>19</v>
      </c>
      <c r="G81" s="66">
        <v>15</v>
      </c>
      <c r="H81" s="65">
        <v>343</v>
      </c>
      <c r="I81" s="65">
        <v>175</v>
      </c>
      <c r="J81" s="65">
        <v>168</v>
      </c>
      <c r="K81" s="64">
        <v>260</v>
      </c>
      <c r="L81" s="77">
        <v>142</v>
      </c>
      <c r="M81" s="78">
        <v>118</v>
      </c>
    </row>
    <row r="82" spans="1:13">
      <c r="A82" s="27" t="s">
        <v>17</v>
      </c>
      <c r="B82" s="67">
        <v>26</v>
      </c>
      <c r="C82" s="68">
        <v>14</v>
      </c>
      <c r="D82" s="68">
        <v>12</v>
      </c>
      <c r="E82" s="67">
        <v>7</v>
      </c>
      <c r="F82" s="68">
        <v>3</v>
      </c>
      <c r="G82" s="69">
        <v>4</v>
      </c>
      <c r="H82" s="68">
        <v>79</v>
      </c>
      <c r="I82" s="68">
        <v>41</v>
      </c>
      <c r="J82" s="68">
        <v>38</v>
      </c>
      <c r="K82" s="67">
        <v>46</v>
      </c>
      <c r="L82" s="79">
        <v>24</v>
      </c>
      <c r="M82" s="80">
        <v>22</v>
      </c>
    </row>
    <row r="83" spans="1:13">
      <c r="A83" s="27" t="s">
        <v>19</v>
      </c>
      <c r="B83" s="67">
        <v>22</v>
      </c>
      <c r="C83" s="68">
        <v>3</v>
      </c>
      <c r="D83" s="68">
        <v>19</v>
      </c>
      <c r="E83" s="67">
        <v>6</v>
      </c>
      <c r="F83" s="68">
        <v>5</v>
      </c>
      <c r="G83" s="69">
        <v>1</v>
      </c>
      <c r="H83" s="68">
        <v>83</v>
      </c>
      <c r="I83" s="68">
        <v>40</v>
      </c>
      <c r="J83" s="68">
        <v>43</v>
      </c>
      <c r="K83" s="67">
        <v>55</v>
      </c>
      <c r="L83" s="79">
        <v>32</v>
      </c>
      <c r="M83" s="80">
        <v>23</v>
      </c>
    </row>
    <row r="84" spans="1:13">
      <c r="A84" s="27" t="s">
        <v>21</v>
      </c>
      <c r="B84" s="67">
        <v>-13</v>
      </c>
      <c r="C84" s="68">
        <v>-9</v>
      </c>
      <c r="D84" s="68">
        <v>-4</v>
      </c>
      <c r="E84" s="67">
        <v>7</v>
      </c>
      <c r="F84" s="68">
        <v>2</v>
      </c>
      <c r="G84" s="69">
        <v>5</v>
      </c>
      <c r="H84" s="68">
        <v>59</v>
      </c>
      <c r="I84" s="68">
        <v>28</v>
      </c>
      <c r="J84" s="68">
        <v>31</v>
      </c>
      <c r="K84" s="67">
        <v>65</v>
      </c>
      <c r="L84" s="79">
        <v>35</v>
      </c>
      <c r="M84" s="80">
        <v>30</v>
      </c>
    </row>
    <row r="85" spans="1:13">
      <c r="A85" s="27" t="s">
        <v>23</v>
      </c>
      <c r="B85" s="67">
        <v>2</v>
      </c>
      <c r="C85" s="68">
        <v>-3</v>
      </c>
      <c r="D85" s="68">
        <v>5</v>
      </c>
      <c r="E85" s="67">
        <v>10</v>
      </c>
      <c r="F85" s="68">
        <v>7</v>
      </c>
      <c r="G85" s="69">
        <v>3</v>
      </c>
      <c r="H85" s="68">
        <v>59</v>
      </c>
      <c r="I85" s="68">
        <v>32</v>
      </c>
      <c r="J85" s="68">
        <v>27</v>
      </c>
      <c r="K85" s="67">
        <v>47</v>
      </c>
      <c r="L85" s="79">
        <v>28</v>
      </c>
      <c r="M85" s="80">
        <v>19</v>
      </c>
    </row>
    <row r="86" spans="1:13">
      <c r="A86" s="27" t="s">
        <v>25</v>
      </c>
      <c r="B86" s="67">
        <v>12</v>
      </c>
      <c r="C86" s="68">
        <v>9</v>
      </c>
      <c r="D86" s="68">
        <v>3</v>
      </c>
      <c r="E86" s="67">
        <v>4</v>
      </c>
      <c r="F86" s="68">
        <v>2</v>
      </c>
      <c r="G86" s="69">
        <v>2</v>
      </c>
      <c r="H86" s="68">
        <v>63</v>
      </c>
      <c r="I86" s="68">
        <v>34</v>
      </c>
      <c r="J86" s="68">
        <v>29</v>
      </c>
      <c r="K86" s="67">
        <v>47</v>
      </c>
      <c r="L86" s="79">
        <v>23</v>
      </c>
      <c r="M86" s="80">
        <v>24</v>
      </c>
    </row>
    <row r="87" spans="1:13" ht="21" customHeight="1">
      <c r="A87" s="38" t="s">
        <v>27</v>
      </c>
      <c r="B87" s="64">
        <v>22</v>
      </c>
      <c r="C87" s="65">
        <v>23</v>
      </c>
      <c r="D87" s="65">
        <v>-1</v>
      </c>
      <c r="E87" s="64">
        <v>48</v>
      </c>
      <c r="F87" s="65">
        <v>28</v>
      </c>
      <c r="G87" s="66">
        <v>20</v>
      </c>
      <c r="H87" s="65">
        <v>240</v>
      </c>
      <c r="I87" s="65">
        <v>143</v>
      </c>
      <c r="J87" s="65">
        <v>97</v>
      </c>
      <c r="K87" s="64">
        <v>170</v>
      </c>
      <c r="L87" s="77">
        <v>92</v>
      </c>
      <c r="M87" s="78">
        <v>78</v>
      </c>
    </row>
    <row r="88" spans="1:13">
      <c r="A88" s="27" t="s">
        <v>29</v>
      </c>
      <c r="B88" s="67">
        <v>15</v>
      </c>
      <c r="C88" s="68">
        <v>8</v>
      </c>
      <c r="D88" s="68">
        <v>7</v>
      </c>
      <c r="E88" s="67">
        <v>14</v>
      </c>
      <c r="F88" s="68">
        <v>9</v>
      </c>
      <c r="G88" s="69">
        <v>5</v>
      </c>
      <c r="H88" s="68">
        <v>71</v>
      </c>
      <c r="I88" s="68">
        <v>41</v>
      </c>
      <c r="J88" s="68">
        <v>30</v>
      </c>
      <c r="K88" s="67">
        <v>42</v>
      </c>
      <c r="L88" s="79">
        <v>24</v>
      </c>
      <c r="M88" s="80">
        <v>18</v>
      </c>
    </row>
    <row r="89" spans="1:13">
      <c r="A89" s="27" t="s">
        <v>31</v>
      </c>
      <c r="B89" s="67">
        <v>-11</v>
      </c>
      <c r="C89" s="68">
        <v>-9</v>
      </c>
      <c r="D89" s="68">
        <v>-2</v>
      </c>
      <c r="E89" s="67">
        <v>10</v>
      </c>
      <c r="F89" s="68">
        <v>6</v>
      </c>
      <c r="G89" s="69">
        <v>4</v>
      </c>
      <c r="H89" s="68">
        <v>41</v>
      </c>
      <c r="I89" s="68">
        <v>22</v>
      </c>
      <c r="J89" s="68">
        <v>19</v>
      </c>
      <c r="K89" s="67">
        <v>42</v>
      </c>
      <c r="L89" s="79">
        <v>25</v>
      </c>
      <c r="M89" s="80">
        <v>17</v>
      </c>
    </row>
    <row r="90" spans="1:13">
      <c r="A90" s="27" t="s">
        <v>33</v>
      </c>
      <c r="B90" s="67">
        <v>0</v>
      </c>
      <c r="C90" s="68">
        <v>2</v>
      </c>
      <c r="D90" s="68">
        <v>-2</v>
      </c>
      <c r="E90" s="67">
        <v>9</v>
      </c>
      <c r="F90" s="68">
        <v>5</v>
      </c>
      <c r="G90" s="69">
        <v>4</v>
      </c>
      <c r="H90" s="68">
        <v>42</v>
      </c>
      <c r="I90" s="68">
        <v>25</v>
      </c>
      <c r="J90" s="68">
        <v>17</v>
      </c>
      <c r="K90" s="67">
        <v>33</v>
      </c>
      <c r="L90" s="79">
        <v>18</v>
      </c>
      <c r="M90" s="80">
        <v>15</v>
      </c>
    </row>
    <row r="91" spans="1:13">
      <c r="A91" s="27" t="s">
        <v>35</v>
      </c>
      <c r="B91" s="67">
        <v>4</v>
      </c>
      <c r="C91" s="68">
        <v>8</v>
      </c>
      <c r="D91" s="68">
        <v>-4</v>
      </c>
      <c r="E91" s="67">
        <v>9</v>
      </c>
      <c r="F91" s="68">
        <v>4</v>
      </c>
      <c r="G91" s="69">
        <v>5</v>
      </c>
      <c r="H91" s="68">
        <v>44</v>
      </c>
      <c r="I91" s="68">
        <v>28</v>
      </c>
      <c r="J91" s="68">
        <v>16</v>
      </c>
      <c r="K91" s="67">
        <v>31</v>
      </c>
      <c r="L91" s="79">
        <v>16</v>
      </c>
      <c r="M91" s="80">
        <v>15</v>
      </c>
    </row>
    <row r="92" spans="1:13">
      <c r="A92" s="27" t="s">
        <v>37</v>
      </c>
      <c r="B92" s="67">
        <v>14</v>
      </c>
      <c r="C92" s="68">
        <v>14</v>
      </c>
      <c r="D92" s="68">
        <v>0</v>
      </c>
      <c r="E92" s="67">
        <v>6</v>
      </c>
      <c r="F92" s="68">
        <v>4</v>
      </c>
      <c r="G92" s="69">
        <v>2</v>
      </c>
      <c r="H92" s="68">
        <v>42</v>
      </c>
      <c r="I92" s="68">
        <v>27</v>
      </c>
      <c r="J92" s="68">
        <v>15</v>
      </c>
      <c r="K92" s="67">
        <v>22</v>
      </c>
      <c r="L92" s="79">
        <v>9</v>
      </c>
      <c r="M92" s="80">
        <v>13</v>
      </c>
    </row>
    <row r="93" spans="1:13" ht="21" customHeight="1">
      <c r="A93" s="38" t="s">
        <v>39</v>
      </c>
      <c r="B93" s="64">
        <v>-63</v>
      </c>
      <c r="C93" s="65">
        <v>-36</v>
      </c>
      <c r="D93" s="65">
        <v>-27</v>
      </c>
      <c r="E93" s="64">
        <v>72</v>
      </c>
      <c r="F93" s="65">
        <v>47</v>
      </c>
      <c r="G93" s="66">
        <v>25</v>
      </c>
      <c r="H93" s="65">
        <v>138</v>
      </c>
      <c r="I93" s="65">
        <v>75</v>
      </c>
      <c r="J93" s="65">
        <v>63</v>
      </c>
      <c r="K93" s="64">
        <v>129</v>
      </c>
      <c r="L93" s="77">
        <v>64</v>
      </c>
      <c r="M93" s="78">
        <v>65</v>
      </c>
    </row>
    <row r="94" spans="1:13">
      <c r="A94" s="27" t="s">
        <v>41</v>
      </c>
      <c r="B94" s="67">
        <v>-6</v>
      </c>
      <c r="C94" s="68">
        <v>-4</v>
      </c>
      <c r="D94" s="68">
        <v>-2</v>
      </c>
      <c r="E94" s="67">
        <v>14</v>
      </c>
      <c r="F94" s="68">
        <v>8</v>
      </c>
      <c r="G94" s="69">
        <v>6</v>
      </c>
      <c r="H94" s="68">
        <v>33</v>
      </c>
      <c r="I94" s="68">
        <v>18</v>
      </c>
      <c r="J94" s="68">
        <v>15</v>
      </c>
      <c r="K94" s="67">
        <v>25</v>
      </c>
      <c r="L94" s="79">
        <v>14</v>
      </c>
      <c r="M94" s="80">
        <v>11</v>
      </c>
    </row>
    <row r="95" spans="1:13">
      <c r="A95" s="27" t="s">
        <v>43</v>
      </c>
      <c r="B95" s="67">
        <v>-12</v>
      </c>
      <c r="C95" s="68">
        <v>-5</v>
      </c>
      <c r="D95" s="68">
        <v>-7</v>
      </c>
      <c r="E95" s="67">
        <v>17</v>
      </c>
      <c r="F95" s="68">
        <v>12</v>
      </c>
      <c r="G95" s="69">
        <v>5</v>
      </c>
      <c r="H95" s="68">
        <v>28</v>
      </c>
      <c r="I95" s="68">
        <v>18</v>
      </c>
      <c r="J95" s="68">
        <v>10</v>
      </c>
      <c r="K95" s="67">
        <v>23</v>
      </c>
      <c r="L95" s="79">
        <v>11</v>
      </c>
      <c r="M95" s="80">
        <v>12</v>
      </c>
    </row>
    <row r="96" spans="1:13">
      <c r="A96" s="27" t="s">
        <v>45</v>
      </c>
      <c r="B96" s="67">
        <v>-12</v>
      </c>
      <c r="C96" s="68">
        <v>-6</v>
      </c>
      <c r="D96" s="68">
        <v>-6</v>
      </c>
      <c r="E96" s="67">
        <v>11</v>
      </c>
      <c r="F96" s="68">
        <v>4</v>
      </c>
      <c r="G96" s="69">
        <v>7</v>
      </c>
      <c r="H96" s="68">
        <v>21</v>
      </c>
      <c r="I96" s="68">
        <v>10</v>
      </c>
      <c r="J96" s="68">
        <v>11</v>
      </c>
      <c r="K96" s="67">
        <v>22</v>
      </c>
      <c r="L96" s="79">
        <v>12</v>
      </c>
      <c r="M96" s="80">
        <v>10</v>
      </c>
    </row>
    <row r="97" spans="1:13">
      <c r="A97" s="27" t="s">
        <v>47</v>
      </c>
      <c r="B97" s="67">
        <v>-19</v>
      </c>
      <c r="C97" s="68">
        <v>-9</v>
      </c>
      <c r="D97" s="68">
        <v>-10</v>
      </c>
      <c r="E97" s="67">
        <v>12</v>
      </c>
      <c r="F97" s="68">
        <v>7</v>
      </c>
      <c r="G97" s="69">
        <v>5</v>
      </c>
      <c r="H97" s="68">
        <v>24</v>
      </c>
      <c r="I97" s="68">
        <v>14</v>
      </c>
      <c r="J97" s="68">
        <v>10</v>
      </c>
      <c r="K97" s="67">
        <v>31</v>
      </c>
      <c r="L97" s="79">
        <v>16</v>
      </c>
      <c r="M97" s="80">
        <v>15</v>
      </c>
    </row>
    <row r="98" spans="1:13">
      <c r="A98" s="27" t="s">
        <v>49</v>
      </c>
      <c r="B98" s="67">
        <v>-14</v>
      </c>
      <c r="C98" s="68">
        <v>-12</v>
      </c>
      <c r="D98" s="68">
        <v>-2</v>
      </c>
      <c r="E98" s="67">
        <v>18</v>
      </c>
      <c r="F98" s="68">
        <v>16</v>
      </c>
      <c r="G98" s="69">
        <v>2</v>
      </c>
      <c r="H98" s="68">
        <v>32</v>
      </c>
      <c r="I98" s="68">
        <v>15</v>
      </c>
      <c r="J98" s="68">
        <v>17</v>
      </c>
      <c r="K98" s="67">
        <v>28</v>
      </c>
      <c r="L98" s="79">
        <v>11</v>
      </c>
      <c r="M98" s="80">
        <v>17</v>
      </c>
    </row>
    <row r="99" spans="1:13" ht="21" customHeight="1">
      <c r="A99" s="38" t="s">
        <v>51</v>
      </c>
      <c r="B99" s="64">
        <v>-170</v>
      </c>
      <c r="C99" s="65">
        <v>-119</v>
      </c>
      <c r="D99" s="65">
        <v>-51</v>
      </c>
      <c r="E99" s="64">
        <v>152</v>
      </c>
      <c r="F99" s="65">
        <v>104</v>
      </c>
      <c r="G99" s="66">
        <v>48</v>
      </c>
      <c r="H99" s="65">
        <v>131</v>
      </c>
      <c r="I99" s="65">
        <v>59</v>
      </c>
      <c r="J99" s="65">
        <v>72</v>
      </c>
      <c r="K99" s="64">
        <v>149</v>
      </c>
      <c r="L99" s="77">
        <v>74</v>
      </c>
      <c r="M99" s="78">
        <v>75</v>
      </c>
    </row>
    <row r="100" spans="1:13">
      <c r="A100" s="27" t="s">
        <v>53</v>
      </c>
      <c r="B100" s="67">
        <v>-16</v>
      </c>
      <c r="C100" s="68">
        <v>-15</v>
      </c>
      <c r="D100" s="68">
        <v>-1</v>
      </c>
      <c r="E100" s="67">
        <v>21</v>
      </c>
      <c r="F100" s="68">
        <v>18</v>
      </c>
      <c r="G100" s="69">
        <v>3</v>
      </c>
      <c r="H100" s="68">
        <v>26</v>
      </c>
      <c r="I100" s="68">
        <v>14</v>
      </c>
      <c r="J100" s="68">
        <v>12</v>
      </c>
      <c r="K100" s="67">
        <v>21</v>
      </c>
      <c r="L100" s="79">
        <v>11</v>
      </c>
      <c r="M100" s="80">
        <v>10</v>
      </c>
    </row>
    <row r="101" spans="1:13">
      <c r="A101" s="27" t="s">
        <v>55</v>
      </c>
      <c r="B101" s="67">
        <v>-28</v>
      </c>
      <c r="C101" s="68">
        <v>-18</v>
      </c>
      <c r="D101" s="68">
        <v>-10</v>
      </c>
      <c r="E101" s="67">
        <v>32</v>
      </c>
      <c r="F101" s="68">
        <v>20</v>
      </c>
      <c r="G101" s="69">
        <v>12</v>
      </c>
      <c r="H101" s="68">
        <v>36</v>
      </c>
      <c r="I101" s="68">
        <v>19</v>
      </c>
      <c r="J101" s="68">
        <v>17</v>
      </c>
      <c r="K101" s="67">
        <v>32</v>
      </c>
      <c r="L101" s="79">
        <v>17</v>
      </c>
      <c r="M101" s="80">
        <v>15</v>
      </c>
    </row>
    <row r="102" spans="1:13">
      <c r="A102" s="27" t="s">
        <v>57</v>
      </c>
      <c r="B102" s="67">
        <v>-37</v>
      </c>
      <c r="C102" s="68">
        <v>-27</v>
      </c>
      <c r="D102" s="68">
        <v>-10</v>
      </c>
      <c r="E102" s="67">
        <v>29</v>
      </c>
      <c r="F102" s="68">
        <v>20</v>
      </c>
      <c r="G102" s="69">
        <v>9</v>
      </c>
      <c r="H102" s="68">
        <v>21</v>
      </c>
      <c r="I102" s="68">
        <v>7</v>
      </c>
      <c r="J102" s="68">
        <v>14</v>
      </c>
      <c r="K102" s="67">
        <v>29</v>
      </c>
      <c r="L102" s="79">
        <v>14</v>
      </c>
      <c r="M102" s="80">
        <v>15</v>
      </c>
    </row>
    <row r="103" spans="1:13">
      <c r="A103" s="27" t="s">
        <v>59</v>
      </c>
      <c r="B103" s="67">
        <v>-47</v>
      </c>
      <c r="C103" s="68">
        <v>-25</v>
      </c>
      <c r="D103" s="68">
        <v>-22</v>
      </c>
      <c r="E103" s="67">
        <v>28</v>
      </c>
      <c r="F103" s="68">
        <v>17</v>
      </c>
      <c r="G103" s="69">
        <v>11</v>
      </c>
      <c r="H103" s="68">
        <v>16</v>
      </c>
      <c r="I103" s="68">
        <v>6</v>
      </c>
      <c r="J103" s="68">
        <v>10</v>
      </c>
      <c r="K103" s="67">
        <v>35</v>
      </c>
      <c r="L103" s="79">
        <v>14</v>
      </c>
      <c r="M103" s="80">
        <v>21</v>
      </c>
    </row>
    <row r="104" spans="1:13">
      <c r="A104" s="27" t="s">
        <v>61</v>
      </c>
      <c r="B104" s="67">
        <v>-42</v>
      </c>
      <c r="C104" s="68">
        <v>-34</v>
      </c>
      <c r="D104" s="68">
        <v>-8</v>
      </c>
      <c r="E104" s="67">
        <v>42</v>
      </c>
      <c r="F104" s="68">
        <v>29</v>
      </c>
      <c r="G104" s="69">
        <v>13</v>
      </c>
      <c r="H104" s="68">
        <v>32</v>
      </c>
      <c r="I104" s="68">
        <v>13</v>
      </c>
      <c r="J104" s="68">
        <v>19</v>
      </c>
      <c r="K104" s="67">
        <v>32</v>
      </c>
      <c r="L104" s="79">
        <v>18</v>
      </c>
      <c r="M104" s="80">
        <v>14</v>
      </c>
    </row>
    <row r="105" spans="1:13" ht="21" customHeight="1">
      <c r="A105" s="38" t="s">
        <v>63</v>
      </c>
      <c r="B105" s="64">
        <v>-231</v>
      </c>
      <c r="C105" s="65">
        <v>-137</v>
      </c>
      <c r="D105" s="65">
        <v>-94</v>
      </c>
      <c r="E105" s="64">
        <v>207</v>
      </c>
      <c r="F105" s="65">
        <v>136</v>
      </c>
      <c r="G105" s="66">
        <v>71</v>
      </c>
      <c r="H105" s="65">
        <v>95</v>
      </c>
      <c r="I105" s="65">
        <v>51</v>
      </c>
      <c r="J105" s="65">
        <v>44</v>
      </c>
      <c r="K105" s="64">
        <v>119</v>
      </c>
      <c r="L105" s="77">
        <v>52</v>
      </c>
      <c r="M105" s="78">
        <v>67</v>
      </c>
    </row>
    <row r="106" spans="1:13">
      <c r="A106" s="27" t="s">
        <v>65</v>
      </c>
      <c r="B106" s="67">
        <v>-55</v>
      </c>
      <c r="C106" s="68">
        <v>-33</v>
      </c>
      <c r="D106" s="68">
        <v>-22</v>
      </c>
      <c r="E106" s="67">
        <v>39</v>
      </c>
      <c r="F106" s="68">
        <v>26</v>
      </c>
      <c r="G106" s="69">
        <v>13</v>
      </c>
      <c r="H106" s="68">
        <v>21</v>
      </c>
      <c r="I106" s="68">
        <v>11</v>
      </c>
      <c r="J106" s="68">
        <v>10</v>
      </c>
      <c r="K106" s="67">
        <v>37</v>
      </c>
      <c r="L106" s="79">
        <v>18</v>
      </c>
      <c r="M106" s="80">
        <v>19</v>
      </c>
    </row>
    <row r="107" spans="1:13">
      <c r="A107" s="27" t="s">
        <v>67</v>
      </c>
      <c r="B107" s="67">
        <v>-32</v>
      </c>
      <c r="C107" s="68">
        <v>-22</v>
      </c>
      <c r="D107" s="68">
        <v>-10</v>
      </c>
      <c r="E107" s="67">
        <v>33</v>
      </c>
      <c r="F107" s="68">
        <v>24</v>
      </c>
      <c r="G107" s="69">
        <v>9</v>
      </c>
      <c r="H107" s="68">
        <v>18</v>
      </c>
      <c r="I107" s="68">
        <v>9</v>
      </c>
      <c r="J107" s="68">
        <v>9</v>
      </c>
      <c r="K107" s="67">
        <v>17</v>
      </c>
      <c r="L107" s="79">
        <v>7</v>
      </c>
      <c r="M107" s="80">
        <v>10</v>
      </c>
    </row>
    <row r="108" spans="1:13">
      <c r="A108" s="27" t="s">
        <v>69</v>
      </c>
      <c r="B108" s="67">
        <v>-39</v>
      </c>
      <c r="C108" s="68">
        <v>-18</v>
      </c>
      <c r="D108" s="68">
        <v>-21</v>
      </c>
      <c r="E108" s="67">
        <v>33</v>
      </c>
      <c r="F108" s="68">
        <v>19</v>
      </c>
      <c r="G108" s="69">
        <v>14</v>
      </c>
      <c r="H108" s="68">
        <v>14</v>
      </c>
      <c r="I108" s="68">
        <v>9</v>
      </c>
      <c r="J108" s="68">
        <v>5</v>
      </c>
      <c r="K108" s="67">
        <v>20</v>
      </c>
      <c r="L108" s="79">
        <v>8</v>
      </c>
      <c r="M108" s="80">
        <v>12</v>
      </c>
    </row>
    <row r="109" spans="1:13">
      <c r="A109" s="27" t="s">
        <v>71</v>
      </c>
      <c r="B109" s="67">
        <v>-60</v>
      </c>
      <c r="C109" s="68">
        <v>-38</v>
      </c>
      <c r="D109" s="68">
        <v>-22</v>
      </c>
      <c r="E109" s="67">
        <v>52</v>
      </c>
      <c r="F109" s="68">
        <v>37</v>
      </c>
      <c r="G109" s="69">
        <v>15</v>
      </c>
      <c r="H109" s="68">
        <v>15</v>
      </c>
      <c r="I109" s="68">
        <v>11</v>
      </c>
      <c r="J109" s="68">
        <v>4</v>
      </c>
      <c r="K109" s="67">
        <v>23</v>
      </c>
      <c r="L109" s="79">
        <v>12</v>
      </c>
      <c r="M109" s="80">
        <v>11</v>
      </c>
    </row>
    <row r="110" spans="1:13">
      <c r="A110" s="27" t="s">
        <v>73</v>
      </c>
      <c r="B110" s="67">
        <v>-45</v>
      </c>
      <c r="C110" s="68">
        <v>-26</v>
      </c>
      <c r="D110" s="68">
        <v>-19</v>
      </c>
      <c r="E110" s="67">
        <v>50</v>
      </c>
      <c r="F110" s="68">
        <v>30</v>
      </c>
      <c r="G110" s="69">
        <v>20</v>
      </c>
      <c r="H110" s="68">
        <v>27</v>
      </c>
      <c r="I110" s="68">
        <v>11</v>
      </c>
      <c r="J110" s="68">
        <v>16</v>
      </c>
      <c r="K110" s="67">
        <v>22</v>
      </c>
      <c r="L110" s="79">
        <v>7</v>
      </c>
      <c r="M110" s="80">
        <v>15</v>
      </c>
    </row>
    <row r="111" spans="1:13" ht="21" customHeight="1">
      <c r="A111" s="38" t="s">
        <v>75</v>
      </c>
      <c r="B111" s="64">
        <v>-326</v>
      </c>
      <c r="C111" s="65">
        <v>-184</v>
      </c>
      <c r="D111" s="65">
        <v>-142</v>
      </c>
      <c r="E111" s="64">
        <v>317</v>
      </c>
      <c r="F111" s="65">
        <v>186</v>
      </c>
      <c r="G111" s="66">
        <v>131</v>
      </c>
      <c r="H111" s="65">
        <v>102</v>
      </c>
      <c r="I111" s="65">
        <v>43</v>
      </c>
      <c r="J111" s="65">
        <v>59</v>
      </c>
      <c r="K111" s="64">
        <v>111</v>
      </c>
      <c r="L111" s="77">
        <v>41</v>
      </c>
      <c r="M111" s="78">
        <v>70</v>
      </c>
    </row>
    <row r="112" spans="1:13">
      <c r="A112" s="27" t="s">
        <v>77</v>
      </c>
      <c r="B112" s="67">
        <v>-77</v>
      </c>
      <c r="C112" s="68">
        <v>-40</v>
      </c>
      <c r="D112" s="68">
        <v>-37</v>
      </c>
      <c r="E112" s="67">
        <v>68</v>
      </c>
      <c r="F112" s="68">
        <v>39</v>
      </c>
      <c r="G112" s="69">
        <v>29</v>
      </c>
      <c r="H112" s="68">
        <v>25</v>
      </c>
      <c r="I112" s="68">
        <v>10</v>
      </c>
      <c r="J112" s="68">
        <v>15</v>
      </c>
      <c r="K112" s="67">
        <v>34</v>
      </c>
      <c r="L112" s="79">
        <v>11</v>
      </c>
      <c r="M112" s="80">
        <v>23</v>
      </c>
    </row>
    <row r="113" spans="1:13">
      <c r="A113" s="27" t="s">
        <v>79</v>
      </c>
      <c r="B113" s="67">
        <v>-67</v>
      </c>
      <c r="C113" s="68">
        <v>-43</v>
      </c>
      <c r="D113" s="68">
        <v>-24</v>
      </c>
      <c r="E113" s="67">
        <v>68</v>
      </c>
      <c r="F113" s="68">
        <v>47</v>
      </c>
      <c r="G113" s="69">
        <v>21</v>
      </c>
      <c r="H113" s="68">
        <v>21</v>
      </c>
      <c r="I113" s="68">
        <v>11</v>
      </c>
      <c r="J113" s="68">
        <v>10</v>
      </c>
      <c r="K113" s="67">
        <v>20</v>
      </c>
      <c r="L113" s="79">
        <v>7</v>
      </c>
      <c r="M113" s="80">
        <v>13</v>
      </c>
    </row>
    <row r="114" spans="1:13">
      <c r="A114" s="27" t="s">
        <v>81</v>
      </c>
      <c r="B114" s="67">
        <v>-33</v>
      </c>
      <c r="C114" s="68">
        <v>-25</v>
      </c>
      <c r="D114" s="68">
        <v>-8</v>
      </c>
      <c r="E114" s="67">
        <v>43</v>
      </c>
      <c r="F114" s="68">
        <v>30</v>
      </c>
      <c r="G114" s="69">
        <v>13</v>
      </c>
      <c r="H114" s="68">
        <v>28</v>
      </c>
      <c r="I114" s="68">
        <v>11</v>
      </c>
      <c r="J114" s="68">
        <v>17</v>
      </c>
      <c r="K114" s="67">
        <v>18</v>
      </c>
      <c r="L114" s="79">
        <v>6</v>
      </c>
      <c r="M114" s="80">
        <v>12</v>
      </c>
    </row>
    <row r="115" spans="1:13">
      <c r="A115" s="27" t="s">
        <v>83</v>
      </c>
      <c r="B115" s="67">
        <v>-70</v>
      </c>
      <c r="C115" s="68">
        <v>-39</v>
      </c>
      <c r="D115" s="68">
        <v>-31</v>
      </c>
      <c r="E115" s="67">
        <v>67</v>
      </c>
      <c r="F115" s="68">
        <v>37</v>
      </c>
      <c r="G115" s="69">
        <v>30</v>
      </c>
      <c r="H115" s="68">
        <v>15</v>
      </c>
      <c r="I115" s="68">
        <v>6</v>
      </c>
      <c r="J115" s="68">
        <v>9</v>
      </c>
      <c r="K115" s="67">
        <v>18</v>
      </c>
      <c r="L115" s="79">
        <v>8</v>
      </c>
      <c r="M115" s="80">
        <v>10</v>
      </c>
    </row>
    <row r="116" spans="1:13">
      <c r="A116" s="27" t="s">
        <v>85</v>
      </c>
      <c r="B116" s="67">
        <v>-79</v>
      </c>
      <c r="C116" s="68">
        <v>-37</v>
      </c>
      <c r="D116" s="68">
        <v>-42</v>
      </c>
      <c r="E116" s="67">
        <v>71</v>
      </c>
      <c r="F116" s="68">
        <v>33</v>
      </c>
      <c r="G116" s="69">
        <v>38</v>
      </c>
      <c r="H116" s="68">
        <v>13</v>
      </c>
      <c r="I116" s="68">
        <v>5</v>
      </c>
      <c r="J116" s="68">
        <v>8</v>
      </c>
      <c r="K116" s="67">
        <v>21</v>
      </c>
      <c r="L116" s="79">
        <v>9</v>
      </c>
      <c r="M116" s="80">
        <v>12</v>
      </c>
    </row>
    <row r="117" spans="1:13" ht="21" customHeight="1">
      <c r="A117" s="38" t="s">
        <v>87</v>
      </c>
      <c r="B117" s="64">
        <v>-509</v>
      </c>
      <c r="C117" s="65">
        <v>-275</v>
      </c>
      <c r="D117" s="65">
        <v>-234</v>
      </c>
      <c r="E117" s="64">
        <v>537</v>
      </c>
      <c r="F117" s="65">
        <v>283</v>
      </c>
      <c r="G117" s="66">
        <v>254</v>
      </c>
      <c r="H117" s="65">
        <v>112</v>
      </c>
      <c r="I117" s="65">
        <v>29</v>
      </c>
      <c r="J117" s="65">
        <v>83</v>
      </c>
      <c r="K117" s="64">
        <v>84</v>
      </c>
      <c r="L117" s="77">
        <v>21</v>
      </c>
      <c r="M117" s="78">
        <v>63</v>
      </c>
    </row>
    <row r="118" spans="1:13">
      <c r="A118" s="27" t="s">
        <v>89</v>
      </c>
      <c r="B118" s="67">
        <v>-83</v>
      </c>
      <c r="C118" s="68">
        <v>-55</v>
      </c>
      <c r="D118" s="68">
        <v>-28</v>
      </c>
      <c r="E118" s="67">
        <v>99</v>
      </c>
      <c r="F118" s="68">
        <v>60</v>
      </c>
      <c r="G118" s="69">
        <v>39</v>
      </c>
      <c r="H118" s="68">
        <v>26</v>
      </c>
      <c r="I118" s="68">
        <v>6</v>
      </c>
      <c r="J118" s="68">
        <v>20</v>
      </c>
      <c r="K118" s="67">
        <v>10</v>
      </c>
      <c r="L118" s="79">
        <v>1</v>
      </c>
      <c r="M118" s="80">
        <v>9</v>
      </c>
    </row>
    <row r="119" spans="1:13">
      <c r="A119" s="27" t="s">
        <v>91</v>
      </c>
      <c r="B119" s="67">
        <v>-106</v>
      </c>
      <c r="C119" s="68">
        <v>-50</v>
      </c>
      <c r="D119" s="68">
        <v>-56</v>
      </c>
      <c r="E119" s="67">
        <v>98</v>
      </c>
      <c r="F119" s="68">
        <v>47</v>
      </c>
      <c r="G119" s="69">
        <v>51</v>
      </c>
      <c r="H119" s="68">
        <v>17</v>
      </c>
      <c r="I119" s="68">
        <v>4</v>
      </c>
      <c r="J119" s="68">
        <v>13</v>
      </c>
      <c r="K119" s="67">
        <v>25</v>
      </c>
      <c r="L119" s="79">
        <v>7</v>
      </c>
      <c r="M119" s="80">
        <v>18</v>
      </c>
    </row>
    <row r="120" spans="1:13">
      <c r="A120" s="27" t="s">
        <v>93</v>
      </c>
      <c r="B120" s="67">
        <v>-115</v>
      </c>
      <c r="C120" s="68">
        <v>-68</v>
      </c>
      <c r="D120" s="68">
        <v>-47</v>
      </c>
      <c r="E120" s="67">
        <v>119</v>
      </c>
      <c r="F120" s="68">
        <v>68</v>
      </c>
      <c r="G120" s="69">
        <v>51</v>
      </c>
      <c r="H120" s="68">
        <v>16</v>
      </c>
      <c r="I120" s="68">
        <v>2</v>
      </c>
      <c r="J120" s="68">
        <v>14</v>
      </c>
      <c r="K120" s="67">
        <v>12</v>
      </c>
      <c r="L120" s="79">
        <v>2</v>
      </c>
      <c r="M120" s="80">
        <v>10</v>
      </c>
    </row>
    <row r="121" spans="1:13">
      <c r="A121" s="27" t="s">
        <v>95</v>
      </c>
      <c r="B121" s="67">
        <v>-112</v>
      </c>
      <c r="C121" s="68">
        <v>-52</v>
      </c>
      <c r="D121" s="68">
        <v>-60</v>
      </c>
      <c r="E121" s="67">
        <v>115</v>
      </c>
      <c r="F121" s="68">
        <v>56</v>
      </c>
      <c r="G121" s="69">
        <v>59</v>
      </c>
      <c r="H121" s="68">
        <v>25</v>
      </c>
      <c r="I121" s="68">
        <v>9</v>
      </c>
      <c r="J121" s="68">
        <v>16</v>
      </c>
      <c r="K121" s="67">
        <v>22</v>
      </c>
      <c r="L121" s="79">
        <v>5</v>
      </c>
      <c r="M121" s="80">
        <v>17</v>
      </c>
    </row>
    <row r="122" spans="1:13">
      <c r="A122" s="27" t="s">
        <v>97</v>
      </c>
      <c r="B122" s="67">
        <v>-93</v>
      </c>
      <c r="C122" s="68">
        <v>-50</v>
      </c>
      <c r="D122" s="68">
        <v>-43</v>
      </c>
      <c r="E122" s="67">
        <v>106</v>
      </c>
      <c r="F122" s="68">
        <v>52</v>
      </c>
      <c r="G122" s="69">
        <v>54</v>
      </c>
      <c r="H122" s="68">
        <v>28</v>
      </c>
      <c r="I122" s="68">
        <v>8</v>
      </c>
      <c r="J122" s="68">
        <v>20</v>
      </c>
      <c r="K122" s="67">
        <v>15</v>
      </c>
      <c r="L122" s="79">
        <v>6</v>
      </c>
      <c r="M122" s="80">
        <v>9</v>
      </c>
    </row>
    <row r="123" spans="1:13" ht="21" customHeight="1">
      <c r="A123" s="38" t="s">
        <v>99</v>
      </c>
      <c r="B123" s="64">
        <v>-514</v>
      </c>
      <c r="C123" s="65">
        <v>-220</v>
      </c>
      <c r="D123" s="65">
        <v>-294</v>
      </c>
      <c r="E123" s="64">
        <v>532</v>
      </c>
      <c r="F123" s="65">
        <v>220</v>
      </c>
      <c r="G123" s="66">
        <v>312</v>
      </c>
      <c r="H123" s="65">
        <v>54</v>
      </c>
      <c r="I123" s="65">
        <v>12</v>
      </c>
      <c r="J123" s="65">
        <v>42</v>
      </c>
      <c r="K123" s="64">
        <v>36</v>
      </c>
      <c r="L123" s="77">
        <v>12</v>
      </c>
      <c r="M123" s="78">
        <v>24</v>
      </c>
    </row>
    <row r="124" spans="1:13">
      <c r="A124" s="27" t="s">
        <v>101</v>
      </c>
      <c r="B124" s="67">
        <v>-105</v>
      </c>
      <c r="C124" s="68">
        <v>-49</v>
      </c>
      <c r="D124" s="68">
        <v>-56</v>
      </c>
      <c r="E124" s="67">
        <v>115</v>
      </c>
      <c r="F124" s="68">
        <v>52</v>
      </c>
      <c r="G124" s="69">
        <v>63</v>
      </c>
      <c r="H124" s="68">
        <v>18</v>
      </c>
      <c r="I124" s="68">
        <v>5</v>
      </c>
      <c r="J124" s="68">
        <v>13</v>
      </c>
      <c r="K124" s="67">
        <v>8</v>
      </c>
      <c r="L124" s="79">
        <v>2</v>
      </c>
      <c r="M124" s="80">
        <v>6</v>
      </c>
    </row>
    <row r="125" spans="1:13">
      <c r="A125" s="27" t="s">
        <v>103</v>
      </c>
      <c r="B125" s="67">
        <v>-107</v>
      </c>
      <c r="C125" s="68">
        <v>-55</v>
      </c>
      <c r="D125" s="68">
        <v>-52</v>
      </c>
      <c r="E125" s="67">
        <v>113</v>
      </c>
      <c r="F125" s="68">
        <v>53</v>
      </c>
      <c r="G125" s="69">
        <v>60</v>
      </c>
      <c r="H125" s="68">
        <v>13</v>
      </c>
      <c r="I125" s="68">
        <v>3</v>
      </c>
      <c r="J125" s="68">
        <v>10</v>
      </c>
      <c r="K125" s="67">
        <v>7</v>
      </c>
      <c r="L125" s="79">
        <v>5</v>
      </c>
      <c r="M125" s="80">
        <v>2</v>
      </c>
    </row>
    <row r="126" spans="1:13">
      <c r="A126" s="27" t="s">
        <v>105</v>
      </c>
      <c r="B126" s="67">
        <v>-113</v>
      </c>
      <c r="C126" s="68">
        <v>-48</v>
      </c>
      <c r="D126" s="68">
        <v>-65</v>
      </c>
      <c r="E126" s="67">
        <v>116</v>
      </c>
      <c r="F126" s="68">
        <v>49</v>
      </c>
      <c r="G126" s="69">
        <v>67</v>
      </c>
      <c r="H126" s="68">
        <v>12</v>
      </c>
      <c r="I126" s="68">
        <v>2</v>
      </c>
      <c r="J126" s="68">
        <v>10</v>
      </c>
      <c r="K126" s="67">
        <v>9</v>
      </c>
      <c r="L126" s="79">
        <v>1</v>
      </c>
      <c r="M126" s="80">
        <v>8</v>
      </c>
    </row>
    <row r="127" spans="1:13">
      <c r="A127" s="27" t="s">
        <v>107</v>
      </c>
      <c r="B127" s="67">
        <v>-93</v>
      </c>
      <c r="C127" s="68">
        <v>-36</v>
      </c>
      <c r="D127" s="68">
        <v>-57</v>
      </c>
      <c r="E127" s="67">
        <v>91</v>
      </c>
      <c r="F127" s="68">
        <v>35</v>
      </c>
      <c r="G127" s="69">
        <v>56</v>
      </c>
      <c r="H127" s="68">
        <v>7</v>
      </c>
      <c r="I127" s="68">
        <v>2</v>
      </c>
      <c r="J127" s="68">
        <v>5</v>
      </c>
      <c r="K127" s="67">
        <v>9</v>
      </c>
      <c r="L127" s="79">
        <v>3</v>
      </c>
      <c r="M127" s="80">
        <v>6</v>
      </c>
    </row>
    <row r="128" spans="1:13">
      <c r="A128" s="27" t="s">
        <v>109</v>
      </c>
      <c r="B128" s="67">
        <v>-96</v>
      </c>
      <c r="C128" s="68">
        <v>-32</v>
      </c>
      <c r="D128" s="68">
        <v>-64</v>
      </c>
      <c r="E128" s="67">
        <v>97</v>
      </c>
      <c r="F128" s="68">
        <v>31</v>
      </c>
      <c r="G128" s="69">
        <v>66</v>
      </c>
      <c r="H128" s="68">
        <v>4</v>
      </c>
      <c r="I128" s="68">
        <v>0</v>
      </c>
      <c r="J128" s="68">
        <v>4</v>
      </c>
      <c r="K128" s="67">
        <v>3</v>
      </c>
      <c r="L128" s="79">
        <v>1</v>
      </c>
      <c r="M128" s="80">
        <v>2</v>
      </c>
    </row>
    <row r="129" spans="1:14" ht="21" customHeight="1">
      <c r="A129" s="38" t="s">
        <v>111</v>
      </c>
      <c r="B129" s="64">
        <v>-307</v>
      </c>
      <c r="C129" s="65">
        <v>-84</v>
      </c>
      <c r="D129" s="65">
        <v>-223</v>
      </c>
      <c r="E129" s="64">
        <v>304</v>
      </c>
      <c r="F129" s="65">
        <v>84</v>
      </c>
      <c r="G129" s="66">
        <v>220</v>
      </c>
      <c r="H129" s="65">
        <v>9</v>
      </c>
      <c r="I129" s="65">
        <v>3</v>
      </c>
      <c r="J129" s="65">
        <v>6</v>
      </c>
      <c r="K129" s="64">
        <v>12</v>
      </c>
      <c r="L129" s="77">
        <v>3</v>
      </c>
      <c r="M129" s="78">
        <v>9</v>
      </c>
    </row>
    <row r="130" spans="1:14">
      <c r="A130" s="27" t="s">
        <v>113</v>
      </c>
      <c r="B130" s="67">
        <v>-82</v>
      </c>
      <c r="C130" s="68">
        <v>-28</v>
      </c>
      <c r="D130" s="68">
        <v>-54</v>
      </c>
      <c r="E130" s="67">
        <v>84</v>
      </c>
      <c r="F130" s="68">
        <v>30</v>
      </c>
      <c r="G130" s="69">
        <v>54</v>
      </c>
      <c r="H130" s="68">
        <v>6</v>
      </c>
      <c r="I130" s="68">
        <v>2</v>
      </c>
      <c r="J130" s="68">
        <v>4</v>
      </c>
      <c r="K130" s="67">
        <v>4</v>
      </c>
      <c r="L130" s="79">
        <v>0</v>
      </c>
      <c r="M130" s="80">
        <v>4</v>
      </c>
    </row>
    <row r="131" spans="1:14">
      <c r="A131" s="27" t="s">
        <v>115</v>
      </c>
      <c r="B131" s="67">
        <v>-83</v>
      </c>
      <c r="C131" s="68">
        <v>-24</v>
      </c>
      <c r="D131" s="68">
        <v>-59</v>
      </c>
      <c r="E131" s="67">
        <v>80</v>
      </c>
      <c r="F131" s="68">
        <v>22</v>
      </c>
      <c r="G131" s="69">
        <v>58</v>
      </c>
      <c r="H131" s="68">
        <v>1</v>
      </c>
      <c r="I131" s="68">
        <v>0</v>
      </c>
      <c r="J131" s="68">
        <v>1</v>
      </c>
      <c r="K131" s="67">
        <v>4</v>
      </c>
      <c r="L131" s="79">
        <v>2</v>
      </c>
      <c r="M131" s="80">
        <v>2</v>
      </c>
    </row>
    <row r="132" spans="1:14">
      <c r="A132" s="27" t="s">
        <v>117</v>
      </c>
      <c r="B132" s="67">
        <v>-62</v>
      </c>
      <c r="C132" s="68">
        <v>-14</v>
      </c>
      <c r="D132" s="68">
        <v>-48</v>
      </c>
      <c r="E132" s="67">
        <v>62</v>
      </c>
      <c r="F132" s="68">
        <v>15</v>
      </c>
      <c r="G132" s="69">
        <v>47</v>
      </c>
      <c r="H132" s="68">
        <v>1</v>
      </c>
      <c r="I132" s="68">
        <v>1</v>
      </c>
      <c r="J132" s="68">
        <v>0</v>
      </c>
      <c r="K132" s="67">
        <v>1</v>
      </c>
      <c r="L132" s="79">
        <v>0</v>
      </c>
      <c r="M132" s="80">
        <v>1</v>
      </c>
    </row>
    <row r="133" spans="1:14">
      <c r="A133" s="27" t="s">
        <v>119</v>
      </c>
      <c r="B133" s="67">
        <v>-48</v>
      </c>
      <c r="C133" s="68">
        <v>-13</v>
      </c>
      <c r="D133" s="68">
        <v>-35</v>
      </c>
      <c r="E133" s="67">
        <v>48</v>
      </c>
      <c r="F133" s="68">
        <v>12</v>
      </c>
      <c r="G133" s="69">
        <v>36</v>
      </c>
      <c r="H133" s="68">
        <v>1</v>
      </c>
      <c r="I133" s="68">
        <v>0</v>
      </c>
      <c r="J133" s="68">
        <v>1</v>
      </c>
      <c r="K133" s="67">
        <v>1</v>
      </c>
      <c r="L133" s="79">
        <v>1</v>
      </c>
      <c r="M133" s="80">
        <v>0</v>
      </c>
    </row>
    <row r="134" spans="1:14">
      <c r="A134" s="27" t="s">
        <v>121</v>
      </c>
      <c r="B134" s="67">
        <v>-32</v>
      </c>
      <c r="C134" s="68">
        <v>-5</v>
      </c>
      <c r="D134" s="68">
        <v>-27</v>
      </c>
      <c r="E134" s="67">
        <v>30</v>
      </c>
      <c r="F134" s="68">
        <v>5</v>
      </c>
      <c r="G134" s="69">
        <v>25</v>
      </c>
      <c r="H134" s="68">
        <v>0</v>
      </c>
      <c r="I134" s="68">
        <v>0</v>
      </c>
      <c r="J134" s="68">
        <v>0</v>
      </c>
      <c r="K134" s="67">
        <v>2</v>
      </c>
      <c r="L134" s="79">
        <v>0</v>
      </c>
      <c r="M134" s="80">
        <v>2</v>
      </c>
    </row>
    <row r="135" spans="1:14" ht="21" customHeight="1">
      <c r="A135" s="39" t="s">
        <v>122</v>
      </c>
      <c r="B135" s="42">
        <v>-87</v>
      </c>
      <c r="C135" s="40">
        <v>-12</v>
      </c>
      <c r="D135" s="40">
        <v>-75</v>
      </c>
      <c r="E135" s="42">
        <v>84</v>
      </c>
      <c r="F135" s="40">
        <v>12</v>
      </c>
      <c r="G135" s="43">
        <v>72</v>
      </c>
      <c r="H135" s="40">
        <v>0</v>
      </c>
      <c r="I135" s="40">
        <v>0</v>
      </c>
      <c r="J135" s="40">
        <v>0</v>
      </c>
      <c r="K135" s="42">
        <v>3</v>
      </c>
      <c r="L135" s="44">
        <v>0</v>
      </c>
      <c r="M135" s="85">
        <v>3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96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219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432</v>
      </c>
      <c r="C5" s="62">
        <v>-269</v>
      </c>
      <c r="D5" s="62">
        <v>-163</v>
      </c>
      <c r="E5" s="61">
        <v>808</v>
      </c>
      <c r="F5" s="62">
        <v>412</v>
      </c>
      <c r="G5" s="63">
        <v>396</v>
      </c>
      <c r="H5" s="62">
        <v>2350</v>
      </c>
      <c r="I5" s="62">
        <v>1146</v>
      </c>
      <c r="J5" s="62">
        <v>1204</v>
      </c>
      <c r="K5" s="61">
        <v>2288</v>
      </c>
      <c r="L5" s="75">
        <v>1163</v>
      </c>
      <c r="M5" s="76">
        <v>1125</v>
      </c>
    </row>
    <row r="6" spans="1:13" ht="23.25" customHeight="1">
      <c r="A6" s="36" t="s">
        <v>2</v>
      </c>
      <c r="B6" s="64">
        <v>372</v>
      </c>
      <c r="C6" s="65">
        <v>167</v>
      </c>
      <c r="D6" s="65">
        <v>205</v>
      </c>
      <c r="E6" s="64">
        <v>0</v>
      </c>
      <c r="F6" s="65">
        <v>0</v>
      </c>
      <c r="G6" s="66">
        <v>0</v>
      </c>
      <c r="H6" s="65">
        <v>155</v>
      </c>
      <c r="I6" s="65">
        <v>69</v>
      </c>
      <c r="J6" s="65">
        <v>86</v>
      </c>
      <c r="K6" s="64">
        <v>97</v>
      </c>
      <c r="L6" s="77">
        <v>62</v>
      </c>
      <c r="M6" s="78">
        <v>35</v>
      </c>
    </row>
    <row r="7" spans="1:13">
      <c r="A7" s="15" t="s">
        <v>4</v>
      </c>
      <c r="B7" s="67">
        <v>321</v>
      </c>
      <c r="C7" s="68">
        <v>160</v>
      </c>
      <c r="D7" s="68">
        <v>161</v>
      </c>
      <c r="E7" s="67">
        <v>0</v>
      </c>
      <c r="F7" s="68">
        <v>0</v>
      </c>
      <c r="G7" s="69">
        <v>0</v>
      </c>
      <c r="H7" s="68">
        <v>17</v>
      </c>
      <c r="I7" s="68">
        <v>9</v>
      </c>
      <c r="J7" s="68">
        <v>8</v>
      </c>
      <c r="K7" s="67">
        <v>10</v>
      </c>
      <c r="L7" s="79">
        <v>9</v>
      </c>
      <c r="M7" s="80">
        <v>1</v>
      </c>
    </row>
    <row r="8" spans="1:13">
      <c r="A8" s="15" t="s">
        <v>6</v>
      </c>
      <c r="B8" s="67">
        <v>12</v>
      </c>
      <c r="C8" s="68">
        <v>3</v>
      </c>
      <c r="D8" s="68">
        <v>9</v>
      </c>
      <c r="E8" s="67">
        <v>0</v>
      </c>
      <c r="F8" s="68">
        <v>0</v>
      </c>
      <c r="G8" s="69">
        <v>0</v>
      </c>
      <c r="H8" s="68">
        <v>40</v>
      </c>
      <c r="I8" s="68">
        <v>21</v>
      </c>
      <c r="J8" s="68">
        <v>19</v>
      </c>
      <c r="K8" s="67">
        <v>28</v>
      </c>
      <c r="L8" s="79">
        <v>18</v>
      </c>
      <c r="M8" s="80">
        <v>10</v>
      </c>
    </row>
    <row r="9" spans="1:13">
      <c r="A9" s="15" t="s">
        <v>8</v>
      </c>
      <c r="B9" s="67">
        <v>12</v>
      </c>
      <c r="C9" s="68">
        <v>2</v>
      </c>
      <c r="D9" s="68">
        <v>10</v>
      </c>
      <c r="E9" s="67">
        <v>0</v>
      </c>
      <c r="F9" s="68">
        <v>0</v>
      </c>
      <c r="G9" s="69">
        <v>0</v>
      </c>
      <c r="H9" s="68">
        <v>40</v>
      </c>
      <c r="I9" s="68">
        <v>20</v>
      </c>
      <c r="J9" s="68">
        <v>20</v>
      </c>
      <c r="K9" s="67">
        <v>28</v>
      </c>
      <c r="L9" s="79">
        <v>18</v>
      </c>
      <c r="M9" s="80">
        <v>10</v>
      </c>
    </row>
    <row r="10" spans="1:13">
      <c r="A10" s="15" t="s">
        <v>10</v>
      </c>
      <c r="B10" s="67">
        <v>13</v>
      </c>
      <c r="C10" s="68">
        <v>1</v>
      </c>
      <c r="D10" s="68">
        <v>12</v>
      </c>
      <c r="E10" s="67">
        <v>0</v>
      </c>
      <c r="F10" s="68">
        <v>0</v>
      </c>
      <c r="G10" s="69">
        <v>0</v>
      </c>
      <c r="H10" s="68">
        <v>32</v>
      </c>
      <c r="I10" s="68">
        <v>11</v>
      </c>
      <c r="J10" s="68">
        <v>21</v>
      </c>
      <c r="K10" s="67">
        <v>19</v>
      </c>
      <c r="L10" s="79">
        <v>10</v>
      </c>
      <c r="M10" s="80">
        <v>9</v>
      </c>
    </row>
    <row r="11" spans="1:13">
      <c r="A11" s="15" t="s">
        <v>12</v>
      </c>
      <c r="B11" s="67">
        <v>14</v>
      </c>
      <c r="C11" s="68">
        <v>1</v>
      </c>
      <c r="D11" s="68">
        <v>13</v>
      </c>
      <c r="E11" s="67">
        <v>0</v>
      </c>
      <c r="F11" s="68">
        <v>0</v>
      </c>
      <c r="G11" s="69">
        <v>0</v>
      </c>
      <c r="H11" s="68">
        <v>26</v>
      </c>
      <c r="I11" s="68">
        <v>8</v>
      </c>
      <c r="J11" s="68">
        <v>18</v>
      </c>
      <c r="K11" s="67">
        <v>12</v>
      </c>
      <c r="L11" s="79">
        <v>7</v>
      </c>
      <c r="M11" s="80">
        <v>5</v>
      </c>
    </row>
    <row r="12" spans="1:13" ht="21" customHeight="1">
      <c r="A12" s="36" t="s">
        <v>14</v>
      </c>
      <c r="B12" s="64">
        <v>51</v>
      </c>
      <c r="C12" s="65">
        <v>20</v>
      </c>
      <c r="D12" s="65">
        <v>31</v>
      </c>
      <c r="E12" s="64">
        <v>0</v>
      </c>
      <c r="F12" s="65">
        <v>0</v>
      </c>
      <c r="G12" s="66">
        <v>0</v>
      </c>
      <c r="H12" s="65">
        <v>117</v>
      </c>
      <c r="I12" s="65">
        <v>63</v>
      </c>
      <c r="J12" s="65">
        <v>54</v>
      </c>
      <c r="K12" s="64">
        <v>66</v>
      </c>
      <c r="L12" s="77">
        <v>43</v>
      </c>
      <c r="M12" s="78">
        <v>23</v>
      </c>
    </row>
    <row r="13" spans="1:13">
      <c r="A13" s="15" t="s">
        <v>16</v>
      </c>
      <c r="B13" s="67">
        <v>17</v>
      </c>
      <c r="C13" s="68">
        <v>2</v>
      </c>
      <c r="D13" s="68">
        <v>15</v>
      </c>
      <c r="E13" s="67">
        <v>0</v>
      </c>
      <c r="F13" s="68">
        <v>0</v>
      </c>
      <c r="G13" s="69">
        <v>0</v>
      </c>
      <c r="H13" s="68">
        <v>31</v>
      </c>
      <c r="I13" s="68">
        <v>10</v>
      </c>
      <c r="J13" s="68">
        <v>21</v>
      </c>
      <c r="K13" s="67">
        <v>14</v>
      </c>
      <c r="L13" s="79">
        <v>8</v>
      </c>
      <c r="M13" s="80">
        <v>6</v>
      </c>
    </row>
    <row r="14" spans="1:13">
      <c r="A14" s="15" t="s">
        <v>18</v>
      </c>
      <c r="B14" s="67">
        <v>5</v>
      </c>
      <c r="C14" s="68">
        <v>6</v>
      </c>
      <c r="D14" s="68">
        <v>-1</v>
      </c>
      <c r="E14" s="67">
        <v>0</v>
      </c>
      <c r="F14" s="68">
        <v>0</v>
      </c>
      <c r="G14" s="69">
        <v>0</v>
      </c>
      <c r="H14" s="68">
        <v>25</v>
      </c>
      <c r="I14" s="68">
        <v>19</v>
      </c>
      <c r="J14" s="68">
        <v>6</v>
      </c>
      <c r="K14" s="67">
        <v>20</v>
      </c>
      <c r="L14" s="79">
        <v>13</v>
      </c>
      <c r="M14" s="80">
        <v>7</v>
      </c>
    </row>
    <row r="15" spans="1:13">
      <c r="A15" s="15" t="s">
        <v>20</v>
      </c>
      <c r="B15" s="67">
        <v>20</v>
      </c>
      <c r="C15" s="68">
        <v>10</v>
      </c>
      <c r="D15" s="68">
        <v>10</v>
      </c>
      <c r="E15" s="67">
        <v>0</v>
      </c>
      <c r="F15" s="68">
        <v>0</v>
      </c>
      <c r="G15" s="69">
        <v>0</v>
      </c>
      <c r="H15" s="68">
        <v>37</v>
      </c>
      <c r="I15" s="68">
        <v>21</v>
      </c>
      <c r="J15" s="68">
        <v>16</v>
      </c>
      <c r="K15" s="67">
        <v>17</v>
      </c>
      <c r="L15" s="79">
        <v>11</v>
      </c>
      <c r="M15" s="80">
        <v>6</v>
      </c>
    </row>
    <row r="16" spans="1:13">
      <c r="A16" s="15" t="s">
        <v>22</v>
      </c>
      <c r="B16" s="67">
        <v>1</v>
      </c>
      <c r="C16" s="68">
        <v>-1</v>
      </c>
      <c r="D16" s="68">
        <v>2</v>
      </c>
      <c r="E16" s="67">
        <v>0</v>
      </c>
      <c r="F16" s="68">
        <v>0</v>
      </c>
      <c r="G16" s="69">
        <v>0</v>
      </c>
      <c r="H16" s="68">
        <v>11</v>
      </c>
      <c r="I16" s="68">
        <v>6</v>
      </c>
      <c r="J16" s="68">
        <v>5</v>
      </c>
      <c r="K16" s="67">
        <v>10</v>
      </c>
      <c r="L16" s="79">
        <v>7</v>
      </c>
      <c r="M16" s="80">
        <v>3</v>
      </c>
    </row>
    <row r="17" spans="1:13">
      <c r="A17" s="15" t="s">
        <v>24</v>
      </c>
      <c r="B17" s="67">
        <v>8</v>
      </c>
      <c r="C17" s="68">
        <v>3</v>
      </c>
      <c r="D17" s="68">
        <v>5</v>
      </c>
      <c r="E17" s="67">
        <v>0</v>
      </c>
      <c r="F17" s="68">
        <v>0</v>
      </c>
      <c r="G17" s="69">
        <v>0</v>
      </c>
      <c r="H17" s="68">
        <v>13</v>
      </c>
      <c r="I17" s="68">
        <v>7</v>
      </c>
      <c r="J17" s="68">
        <v>6</v>
      </c>
      <c r="K17" s="67">
        <v>5</v>
      </c>
      <c r="L17" s="79">
        <v>4</v>
      </c>
      <c r="M17" s="80">
        <v>1</v>
      </c>
    </row>
    <row r="18" spans="1:13" ht="21" customHeight="1">
      <c r="A18" s="36" t="s">
        <v>26</v>
      </c>
      <c r="B18" s="64">
        <v>6</v>
      </c>
      <c r="C18" s="65">
        <v>6</v>
      </c>
      <c r="D18" s="65">
        <v>0</v>
      </c>
      <c r="E18" s="64">
        <v>0</v>
      </c>
      <c r="F18" s="65">
        <v>0</v>
      </c>
      <c r="G18" s="66">
        <v>0</v>
      </c>
      <c r="H18" s="65">
        <v>60</v>
      </c>
      <c r="I18" s="65">
        <v>35</v>
      </c>
      <c r="J18" s="65">
        <v>25</v>
      </c>
      <c r="K18" s="64">
        <v>54</v>
      </c>
      <c r="L18" s="77">
        <v>29</v>
      </c>
      <c r="M18" s="78">
        <v>25</v>
      </c>
    </row>
    <row r="19" spans="1:13">
      <c r="A19" s="15" t="s">
        <v>28</v>
      </c>
      <c r="B19" s="67">
        <v>3</v>
      </c>
      <c r="C19" s="68">
        <v>4</v>
      </c>
      <c r="D19" s="68">
        <v>-1</v>
      </c>
      <c r="E19" s="67">
        <v>0</v>
      </c>
      <c r="F19" s="68">
        <v>0</v>
      </c>
      <c r="G19" s="69">
        <v>0</v>
      </c>
      <c r="H19" s="68">
        <v>17</v>
      </c>
      <c r="I19" s="68">
        <v>10</v>
      </c>
      <c r="J19" s="68">
        <v>7</v>
      </c>
      <c r="K19" s="67">
        <v>14</v>
      </c>
      <c r="L19" s="79">
        <v>6</v>
      </c>
      <c r="M19" s="80">
        <v>8</v>
      </c>
    </row>
    <row r="20" spans="1:13">
      <c r="A20" s="15" t="s">
        <v>30</v>
      </c>
      <c r="B20" s="67">
        <v>-1</v>
      </c>
      <c r="C20" s="68">
        <v>1</v>
      </c>
      <c r="D20" s="68">
        <v>-2</v>
      </c>
      <c r="E20" s="67">
        <v>0</v>
      </c>
      <c r="F20" s="68">
        <v>0</v>
      </c>
      <c r="G20" s="69">
        <v>0</v>
      </c>
      <c r="H20" s="68">
        <v>6</v>
      </c>
      <c r="I20" s="68">
        <v>5</v>
      </c>
      <c r="J20" s="68">
        <v>1</v>
      </c>
      <c r="K20" s="67">
        <v>7</v>
      </c>
      <c r="L20" s="79">
        <v>4</v>
      </c>
      <c r="M20" s="80">
        <v>3</v>
      </c>
    </row>
    <row r="21" spans="1:13">
      <c r="A21" s="15" t="s">
        <v>32</v>
      </c>
      <c r="B21" s="67">
        <v>1</v>
      </c>
      <c r="C21" s="68">
        <v>-4</v>
      </c>
      <c r="D21" s="68">
        <v>5</v>
      </c>
      <c r="E21" s="67">
        <v>0</v>
      </c>
      <c r="F21" s="68">
        <v>0</v>
      </c>
      <c r="G21" s="69">
        <v>0</v>
      </c>
      <c r="H21" s="68">
        <v>11</v>
      </c>
      <c r="I21" s="68">
        <v>6</v>
      </c>
      <c r="J21" s="68">
        <v>5</v>
      </c>
      <c r="K21" s="67">
        <v>10</v>
      </c>
      <c r="L21" s="79">
        <v>10</v>
      </c>
      <c r="M21" s="80">
        <v>0</v>
      </c>
    </row>
    <row r="22" spans="1:13">
      <c r="A22" s="15" t="s">
        <v>34</v>
      </c>
      <c r="B22" s="67">
        <v>-1</v>
      </c>
      <c r="C22" s="68">
        <v>2</v>
      </c>
      <c r="D22" s="68">
        <v>-3</v>
      </c>
      <c r="E22" s="67">
        <v>0</v>
      </c>
      <c r="F22" s="68">
        <v>0</v>
      </c>
      <c r="G22" s="69">
        <v>0</v>
      </c>
      <c r="H22" s="68">
        <v>16</v>
      </c>
      <c r="I22" s="68">
        <v>9</v>
      </c>
      <c r="J22" s="68">
        <v>7</v>
      </c>
      <c r="K22" s="67">
        <v>17</v>
      </c>
      <c r="L22" s="79">
        <v>7</v>
      </c>
      <c r="M22" s="80">
        <v>10</v>
      </c>
    </row>
    <row r="23" spans="1:13">
      <c r="A23" s="15" t="s">
        <v>36</v>
      </c>
      <c r="B23" s="67">
        <v>4</v>
      </c>
      <c r="C23" s="68">
        <v>3</v>
      </c>
      <c r="D23" s="68">
        <v>1</v>
      </c>
      <c r="E23" s="67">
        <v>0</v>
      </c>
      <c r="F23" s="68">
        <v>0</v>
      </c>
      <c r="G23" s="69">
        <v>0</v>
      </c>
      <c r="H23" s="68">
        <v>10</v>
      </c>
      <c r="I23" s="68">
        <v>5</v>
      </c>
      <c r="J23" s="68">
        <v>5</v>
      </c>
      <c r="K23" s="67">
        <v>6</v>
      </c>
      <c r="L23" s="79">
        <v>2</v>
      </c>
      <c r="M23" s="80">
        <v>4</v>
      </c>
    </row>
    <row r="24" spans="1:13" ht="21" customHeight="1">
      <c r="A24" s="36" t="s">
        <v>38</v>
      </c>
      <c r="B24" s="64">
        <v>-20</v>
      </c>
      <c r="C24" s="65">
        <v>-18</v>
      </c>
      <c r="D24" s="65">
        <v>-2</v>
      </c>
      <c r="E24" s="64">
        <v>0</v>
      </c>
      <c r="F24" s="65">
        <v>0</v>
      </c>
      <c r="G24" s="66">
        <v>0</v>
      </c>
      <c r="H24" s="65">
        <v>60</v>
      </c>
      <c r="I24" s="65">
        <v>27</v>
      </c>
      <c r="J24" s="65">
        <v>33</v>
      </c>
      <c r="K24" s="64">
        <v>80</v>
      </c>
      <c r="L24" s="77">
        <v>45</v>
      </c>
      <c r="M24" s="78">
        <v>35</v>
      </c>
    </row>
    <row r="25" spans="1:13">
      <c r="A25" s="15" t="s">
        <v>40</v>
      </c>
      <c r="B25" s="67">
        <v>1</v>
      </c>
      <c r="C25" s="68">
        <v>3</v>
      </c>
      <c r="D25" s="68">
        <v>-2</v>
      </c>
      <c r="E25" s="67">
        <v>0</v>
      </c>
      <c r="F25" s="68">
        <v>0</v>
      </c>
      <c r="G25" s="69">
        <v>0</v>
      </c>
      <c r="H25" s="68">
        <v>11</v>
      </c>
      <c r="I25" s="68">
        <v>7</v>
      </c>
      <c r="J25" s="68">
        <v>4</v>
      </c>
      <c r="K25" s="67">
        <v>10</v>
      </c>
      <c r="L25" s="79">
        <v>4</v>
      </c>
      <c r="M25" s="80">
        <v>6</v>
      </c>
    </row>
    <row r="26" spans="1:13">
      <c r="A26" s="15" t="s">
        <v>42</v>
      </c>
      <c r="B26" s="67">
        <v>5</v>
      </c>
      <c r="C26" s="68">
        <v>1</v>
      </c>
      <c r="D26" s="68">
        <v>4</v>
      </c>
      <c r="E26" s="67">
        <v>0</v>
      </c>
      <c r="F26" s="68">
        <v>0</v>
      </c>
      <c r="G26" s="69">
        <v>0</v>
      </c>
      <c r="H26" s="68">
        <v>17</v>
      </c>
      <c r="I26" s="68">
        <v>8</v>
      </c>
      <c r="J26" s="68">
        <v>9</v>
      </c>
      <c r="K26" s="67">
        <v>12</v>
      </c>
      <c r="L26" s="79">
        <v>7</v>
      </c>
      <c r="M26" s="80">
        <v>5</v>
      </c>
    </row>
    <row r="27" spans="1:13">
      <c r="A27" s="15" t="s">
        <v>44</v>
      </c>
      <c r="B27" s="67">
        <v>3</v>
      </c>
      <c r="C27" s="68">
        <v>-2</v>
      </c>
      <c r="D27" s="68">
        <v>5</v>
      </c>
      <c r="E27" s="67">
        <v>0</v>
      </c>
      <c r="F27" s="68">
        <v>0</v>
      </c>
      <c r="G27" s="69">
        <v>0</v>
      </c>
      <c r="H27" s="68">
        <v>11</v>
      </c>
      <c r="I27" s="68">
        <v>2</v>
      </c>
      <c r="J27" s="68">
        <v>9</v>
      </c>
      <c r="K27" s="67">
        <v>8</v>
      </c>
      <c r="L27" s="79">
        <v>4</v>
      </c>
      <c r="M27" s="80">
        <v>4</v>
      </c>
    </row>
    <row r="28" spans="1:13">
      <c r="A28" s="15" t="s">
        <v>46</v>
      </c>
      <c r="B28" s="67">
        <v>-6</v>
      </c>
      <c r="C28" s="68">
        <v>0</v>
      </c>
      <c r="D28" s="68">
        <v>-6</v>
      </c>
      <c r="E28" s="67">
        <v>0</v>
      </c>
      <c r="F28" s="68">
        <v>0</v>
      </c>
      <c r="G28" s="69">
        <v>0</v>
      </c>
      <c r="H28" s="68">
        <v>7</v>
      </c>
      <c r="I28" s="68">
        <v>5</v>
      </c>
      <c r="J28" s="68">
        <v>2</v>
      </c>
      <c r="K28" s="67">
        <v>13</v>
      </c>
      <c r="L28" s="79">
        <v>5</v>
      </c>
      <c r="M28" s="80">
        <v>8</v>
      </c>
    </row>
    <row r="29" spans="1:13">
      <c r="A29" s="15" t="s">
        <v>48</v>
      </c>
      <c r="B29" s="67">
        <v>-23</v>
      </c>
      <c r="C29" s="68">
        <v>-20</v>
      </c>
      <c r="D29" s="68">
        <v>-3</v>
      </c>
      <c r="E29" s="67">
        <v>0</v>
      </c>
      <c r="F29" s="68">
        <v>0</v>
      </c>
      <c r="G29" s="69">
        <v>0</v>
      </c>
      <c r="H29" s="68">
        <v>14</v>
      </c>
      <c r="I29" s="68">
        <v>5</v>
      </c>
      <c r="J29" s="68">
        <v>9</v>
      </c>
      <c r="K29" s="67">
        <v>37</v>
      </c>
      <c r="L29" s="79">
        <v>25</v>
      </c>
      <c r="M29" s="80">
        <v>12</v>
      </c>
    </row>
    <row r="30" spans="1:13" ht="21" customHeight="1">
      <c r="A30" s="36" t="s">
        <v>50</v>
      </c>
      <c r="B30" s="64">
        <v>-130</v>
      </c>
      <c r="C30" s="65">
        <v>-69</v>
      </c>
      <c r="D30" s="65">
        <v>-61</v>
      </c>
      <c r="E30" s="64">
        <v>0</v>
      </c>
      <c r="F30" s="65">
        <v>0</v>
      </c>
      <c r="G30" s="66">
        <v>0</v>
      </c>
      <c r="H30" s="65">
        <v>164</v>
      </c>
      <c r="I30" s="65">
        <v>84</v>
      </c>
      <c r="J30" s="65">
        <v>80</v>
      </c>
      <c r="K30" s="64">
        <v>294</v>
      </c>
      <c r="L30" s="77">
        <v>153</v>
      </c>
      <c r="M30" s="78">
        <v>141</v>
      </c>
    </row>
    <row r="31" spans="1:13">
      <c r="A31" s="15" t="s">
        <v>52</v>
      </c>
      <c r="B31" s="67">
        <v>-7</v>
      </c>
      <c r="C31" s="68">
        <v>-4</v>
      </c>
      <c r="D31" s="68">
        <v>-3</v>
      </c>
      <c r="E31" s="67">
        <v>0</v>
      </c>
      <c r="F31" s="68">
        <v>0</v>
      </c>
      <c r="G31" s="69">
        <v>0</v>
      </c>
      <c r="H31" s="68">
        <v>19</v>
      </c>
      <c r="I31" s="68">
        <v>13</v>
      </c>
      <c r="J31" s="68">
        <v>6</v>
      </c>
      <c r="K31" s="67">
        <v>26</v>
      </c>
      <c r="L31" s="79">
        <v>17</v>
      </c>
      <c r="M31" s="80">
        <v>9</v>
      </c>
    </row>
    <row r="32" spans="1:13">
      <c r="A32" s="15" t="s">
        <v>54</v>
      </c>
      <c r="B32" s="67">
        <v>-16</v>
      </c>
      <c r="C32" s="68">
        <v>-10</v>
      </c>
      <c r="D32" s="68">
        <v>-6</v>
      </c>
      <c r="E32" s="67">
        <v>0</v>
      </c>
      <c r="F32" s="68">
        <v>0</v>
      </c>
      <c r="G32" s="69">
        <v>0</v>
      </c>
      <c r="H32" s="68">
        <v>18</v>
      </c>
      <c r="I32" s="68">
        <v>4</v>
      </c>
      <c r="J32" s="68">
        <v>14</v>
      </c>
      <c r="K32" s="67">
        <v>34</v>
      </c>
      <c r="L32" s="79">
        <v>14</v>
      </c>
      <c r="M32" s="80">
        <v>20</v>
      </c>
    </row>
    <row r="33" spans="1:13">
      <c r="A33" s="15" t="s">
        <v>56</v>
      </c>
      <c r="B33" s="67">
        <v>-25</v>
      </c>
      <c r="C33" s="68">
        <v>-19</v>
      </c>
      <c r="D33" s="68">
        <v>-6</v>
      </c>
      <c r="E33" s="67">
        <v>0</v>
      </c>
      <c r="F33" s="68">
        <v>0</v>
      </c>
      <c r="G33" s="69">
        <v>0</v>
      </c>
      <c r="H33" s="68">
        <v>34</v>
      </c>
      <c r="I33" s="68">
        <v>12</v>
      </c>
      <c r="J33" s="68">
        <v>22</v>
      </c>
      <c r="K33" s="67">
        <v>59</v>
      </c>
      <c r="L33" s="79">
        <v>31</v>
      </c>
      <c r="M33" s="80">
        <v>28</v>
      </c>
    </row>
    <row r="34" spans="1:13">
      <c r="A34" s="15" t="s">
        <v>58</v>
      </c>
      <c r="B34" s="67">
        <v>-42</v>
      </c>
      <c r="C34" s="68">
        <v>-15</v>
      </c>
      <c r="D34" s="68">
        <v>-27</v>
      </c>
      <c r="E34" s="67">
        <v>0</v>
      </c>
      <c r="F34" s="68">
        <v>0</v>
      </c>
      <c r="G34" s="69">
        <v>0</v>
      </c>
      <c r="H34" s="68">
        <v>43</v>
      </c>
      <c r="I34" s="68">
        <v>27</v>
      </c>
      <c r="J34" s="68">
        <v>16</v>
      </c>
      <c r="K34" s="67">
        <v>85</v>
      </c>
      <c r="L34" s="79">
        <v>42</v>
      </c>
      <c r="M34" s="80">
        <v>43</v>
      </c>
    </row>
    <row r="35" spans="1:13">
      <c r="A35" s="15" t="s">
        <v>60</v>
      </c>
      <c r="B35" s="67">
        <v>-40</v>
      </c>
      <c r="C35" s="68">
        <v>-21</v>
      </c>
      <c r="D35" s="68">
        <v>-19</v>
      </c>
      <c r="E35" s="67">
        <v>0</v>
      </c>
      <c r="F35" s="68">
        <v>0</v>
      </c>
      <c r="G35" s="69">
        <v>0</v>
      </c>
      <c r="H35" s="68">
        <v>50</v>
      </c>
      <c r="I35" s="68">
        <v>28</v>
      </c>
      <c r="J35" s="68">
        <v>22</v>
      </c>
      <c r="K35" s="67">
        <v>90</v>
      </c>
      <c r="L35" s="79">
        <v>49</v>
      </c>
      <c r="M35" s="80">
        <v>41</v>
      </c>
    </row>
    <row r="36" spans="1:13" ht="21" customHeight="1">
      <c r="A36" s="36" t="s">
        <v>62</v>
      </c>
      <c r="B36" s="64">
        <v>-71</v>
      </c>
      <c r="C36" s="65">
        <v>-51</v>
      </c>
      <c r="D36" s="65">
        <v>-20</v>
      </c>
      <c r="E36" s="64">
        <v>3</v>
      </c>
      <c r="F36" s="65">
        <v>3</v>
      </c>
      <c r="G36" s="66">
        <v>0</v>
      </c>
      <c r="H36" s="65">
        <v>296</v>
      </c>
      <c r="I36" s="65">
        <v>129</v>
      </c>
      <c r="J36" s="65">
        <v>167</v>
      </c>
      <c r="K36" s="64">
        <v>364</v>
      </c>
      <c r="L36" s="77">
        <v>177</v>
      </c>
      <c r="M36" s="78">
        <v>187</v>
      </c>
    </row>
    <row r="37" spans="1:13">
      <c r="A37" s="15" t="s">
        <v>64</v>
      </c>
      <c r="B37" s="67">
        <v>-28</v>
      </c>
      <c r="C37" s="68">
        <v>-19</v>
      </c>
      <c r="D37" s="68">
        <v>-9</v>
      </c>
      <c r="E37" s="67">
        <v>1</v>
      </c>
      <c r="F37" s="68">
        <v>1</v>
      </c>
      <c r="G37" s="69">
        <v>0</v>
      </c>
      <c r="H37" s="68">
        <v>55</v>
      </c>
      <c r="I37" s="68">
        <v>22</v>
      </c>
      <c r="J37" s="68">
        <v>33</v>
      </c>
      <c r="K37" s="67">
        <v>82</v>
      </c>
      <c r="L37" s="79">
        <v>40</v>
      </c>
      <c r="M37" s="80">
        <v>42</v>
      </c>
    </row>
    <row r="38" spans="1:13">
      <c r="A38" s="15" t="s">
        <v>66</v>
      </c>
      <c r="B38" s="67">
        <v>-40</v>
      </c>
      <c r="C38" s="68">
        <v>-24</v>
      </c>
      <c r="D38" s="68">
        <v>-16</v>
      </c>
      <c r="E38" s="67">
        <v>0</v>
      </c>
      <c r="F38" s="68">
        <v>0</v>
      </c>
      <c r="G38" s="69">
        <v>0</v>
      </c>
      <c r="H38" s="68">
        <v>55</v>
      </c>
      <c r="I38" s="68">
        <v>22</v>
      </c>
      <c r="J38" s="68">
        <v>33</v>
      </c>
      <c r="K38" s="67">
        <v>95</v>
      </c>
      <c r="L38" s="79">
        <v>46</v>
      </c>
      <c r="M38" s="80">
        <v>49</v>
      </c>
    </row>
    <row r="39" spans="1:13">
      <c r="A39" s="15" t="s">
        <v>68</v>
      </c>
      <c r="B39" s="67">
        <v>8</v>
      </c>
      <c r="C39" s="68">
        <v>5</v>
      </c>
      <c r="D39" s="68">
        <v>3</v>
      </c>
      <c r="E39" s="67">
        <v>0</v>
      </c>
      <c r="F39" s="68">
        <v>0</v>
      </c>
      <c r="G39" s="69">
        <v>0</v>
      </c>
      <c r="H39" s="68">
        <v>65</v>
      </c>
      <c r="I39" s="68">
        <v>31</v>
      </c>
      <c r="J39" s="68">
        <v>34</v>
      </c>
      <c r="K39" s="67">
        <v>57</v>
      </c>
      <c r="L39" s="79">
        <v>26</v>
      </c>
      <c r="M39" s="80">
        <v>31</v>
      </c>
    </row>
    <row r="40" spans="1:13">
      <c r="A40" s="15" t="s">
        <v>70</v>
      </c>
      <c r="B40" s="67">
        <v>-7</v>
      </c>
      <c r="C40" s="68">
        <v>-3</v>
      </c>
      <c r="D40" s="68">
        <v>-4</v>
      </c>
      <c r="E40" s="67">
        <v>1</v>
      </c>
      <c r="F40" s="68">
        <v>1</v>
      </c>
      <c r="G40" s="69">
        <v>0</v>
      </c>
      <c r="H40" s="68">
        <v>68</v>
      </c>
      <c r="I40" s="68">
        <v>34</v>
      </c>
      <c r="J40" s="68">
        <v>34</v>
      </c>
      <c r="K40" s="67">
        <v>74</v>
      </c>
      <c r="L40" s="79">
        <v>36</v>
      </c>
      <c r="M40" s="80">
        <v>38</v>
      </c>
    </row>
    <row r="41" spans="1:13">
      <c r="A41" s="15" t="s">
        <v>72</v>
      </c>
      <c r="B41" s="67">
        <v>-4</v>
      </c>
      <c r="C41" s="68">
        <v>-10</v>
      </c>
      <c r="D41" s="68">
        <v>6</v>
      </c>
      <c r="E41" s="67">
        <v>1</v>
      </c>
      <c r="F41" s="68">
        <v>1</v>
      </c>
      <c r="G41" s="69">
        <v>0</v>
      </c>
      <c r="H41" s="68">
        <v>53</v>
      </c>
      <c r="I41" s="68">
        <v>20</v>
      </c>
      <c r="J41" s="68">
        <v>33</v>
      </c>
      <c r="K41" s="67">
        <v>56</v>
      </c>
      <c r="L41" s="79">
        <v>29</v>
      </c>
      <c r="M41" s="80">
        <v>27</v>
      </c>
    </row>
    <row r="42" spans="1:13" ht="21" customHeight="1">
      <c r="A42" s="36" t="s">
        <v>74</v>
      </c>
      <c r="B42" s="64">
        <v>56</v>
      </c>
      <c r="C42" s="65">
        <v>11</v>
      </c>
      <c r="D42" s="65">
        <v>45</v>
      </c>
      <c r="E42" s="64">
        <v>2</v>
      </c>
      <c r="F42" s="65">
        <v>2</v>
      </c>
      <c r="G42" s="66">
        <v>0</v>
      </c>
      <c r="H42" s="65">
        <v>318</v>
      </c>
      <c r="I42" s="65">
        <v>145</v>
      </c>
      <c r="J42" s="65">
        <v>173</v>
      </c>
      <c r="K42" s="64">
        <v>260</v>
      </c>
      <c r="L42" s="77">
        <v>132</v>
      </c>
      <c r="M42" s="78">
        <v>128</v>
      </c>
    </row>
    <row r="43" spans="1:13">
      <c r="A43" s="15" t="s">
        <v>76</v>
      </c>
      <c r="B43" s="67">
        <v>3</v>
      </c>
      <c r="C43" s="68">
        <v>-1</v>
      </c>
      <c r="D43" s="68">
        <v>4</v>
      </c>
      <c r="E43" s="67">
        <v>0</v>
      </c>
      <c r="F43" s="68">
        <v>0</v>
      </c>
      <c r="G43" s="69">
        <v>0</v>
      </c>
      <c r="H43" s="68">
        <v>57</v>
      </c>
      <c r="I43" s="68">
        <v>29</v>
      </c>
      <c r="J43" s="68">
        <v>28</v>
      </c>
      <c r="K43" s="67">
        <v>54</v>
      </c>
      <c r="L43" s="79">
        <v>30</v>
      </c>
      <c r="M43" s="80">
        <v>24</v>
      </c>
    </row>
    <row r="44" spans="1:13">
      <c r="A44" s="15" t="s">
        <v>78</v>
      </c>
      <c r="B44" s="67">
        <v>3</v>
      </c>
      <c r="C44" s="68">
        <v>-1</v>
      </c>
      <c r="D44" s="68">
        <v>4</v>
      </c>
      <c r="E44" s="67">
        <v>0</v>
      </c>
      <c r="F44" s="68">
        <v>0</v>
      </c>
      <c r="G44" s="69">
        <v>0</v>
      </c>
      <c r="H44" s="68">
        <v>64</v>
      </c>
      <c r="I44" s="68">
        <v>26</v>
      </c>
      <c r="J44" s="68">
        <v>38</v>
      </c>
      <c r="K44" s="67">
        <v>61</v>
      </c>
      <c r="L44" s="79">
        <v>27</v>
      </c>
      <c r="M44" s="80">
        <v>34</v>
      </c>
    </row>
    <row r="45" spans="1:13">
      <c r="A45" s="15" t="s">
        <v>80</v>
      </c>
      <c r="B45" s="67">
        <v>9</v>
      </c>
      <c r="C45" s="68">
        <v>2</v>
      </c>
      <c r="D45" s="68">
        <v>7</v>
      </c>
      <c r="E45" s="67">
        <v>1</v>
      </c>
      <c r="F45" s="68">
        <v>1</v>
      </c>
      <c r="G45" s="69">
        <v>0</v>
      </c>
      <c r="H45" s="68">
        <v>56</v>
      </c>
      <c r="I45" s="68">
        <v>28</v>
      </c>
      <c r="J45" s="68">
        <v>28</v>
      </c>
      <c r="K45" s="67">
        <v>46</v>
      </c>
      <c r="L45" s="79">
        <v>25</v>
      </c>
      <c r="M45" s="80">
        <v>21</v>
      </c>
    </row>
    <row r="46" spans="1:13">
      <c r="A46" s="15" t="s">
        <v>82</v>
      </c>
      <c r="B46" s="67">
        <v>13</v>
      </c>
      <c r="C46" s="68">
        <v>1</v>
      </c>
      <c r="D46" s="68">
        <v>12</v>
      </c>
      <c r="E46" s="67">
        <v>0</v>
      </c>
      <c r="F46" s="68">
        <v>0</v>
      </c>
      <c r="G46" s="69">
        <v>0</v>
      </c>
      <c r="H46" s="68">
        <v>65</v>
      </c>
      <c r="I46" s="68">
        <v>31</v>
      </c>
      <c r="J46" s="68">
        <v>34</v>
      </c>
      <c r="K46" s="67">
        <v>52</v>
      </c>
      <c r="L46" s="79">
        <v>30</v>
      </c>
      <c r="M46" s="80">
        <v>22</v>
      </c>
    </row>
    <row r="47" spans="1:13">
      <c r="A47" s="15" t="s">
        <v>84</v>
      </c>
      <c r="B47" s="67">
        <v>28</v>
      </c>
      <c r="C47" s="68">
        <v>10</v>
      </c>
      <c r="D47" s="68">
        <v>18</v>
      </c>
      <c r="E47" s="67">
        <v>1</v>
      </c>
      <c r="F47" s="68">
        <v>1</v>
      </c>
      <c r="G47" s="69">
        <v>0</v>
      </c>
      <c r="H47" s="68">
        <v>76</v>
      </c>
      <c r="I47" s="68">
        <v>31</v>
      </c>
      <c r="J47" s="68">
        <v>45</v>
      </c>
      <c r="K47" s="67">
        <v>47</v>
      </c>
      <c r="L47" s="79">
        <v>20</v>
      </c>
      <c r="M47" s="80">
        <v>27</v>
      </c>
    </row>
    <row r="48" spans="1:13" ht="21" customHeight="1">
      <c r="A48" s="36" t="s">
        <v>86</v>
      </c>
      <c r="B48" s="64">
        <v>40</v>
      </c>
      <c r="C48" s="65">
        <v>12</v>
      </c>
      <c r="D48" s="65">
        <v>28</v>
      </c>
      <c r="E48" s="64">
        <v>2</v>
      </c>
      <c r="F48" s="65">
        <v>1</v>
      </c>
      <c r="G48" s="66">
        <v>1</v>
      </c>
      <c r="H48" s="65">
        <v>259</v>
      </c>
      <c r="I48" s="65">
        <v>117</v>
      </c>
      <c r="J48" s="65">
        <v>142</v>
      </c>
      <c r="K48" s="64">
        <v>217</v>
      </c>
      <c r="L48" s="77">
        <v>104</v>
      </c>
      <c r="M48" s="78">
        <v>113</v>
      </c>
    </row>
    <row r="49" spans="1:13">
      <c r="A49" s="15" t="s">
        <v>88</v>
      </c>
      <c r="B49" s="67">
        <v>8</v>
      </c>
      <c r="C49" s="68">
        <v>6</v>
      </c>
      <c r="D49" s="68">
        <v>2</v>
      </c>
      <c r="E49" s="67">
        <v>0</v>
      </c>
      <c r="F49" s="68">
        <v>0</v>
      </c>
      <c r="G49" s="69">
        <v>0</v>
      </c>
      <c r="H49" s="68">
        <v>54</v>
      </c>
      <c r="I49" s="68">
        <v>27</v>
      </c>
      <c r="J49" s="68">
        <v>27</v>
      </c>
      <c r="K49" s="67">
        <v>46</v>
      </c>
      <c r="L49" s="79">
        <v>21</v>
      </c>
      <c r="M49" s="80">
        <v>25</v>
      </c>
    </row>
    <row r="50" spans="1:13">
      <c r="A50" s="15" t="s">
        <v>90</v>
      </c>
      <c r="B50" s="67">
        <v>15</v>
      </c>
      <c r="C50" s="68">
        <v>4</v>
      </c>
      <c r="D50" s="68">
        <v>11</v>
      </c>
      <c r="E50" s="67">
        <v>0</v>
      </c>
      <c r="F50" s="68">
        <v>0</v>
      </c>
      <c r="G50" s="69">
        <v>0</v>
      </c>
      <c r="H50" s="68">
        <v>58</v>
      </c>
      <c r="I50" s="68">
        <v>28</v>
      </c>
      <c r="J50" s="68">
        <v>30</v>
      </c>
      <c r="K50" s="67">
        <v>43</v>
      </c>
      <c r="L50" s="79">
        <v>24</v>
      </c>
      <c r="M50" s="80">
        <v>19</v>
      </c>
    </row>
    <row r="51" spans="1:13">
      <c r="A51" s="15" t="s">
        <v>92</v>
      </c>
      <c r="B51" s="67">
        <v>3</v>
      </c>
      <c r="C51" s="68">
        <v>-1</v>
      </c>
      <c r="D51" s="68">
        <v>4</v>
      </c>
      <c r="E51" s="67">
        <v>1</v>
      </c>
      <c r="F51" s="68">
        <v>1</v>
      </c>
      <c r="G51" s="69">
        <v>0</v>
      </c>
      <c r="H51" s="68">
        <v>55</v>
      </c>
      <c r="I51" s="68">
        <v>21</v>
      </c>
      <c r="J51" s="68">
        <v>34</v>
      </c>
      <c r="K51" s="67">
        <v>51</v>
      </c>
      <c r="L51" s="79">
        <v>21</v>
      </c>
      <c r="M51" s="80">
        <v>30</v>
      </c>
    </row>
    <row r="52" spans="1:13">
      <c r="A52" s="15" t="s">
        <v>94</v>
      </c>
      <c r="B52" s="67">
        <v>23</v>
      </c>
      <c r="C52" s="68">
        <v>14</v>
      </c>
      <c r="D52" s="68">
        <v>9</v>
      </c>
      <c r="E52" s="67">
        <v>0</v>
      </c>
      <c r="F52" s="68">
        <v>0</v>
      </c>
      <c r="G52" s="69">
        <v>0</v>
      </c>
      <c r="H52" s="68">
        <v>56</v>
      </c>
      <c r="I52" s="68">
        <v>30</v>
      </c>
      <c r="J52" s="68">
        <v>26</v>
      </c>
      <c r="K52" s="67">
        <v>33</v>
      </c>
      <c r="L52" s="79">
        <v>16</v>
      </c>
      <c r="M52" s="80">
        <v>17</v>
      </c>
    </row>
    <row r="53" spans="1:13">
      <c r="A53" s="15" t="s">
        <v>96</v>
      </c>
      <c r="B53" s="67">
        <v>-9</v>
      </c>
      <c r="C53" s="68">
        <v>-11</v>
      </c>
      <c r="D53" s="68">
        <v>2</v>
      </c>
      <c r="E53" s="67">
        <v>1</v>
      </c>
      <c r="F53" s="68">
        <v>0</v>
      </c>
      <c r="G53" s="69">
        <v>1</v>
      </c>
      <c r="H53" s="68">
        <v>36</v>
      </c>
      <c r="I53" s="68">
        <v>11</v>
      </c>
      <c r="J53" s="68">
        <v>25</v>
      </c>
      <c r="K53" s="67">
        <v>44</v>
      </c>
      <c r="L53" s="79">
        <v>22</v>
      </c>
      <c r="M53" s="80">
        <v>22</v>
      </c>
    </row>
    <row r="54" spans="1:13" ht="21" customHeight="1">
      <c r="A54" s="36" t="s">
        <v>98</v>
      </c>
      <c r="B54" s="64">
        <v>39</v>
      </c>
      <c r="C54" s="65">
        <v>15</v>
      </c>
      <c r="D54" s="65">
        <v>24</v>
      </c>
      <c r="E54" s="64">
        <v>7</v>
      </c>
      <c r="F54" s="65">
        <v>4</v>
      </c>
      <c r="G54" s="66">
        <v>3</v>
      </c>
      <c r="H54" s="65">
        <v>205</v>
      </c>
      <c r="I54" s="65">
        <v>106</v>
      </c>
      <c r="J54" s="65">
        <v>99</v>
      </c>
      <c r="K54" s="64">
        <v>159</v>
      </c>
      <c r="L54" s="77">
        <v>87</v>
      </c>
      <c r="M54" s="78">
        <v>72</v>
      </c>
    </row>
    <row r="55" spans="1:13">
      <c r="A55" s="15" t="s">
        <v>100</v>
      </c>
      <c r="B55" s="67">
        <v>20</v>
      </c>
      <c r="C55" s="68">
        <v>-1</v>
      </c>
      <c r="D55" s="68">
        <v>21</v>
      </c>
      <c r="E55" s="67">
        <v>0</v>
      </c>
      <c r="F55" s="68">
        <v>0</v>
      </c>
      <c r="G55" s="69">
        <v>0</v>
      </c>
      <c r="H55" s="68">
        <v>56</v>
      </c>
      <c r="I55" s="68">
        <v>20</v>
      </c>
      <c r="J55" s="68">
        <v>36</v>
      </c>
      <c r="K55" s="67">
        <v>36</v>
      </c>
      <c r="L55" s="79">
        <v>21</v>
      </c>
      <c r="M55" s="80">
        <v>15</v>
      </c>
    </row>
    <row r="56" spans="1:13">
      <c r="A56" s="15" t="s">
        <v>102</v>
      </c>
      <c r="B56" s="67">
        <v>10</v>
      </c>
      <c r="C56" s="68">
        <v>4</v>
      </c>
      <c r="D56" s="68">
        <v>6</v>
      </c>
      <c r="E56" s="67">
        <v>1</v>
      </c>
      <c r="F56" s="68">
        <v>1</v>
      </c>
      <c r="G56" s="69">
        <v>0</v>
      </c>
      <c r="H56" s="68">
        <v>45</v>
      </c>
      <c r="I56" s="68">
        <v>26</v>
      </c>
      <c r="J56" s="68">
        <v>19</v>
      </c>
      <c r="K56" s="67">
        <v>34</v>
      </c>
      <c r="L56" s="79">
        <v>21</v>
      </c>
      <c r="M56" s="80">
        <v>13</v>
      </c>
    </row>
    <row r="57" spans="1:13">
      <c r="A57" s="15" t="s">
        <v>104</v>
      </c>
      <c r="B57" s="67">
        <v>13</v>
      </c>
      <c r="C57" s="68">
        <v>14</v>
      </c>
      <c r="D57" s="68">
        <v>-1</v>
      </c>
      <c r="E57" s="67">
        <v>1</v>
      </c>
      <c r="F57" s="68">
        <v>0</v>
      </c>
      <c r="G57" s="69">
        <v>1</v>
      </c>
      <c r="H57" s="68">
        <v>33</v>
      </c>
      <c r="I57" s="68">
        <v>21</v>
      </c>
      <c r="J57" s="68">
        <v>12</v>
      </c>
      <c r="K57" s="67">
        <v>19</v>
      </c>
      <c r="L57" s="79">
        <v>7</v>
      </c>
      <c r="M57" s="80">
        <v>12</v>
      </c>
    </row>
    <row r="58" spans="1:13">
      <c r="A58" s="15" t="s">
        <v>106</v>
      </c>
      <c r="B58" s="67">
        <v>7</v>
      </c>
      <c r="C58" s="68">
        <v>9</v>
      </c>
      <c r="D58" s="68">
        <v>-2</v>
      </c>
      <c r="E58" s="67">
        <v>2</v>
      </c>
      <c r="F58" s="68">
        <v>1</v>
      </c>
      <c r="G58" s="69">
        <v>1</v>
      </c>
      <c r="H58" s="68">
        <v>40</v>
      </c>
      <c r="I58" s="68">
        <v>24</v>
      </c>
      <c r="J58" s="68">
        <v>16</v>
      </c>
      <c r="K58" s="67">
        <v>31</v>
      </c>
      <c r="L58" s="79">
        <v>14</v>
      </c>
      <c r="M58" s="80">
        <v>17</v>
      </c>
    </row>
    <row r="59" spans="1:13">
      <c r="A59" s="15" t="s">
        <v>108</v>
      </c>
      <c r="B59" s="67">
        <v>-11</v>
      </c>
      <c r="C59" s="68">
        <v>-11</v>
      </c>
      <c r="D59" s="68">
        <v>0</v>
      </c>
      <c r="E59" s="67">
        <v>3</v>
      </c>
      <c r="F59" s="68">
        <v>2</v>
      </c>
      <c r="G59" s="69">
        <v>1</v>
      </c>
      <c r="H59" s="68">
        <v>31</v>
      </c>
      <c r="I59" s="68">
        <v>15</v>
      </c>
      <c r="J59" s="68">
        <v>16</v>
      </c>
      <c r="K59" s="67">
        <v>39</v>
      </c>
      <c r="L59" s="79">
        <v>24</v>
      </c>
      <c r="M59" s="80">
        <v>15</v>
      </c>
    </row>
    <row r="60" spans="1:13" ht="21" customHeight="1">
      <c r="A60" s="36" t="s">
        <v>110</v>
      </c>
      <c r="B60" s="64">
        <v>30</v>
      </c>
      <c r="C60" s="65">
        <v>21</v>
      </c>
      <c r="D60" s="65">
        <v>9</v>
      </c>
      <c r="E60" s="64">
        <v>3</v>
      </c>
      <c r="F60" s="65">
        <v>2</v>
      </c>
      <c r="G60" s="66">
        <v>1</v>
      </c>
      <c r="H60" s="65">
        <v>158</v>
      </c>
      <c r="I60" s="65">
        <v>85</v>
      </c>
      <c r="J60" s="65">
        <v>73</v>
      </c>
      <c r="K60" s="64">
        <v>125</v>
      </c>
      <c r="L60" s="77">
        <v>62</v>
      </c>
      <c r="M60" s="78">
        <v>63</v>
      </c>
    </row>
    <row r="61" spans="1:13">
      <c r="A61" s="15" t="s">
        <v>112</v>
      </c>
      <c r="B61" s="67">
        <v>14</v>
      </c>
      <c r="C61" s="68">
        <v>10</v>
      </c>
      <c r="D61" s="68">
        <v>4</v>
      </c>
      <c r="E61" s="67">
        <v>0</v>
      </c>
      <c r="F61" s="68">
        <v>0</v>
      </c>
      <c r="G61" s="69">
        <v>0</v>
      </c>
      <c r="H61" s="68">
        <v>37</v>
      </c>
      <c r="I61" s="68">
        <v>22</v>
      </c>
      <c r="J61" s="68">
        <v>15</v>
      </c>
      <c r="K61" s="67">
        <v>23</v>
      </c>
      <c r="L61" s="79">
        <v>12</v>
      </c>
      <c r="M61" s="80">
        <v>11</v>
      </c>
    </row>
    <row r="62" spans="1:13">
      <c r="A62" s="15" t="s">
        <v>114</v>
      </c>
      <c r="B62" s="67">
        <v>10</v>
      </c>
      <c r="C62" s="68">
        <v>0</v>
      </c>
      <c r="D62" s="68">
        <v>10</v>
      </c>
      <c r="E62" s="67">
        <v>0</v>
      </c>
      <c r="F62" s="68">
        <v>0</v>
      </c>
      <c r="G62" s="69">
        <v>0</v>
      </c>
      <c r="H62" s="68">
        <v>34</v>
      </c>
      <c r="I62" s="68">
        <v>14</v>
      </c>
      <c r="J62" s="68">
        <v>20</v>
      </c>
      <c r="K62" s="67">
        <v>24</v>
      </c>
      <c r="L62" s="79">
        <v>14</v>
      </c>
      <c r="M62" s="80">
        <v>10</v>
      </c>
    </row>
    <row r="63" spans="1:13">
      <c r="A63" s="15" t="s">
        <v>116</v>
      </c>
      <c r="B63" s="67">
        <v>-3</v>
      </c>
      <c r="C63" s="68">
        <v>1</v>
      </c>
      <c r="D63" s="68">
        <v>-4</v>
      </c>
      <c r="E63" s="67">
        <v>2</v>
      </c>
      <c r="F63" s="68">
        <v>2</v>
      </c>
      <c r="G63" s="69">
        <v>0</v>
      </c>
      <c r="H63" s="68">
        <v>28</v>
      </c>
      <c r="I63" s="68">
        <v>16</v>
      </c>
      <c r="J63" s="68">
        <v>12</v>
      </c>
      <c r="K63" s="67">
        <v>29</v>
      </c>
      <c r="L63" s="79">
        <v>13</v>
      </c>
      <c r="M63" s="80">
        <v>16</v>
      </c>
    </row>
    <row r="64" spans="1:13">
      <c r="A64" s="15" t="s">
        <v>118</v>
      </c>
      <c r="B64" s="67">
        <v>0</v>
      </c>
      <c r="C64" s="68">
        <v>-1</v>
      </c>
      <c r="D64" s="68">
        <v>1</v>
      </c>
      <c r="E64" s="67">
        <v>1</v>
      </c>
      <c r="F64" s="68">
        <v>0</v>
      </c>
      <c r="G64" s="69">
        <v>1</v>
      </c>
      <c r="H64" s="68">
        <v>26</v>
      </c>
      <c r="I64" s="68">
        <v>11</v>
      </c>
      <c r="J64" s="68">
        <v>15</v>
      </c>
      <c r="K64" s="67">
        <v>25</v>
      </c>
      <c r="L64" s="79">
        <v>12</v>
      </c>
      <c r="M64" s="80">
        <v>13</v>
      </c>
    </row>
    <row r="65" spans="1:13">
      <c r="A65" s="19" t="s">
        <v>120</v>
      </c>
      <c r="B65" s="70">
        <v>9</v>
      </c>
      <c r="C65" s="71">
        <v>11</v>
      </c>
      <c r="D65" s="71">
        <v>-2</v>
      </c>
      <c r="E65" s="70">
        <v>0</v>
      </c>
      <c r="F65" s="71">
        <v>0</v>
      </c>
      <c r="G65" s="72">
        <v>0</v>
      </c>
      <c r="H65" s="71">
        <v>33</v>
      </c>
      <c r="I65" s="71">
        <v>22</v>
      </c>
      <c r="J65" s="71">
        <v>11</v>
      </c>
      <c r="K65" s="70">
        <v>24</v>
      </c>
      <c r="L65" s="81">
        <v>11</v>
      </c>
      <c r="M65" s="82">
        <v>13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314</v>
      </c>
      <c r="C69" s="50">
        <v>160</v>
      </c>
      <c r="D69" s="84">
        <v>154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96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219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3</v>
      </c>
      <c r="C75" s="65">
        <v>5</v>
      </c>
      <c r="D75" s="65">
        <v>-8</v>
      </c>
      <c r="E75" s="64">
        <v>15</v>
      </c>
      <c r="F75" s="65">
        <v>9</v>
      </c>
      <c r="G75" s="66">
        <v>6</v>
      </c>
      <c r="H75" s="65">
        <v>143</v>
      </c>
      <c r="I75" s="65">
        <v>82</v>
      </c>
      <c r="J75" s="65">
        <v>61</v>
      </c>
      <c r="K75" s="64">
        <v>131</v>
      </c>
      <c r="L75" s="77">
        <v>68</v>
      </c>
      <c r="M75" s="78">
        <v>63</v>
      </c>
    </row>
    <row r="76" spans="1:13">
      <c r="A76" s="27" t="s">
        <v>5</v>
      </c>
      <c r="B76" s="67">
        <v>3</v>
      </c>
      <c r="C76" s="68">
        <v>6</v>
      </c>
      <c r="D76" s="68">
        <v>-3</v>
      </c>
      <c r="E76" s="67">
        <v>1</v>
      </c>
      <c r="F76" s="68">
        <v>1</v>
      </c>
      <c r="G76" s="69">
        <v>0</v>
      </c>
      <c r="H76" s="68">
        <v>28</v>
      </c>
      <c r="I76" s="68">
        <v>16</v>
      </c>
      <c r="J76" s="68">
        <v>12</v>
      </c>
      <c r="K76" s="67">
        <v>24</v>
      </c>
      <c r="L76" s="79">
        <v>9</v>
      </c>
      <c r="M76" s="80">
        <v>15</v>
      </c>
    </row>
    <row r="77" spans="1:13">
      <c r="A77" s="27" t="s">
        <v>7</v>
      </c>
      <c r="B77" s="67">
        <v>8</v>
      </c>
      <c r="C77" s="68">
        <v>-1</v>
      </c>
      <c r="D77" s="68">
        <v>9</v>
      </c>
      <c r="E77" s="67">
        <v>2</v>
      </c>
      <c r="F77" s="68">
        <v>2</v>
      </c>
      <c r="G77" s="69">
        <v>0</v>
      </c>
      <c r="H77" s="68">
        <v>41</v>
      </c>
      <c r="I77" s="68">
        <v>20</v>
      </c>
      <c r="J77" s="68">
        <v>21</v>
      </c>
      <c r="K77" s="67">
        <v>31</v>
      </c>
      <c r="L77" s="79">
        <v>19</v>
      </c>
      <c r="M77" s="80">
        <v>12</v>
      </c>
    </row>
    <row r="78" spans="1:13">
      <c r="A78" s="27" t="s">
        <v>9</v>
      </c>
      <c r="B78" s="67">
        <v>-2</v>
      </c>
      <c r="C78" s="68">
        <v>3</v>
      </c>
      <c r="D78" s="68">
        <v>-5</v>
      </c>
      <c r="E78" s="67">
        <v>3</v>
      </c>
      <c r="F78" s="68">
        <v>2</v>
      </c>
      <c r="G78" s="69">
        <v>1</v>
      </c>
      <c r="H78" s="68">
        <v>25</v>
      </c>
      <c r="I78" s="68">
        <v>16</v>
      </c>
      <c r="J78" s="68">
        <v>9</v>
      </c>
      <c r="K78" s="67">
        <v>24</v>
      </c>
      <c r="L78" s="79">
        <v>11</v>
      </c>
      <c r="M78" s="80">
        <v>13</v>
      </c>
    </row>
    <row r="79" spans="1:13">
      <c r="A79" s="27" t="s">
        <v>11</v>
      </c>
      <c r="B79" s="67">
        <v>4</v>
      </c>
      <c r="C79" s="68">
        <v>5</v>
      </c>
      <c r="D79" s="68">
        <v>-1</v>
      </c>
      <c r="E79" s="67">
        <v>4</v>
      </c>
      <c r="F79" s="68">
        <v>1</v>
      </c>
      <c r="G79" s="69">
        <v>3</v>
      </c>
      <c r="H79" s="68">
        <v>30</v>
      </c>
      <c r="I79" s="68">
        <v>17</v>
      </c>
      <c r="J79" s="68">
        <v>13</v>
      </c>
      <c r="K79" s="67">
        <v>22</v>
      </c>
      <c r="L79" s="79">
        <v>11</v>
      </c>
      <c r="M79" s="80">
        <v>11</v>
      </c>
    </row>
    <row r="80" spans="1:13">
      <c r="A80" s="27" t="s">
        <v>13</v>
      </c>
      <c r="B80" s="67">
        <v>-16</v>
      </c>
      <c r="C80" s="68">
        <v>-8</v>
      </c>
      <c r="D80" s="68">
        <v>-8</v>
      </c>
      <c r="E80" s="67">
        <v>5</v>
      </c>
      <c r="F80" s="68">
        <v>3</v>
      </c>
      <c r="G80" s="69">
        <v>2</v>
      </c>
      <c r="H80" s="68">
        <v>19</v>
      </c>
      <c r="I80" s="68">
        <v>13</v>
      </c>
      <c r="J80" s="68">
        <v>6</v>
      </c>
      <c r="K80" s="67">
        <v>30</v>
      </c>
      <c r="L80" s="79">
        <v>18</v>
      </c>
      <c r="M80" s="80">
        <v>12</v>
      </c>
    </row>
    <row r="81" spans="1:13" ht="21" customHeight="1">
      <c r="A81" s="38" t="s">
        <v>15</v>
      </c>
      <c r="B81" s="64">
        <v>-8</v>
      </c>
      <c r="C81" s="65">
        <v>7</v>
      </c>
      <c r="D81" s="65">
        <v>-15</v>
      </c>
      <c r="E81" s="64">
        <v>10</v>
      </c>
      <c r="F81" s="65">
        <v>8</v>
      </c>
      <c r="G81" s="66">
        <v>2</v>
      </c>
      <c r="H81" s="65">
        <v>131</v>
      </c>
      <c r="I81" s="65">
        <v>73</v>
      </c>
      <c r="J81" s="65">
        <v>58</v>
      </c>
      <c r="K81" s="64">
        <v>129</v>
      </c>
      <c r="L81" s="77">
        <v>58</v>
      </c>
      <c r="M81" s="78">
        <v>71</v>
      </c>
    </row>
    <row r="82" spans="1:13">
      <c r="A82" s="27" t="s">
        <v>17</v>
      </c>
      <c r="B82" s="67">
        <v>-2</v>
      </c>
      <c r="C82" s="68">
        <v>-2</v>
      </c>
      <c r="D82" s="68">
        <v>0</v>
      </c>
      <c r="E82" s="67">
        <v>3</v>
      </c>
      <c r="F82" s="68">
        <v>2</v>
      </c>
      <c r="G82" s="69">
        <v>1</v>
      </c>
      <c r="H82" s="68">
        <v>34</v>
      </c>
      <c r="I82" s="68">
        <v>17</v>
      </c>
      <c r="J82" s="68">
        <v>17</v>
      </c>
      <c r="K82" s="67">
        <v>33</v>
      </c>
      <c r="L82" s="79">
        <v>17</v>
      </c>
      <c r="M82" s="80">
        <v>16</v>
      </c>
    </row>
    <row r="83" spans="1:13">
      <c r="A83" s="27" t="s">
        <v>19</v>
      </c>
      <c r="B83" s="67">
        <v>-4</v>
      </c>
      <c r="C83" s="68">
        <v>2</v>
      </c>
      <c r="D83" s="68">
        <v>-6</v>
      </c>
      <c r="E83" s="67">
        <v>1</v>
      </c>
      <c r="F83" s="68">
        <v>0</v>
      </c>
      <c r="G83" s="69">
        <v>1</v>
      </c>
      <c r="H83" s="68">
        <v>23</v>
      </c>
      <c r="I83" s="68">
        <v>14</v>
      </c>
      <c r="J83" s="68">
        <v>9</v>
      </c>
      <c r="K83" s="67">
        <v>26</v>
      </c>
      <c r="L83" s="79">
        <v>12</v>
      </c>
      <c r="M83" s="80">
        <v>14</v>
      </c>
    </row>
    <row r="84" spans="1:13">
      <c r="A84" s="27" t="s">
        <v>21</v>
      </c>
      <c r="B84" s="67">
        <v>3</v>
      </c>
      <c r="C84" s="68">
        <v>8</v>
      </c>
      <c r="D84" s="68">
        <v>-5</v>
      </c>
      <c r="E84" s="67">
        <v>2</v>
      </c>
      <c r="F84" s="68">
        <v>2</v>
      </c>
      <c r="G84" s="69">
        <v>0</v>
      </c>
      <c r="H84" s="68">
        <v>30</v>
      </c>
      <c r="I84" s="68">
        <v>19</v>
      </c>
      <c r="J84" s="68">
        <v>11</v>
      </c>
      <c r="K84" s="67">
        <v>25</v>
      </c>
      <c r="L84" s="79">
        <v>9</v>
      </c>
      <c r="M84" s="80">
        <v>16</v>
      </c>
    </row>
    <row r="85" spans="1:13">
      <c r="A85" s="27" t="s">
        <v>23</v>
      </c>
      <c r="B85" s="67">
        <v>-2</v>
      </c>
      <c r="C85" s="68">
        <v>4</v>
      </c>
      <c r="D85" s="68">
        <v>-6</v>
      </c>
      <c r="E85" s="67">
        <v>2</v>
      </c>
      <c r="F85" s="68">
        <v>2</v>
      </c>
      <c r="G85" s="69">
        <v>0</v>
      </c>
      <c r="H85" s="68">
        <v>22</v>
      </c>
      <c r="I85" s="68">
        <v>13</v>
      </c>
      <c r="J85" s="68">
        <v>9</v>
      </c>
      <c r="K85" s="67">
        <v>22</v>
      </c>
      <c r="L85" s="79">
        <v>7</v>
      </c>
      <c r="M85" s="80">
        <v>15</v>
      </c>
    </row>
    <row r="86" spans="1:13">
      <c r="A86" s="27" t="s">
        <v>25</v>
      </c>
      <c r="B86" s="67">
        <v>-3</v>
      </c>
      <c r="C86" s="68">
        <v>-5</v>
      </c>
      <c r="D86" s="68">
        <v>2</v>
      </c>
      <c r="E86" s="67">
        <v>2</v>
      </c>
      <c r="F86" s="68">
        <v>2</v>
      </c>
      <c r="G86" s="69">
        <v>0</v>
      </c>
      <c r="H86" s="68">
        <v>22</v>
      </c>
      <c r="I86" s="68">
        <v>10</v>
      </c>
      <c r="J86" s="68">
        <v>12</v>
      </c>
      <c r="K86" s="67">
        <v>23</v>
      </c>
      <c r="L86" s="79">
        <v>13</v>
      </c>
      <c r="M86" s="80">
        <v>10</v>
      </c>
    </row>
    <row r="87" spans="1:13" ht="21" customHeight="1">
      <c r="A87" s="38" t="s">
        <v>27</v>
      </c>
      <c r="B87" s="64">
        <v>-8</v>
      </c>
      <c r="C87" s="65">
        <v>-8</v>
      </c>
      <c r="D87" s="65">
        <v>0</v>
      </c>
      <c r="E87" s="64">
        <v>18</v>
      </c>
      <c r="F87" s="65">
        <v>12</v>
      </c>
      <c r="G87" s="66">
        <v>6</v>
      </c>
      <c r="H87" s="65">
        <v>80</v>
      </c>
      <c r="I87" s="65">
        <v>42</v>
      </c>
      <c r="J87" s="65">
        <v>38</v>
      </c>
      <c r="K87" s="64">
        <v>70</v>
      </c>
      <c r="L87" s="77">
        <v>38</v>
      </c>
      <c r="M87" s="78">
        <v>32</v>
      </c>
    </row>
    <row r="88" spans="1:13">
      <c r="A88" s="27" t="s">
        <v>29</v>
      </c>
      <c r="B88" s="67">
        <v>5</v>
      </c>
      <c r="C88" s="68">
        <v>2</v>
      </c>
      <c r="D88" s="68">
        <v>3</v>
      </c>
      <c r="E88" s="67">
        <v>2</v>
      </c>
      <c r="F88" s="68">
        <v>1</v>
      </c>
      <c r="G88" s="69">
        <v>1</v>
      </c>
      <c r="H88" s="68">
        <v>20</v>
      </c>
      <c r="I88" s="68">
        <v>11</v>
      </c>
      <c r="J88" s="68">
        <v>9</v>
      </c>
      <c r="K88" s="67">
        <v>13</v>
      </c>
      <c r="L88" s="79">
        <v>8</v>
      </c>
      <c r="M88" s="80">
        <v>5</v>
      </c>
    </row>
    <row r="89" spans="1:13">
      <c r="A89" s="27" t="s">
        <v>31</v>
      </c>
      <c r="B89" s="67">
        <v>5</v>
      </c>
      <c r="C89" s="68">
        <v>4</v>
      </c>
      <c r="D89" s="68">
        <v>1</v>
      </c>
      <c r="E89" s="67">
        <v>4</v>
      </c>
      <c r="F89" s="68">
        <v>2</v>
      </c>
      <c r="G89" s="69">
        <v>2</v>
      </c>
      <c r="H89" s="68">
        <v>26</v>
      </c>
      <c r="I89" s="68">
        <v>17</v>
      </c>
      <c r="J89" s="68">
        <v>9</v>
      </c>
      <c r="K89" s="67">
        <v>17</v>
      </c>
      <c r="L89" s="79">
        <v>11</v>
      </c>
      <c r="M89" s="80">
        <v>6</v>
      </c>
    </row>
    <row r="90" spans="1:13">
      <c r="A90" s="27" t="s">
        <v>33</v>
      </c>
      <c r="B90" s="67">
        <v>-11</v>
      </c>
      <c r="C90" s="68">
        <v>-8</v>
      </c>
      <c r="D90" s="68">
        <v>-3</v>
      </c>
      <c r="E90" s="67">
        <v>4</v>
      </c>
      <c r="F90" s="68">
        <v>3</v>
      </c>
      <c r="G90" s="69">
        <v>1</v>
      </c>
      <c r="H90" s="68">
        <v>10</v>
      </c>
      <c r="I90" s="68">
        <v>1</v>
      </c>
      <c r="J90" s="68">
        <v>9</v>
      </c>
      <c r="K90" s="67">
        <v>17</v>
      </c>
      <c r="L90" s="79">
        <v>6</v>
      </c>
      <c r="M90" s="80">
        <v>11</v>
      </c>
    </row>
    <row r="91" spans="1:13">
      <c r="A91" s="27" t="s">
        <v>35</v>
      </c>
      <c r="B91" s="67">
        <v>-8</v>
      </c>
      <c r="C91" s="68">
        <v>-6</v>
      </c>
      <c r="D91" s="68">
        <v>-2</v>
      </c>
      <c r="E91" s="67">
        <v>6</v>
      </c>
      <c r="F91" s="68">
        <v>5</v>
      </c>
      <c r="G91" s="69">
        <v>1</v>
      </c>
      <c r="H91" s="68">
        <v>10</v>
      </c>
      <c r="I91" s="68">
        <v>6</v>
      </c>
      <c r="J91" s="68">
        <v>4</v>
      </c>
      <c r="K91" s="67">
        <v>12</v>
      </c>
      <c r="L91" s="79">
        <v>7</v>
      </c>
      <c r="M91" s="80">
        <v>5</v>
      </c>
    </row>
    <row r="92" spans="1:13">
      <c r="A92" s="27" t="s">
        <v>37</v>
      </c>
      <c r="B92" s="67">
        <v>1</v>
      </c>
      <c r="C92" s="68">
        <v>0</v>
      </c>
      <c r="D92" s="68">
        <v>1</v>
      </c>
      <c r="E92" s="67">
        <v>2</v>
      </c>
      <c r="F92" s="68">
        <v>1</v>
      </c>
      <c r="G92" s="69">
        <v>1</v>
      </c>
      <c r="H92" s="68">
        <v>14</v>
      </c>
      <c r="I92" s="68">
        <v>7</v>
      </c>
      <c r="J92" s="68">
        <v>7</v>
      </c>
      <c r="K92" s="67">
        <v>11</v>
      </c>
      <c r="L92" s="79">
        <v>6</v>
      </c>
      <c r="M92" s="80">
        <v>5</v>
      </c>
    </row>
    <row r="93" spans="1:13" ht="21" customHeight="1">
      <c r="A93" s="38" t="s">
        <v>39</v>
      </c>
      <c r="B93" s="64">
        <v>-32</v>
      </c>
      <c r="C93" s="65">
        <v>-14</v>
      </c>
      <c r="D93" s="65">
        <v>-18</v>
      </c>
      <c r="E93" s="64">
        <v>26</v>
      </c>
      <c r="F93" s="65">
        <v>14</v>
      </c>
      <c r="G93" s="66">
        <v>12</v>
      </c>
      <c r="H93" s="65">
        <v>46</v>
      </c>
      <c r="I93" s="65">
        <v>28</v>
      </c>
      <c r="J93" s="65">
        <v>18</v>
      </c>
      <c r="K93" s="64">
        <v>52</v>
      </c>
      <c r="L93" s="77">
        <v>28</v>
      </c>
      <c r="M93" s="78">
        <v>24</v>
      </c>
    </row>
    <row r="94" spans="1:13">
      <c r="A94" s="27" t="s">
        <v>41</v>
      </c>
      <c r="B94" s="67">
        <v>-4</v>
      </c>
      <c r="C94" s="68">
        <v>-1</v>
      </c>
      <c r="D94" s="68">
        <v>-3</v>
      </c>
      <c r="E94" s="67">
        <v>4</v>
      </c>
      <c r="F94" s="68">
        <v>3</v>
      </c>
      <c r="G94" s="69">
        <v>1</v>
      </c>
      <c r="H94" s="68">
        <v>11</v>
      </c>
      <c r="I94" s="68">
        <v>6</v>
      </c>
      <c r="J94" s="68">
        <v>5</v>
      </c>
      <c r="K94" s="67">
        <v>11</v>
      </c>
      <c r="L94" s="79">
        <v>4</v>
      </c>
      <c r="M94" s="80">
        <v>7</v>
      </c>
    </row>
    <row r="95" spans="1:13">
      <c r="A95" s="27" t="s">
        <v>43</v>
      </c>
      <c r="B95" s="67">
        <v>-7</v>
      </c>
      <c r="C95" s="68">
        <v>-5</v>
      </c>
      <c r="D95" s="68">
        <v>-2</v>
      </c>
      <c r="E95" s="67">
        <v>4</v>
      </c>
      <c r="F95" s="68">
        <v>3</v>
      </c>
      <c r="G95" s="69">
        <v>1</v>
      </c>
      <c r="H95" s="68">
        <v>9</v>
      </c>
      <c r="I95" s="68">
        <v>5</v>
      </c>
      <c r="J95" s="68">
        <v>4</v>
      </c>
      <c r="K95" s="67">
        <v>12</v>
      </c>
      <c r="L95" s="79">
        <v>7</v>
      </c>
      <c r="M95" s="80">
        <v>5</v>
      </c>
    </row>
    <row r="96" spans="1:13">
      <c r="A96" s="27" t="s">
        <v>45</v>
      </c>
      <c r="B96" s="67">
        <v>-10</v>
      </c>
      <c r="C96" s="68">
        <v>-9</v>
      </c>
      <c r="D96" s="68">
        <v>-1</v>
      </c>
      <c r="E96" s="67">
        <v>7</v>
      </c>
      <c r="F96" s="68">
        <v>5</v>
      </c>
      <c r="G96" s="69">
        <v>2</v>
      </c>
      <c r="H96" s="68">
        <v>7</v>
      </c>
      <c r="I96" s="68">
        <v>4</v>
      </c>
      <c r="J96" s="68">
        <v>3</v>
      </c>
      <c r="K96" s="67">
        <v>10</v>
      </c>
      <c r="L96" s="79">
        <v>8</v>
      </c>
      <c r="M96" s="80">
        <v>2</v>
      </c>
    </row>
    <row r="97" spans="1:13">
      <c r="A97" s="27" t="s">
        <v>47</v>
      </c>
      <c r="B97" s="67">
        <v>-3</v>
      </c>
      <c r="C97" s="68">
        <v>1</v>
      </c>
      <c r="D97" s="68">
        <v>-4</v>
      </c>
      <c r="E97" s="67">
        <v>6</v>
      </c>
      <c r="F97" s="68">
        <v>2</v>
      </c>
      <c r="G97" s="69">
        <v>4</v>
      </c>
      <c r="H97" s="68">
        <v>10</v>
      </c>
      <c r="I97" s="68">
        <v>7</v>
      </c>
      <c r="J97" s="68">
        <v>3</v>
      </c>
      <c r="K97" s="67">
        <v>7</v>
      </c>
      <c r="L97" s="79">
        <v>4</v>
      </c>
      <c r="M97" s="80">
        <v>3</v>
      </c>
    </row>
    <row r="98" spans="1:13">
      <c r="A98" s="27" t="s">
        <v>49</v>
      </c>
      <c r="B98" s="67">
        <v>-8</v>
      </c>
      <c r="C98" s="68">
        <v>0</v>
      </c>
      <c r="D98" s="68">
        <v>-8</v>
      </c>
      <c r="E98" s="67">
        <v>5</v>
      </c>
      <c r="F98" s="68">
        <v>1</v>
      </c>
      <c r="G98" s="69">
        <v>4</v>
      </c>
      <c r="H98" s="68">
        <v>9</v>
      </c>
      <c r="I98" s="68">
        <v>6</v>
      </c>
      <c r="J98" s="68">
        <v>3</v>
      </c>
      <c r="K98" s="67">
        <v>12</v>
      </c>
      <c r="L98" s="79">
        <v>5</v>
      </c>
      <c r="M98" s="80">
        <v>7</v>
      </c>
    </row>
    <row r="99" spans="1:13" ht="21" customHeight="1">
      <c r="A99" s="38" t="s">
        <v>51</v>
      </c>
      <c r="B99" s="64">
        <v>-63</v>
      </c>
      <c r="C99" s="65">
        <v>-37</v>
      </c>
      <c r="D99" s="65">
        <v>-26</v>
      </c>
      <c r="E99" s="64">
        <v>55</v>
      </c>
      <c r="F99" s="65">
        <v>34</v>
      </c>
      <c r="G99" s="66">
        <v>21</v>
      </c>
      <c r="H99" s="65">
        <v>46</v>
      </c>
      <c r="I99" s="65">
        <v>24</v>
      </c>
      <c r="J99" s="65">
        <v>22</v>
      </c>
      <c r="K99" s="64">
        <v>54</v>
      </c>
      <c r="L99" s="77">
        <v>27</v>
      </c>
      <c r="M99" s="78">
        <v>27</v>
      </c>
    </row>
    <row r="100" spans="1:13">
      <c r="A100" s="27" t="s">
        <v>53</v>
      </c>
      <c r="B100" s="67">
        <v>-12</v>
      </c>
      <c r="C100" s="68">
        <v>-9</v>
      </c>
      <c r="D100" s="68">
        <v>-3</v>
      </c>
      <c r="E100" s="67">
        <v>7</v>
      </c>
      <c r="F100" s="68">
        <v>4</v>
      </c>
      <c r="G100" s="69">
        <v>3</v>
      </c>
      <c r="H100" s="68">
        <v>7</v>
      </c>
      <c r="I100" s="68">
        <v>3</v>
      </c>
      <c r="J100" s="68">
        <v>4</v>
      </c>
      <c r="K100" s="67">
        <v>12</v>
      </c>
      <c r="L100" s="79">
        <v>8</v>
      </c>
      <c r="M100" s="80">
        <v>4</v>
      </c>
    </row>
    <row r="101" spans="1:13">
      <c r="A101" s="27" t="s">
        <v>55</v>
      </c>
      <c r="B101" s="67">
        <v>-10</v>
      </c>
      <c r="C101" s="68">
        <v>-6</v>
      </c>
      <c r="D101" s="68">
        <v>-4</v>
      </c>
      <c r="E101" s="67">
        <v>10</v>
      </c>
      <c r="F101" s="68">
        <v>7</v>
      </c>
      <c r="G101" s="69">
        <v>3</v>
      </c>
      <c r="H101" s="68">
        <v>9</v>
      </c>
      <c r="I101" s="68">
        <v>7</v>
      </c>
      <c r="J101" s="68">
        <v>2</v>
      </c>
      <c r="K101" s="67">
        <v>9</v>
      </c>
      <c r="L101" s="79">
        <v>6</v>
      </c>
      <c r="M101" s="80">
        <v>3</v>
      </c>
    </row>
    <row r="102" spans="1:13">
      <c r="A102" s="27" t="s">
        <v>57</v>
      </c>
      <c r="B102" s="67">
        <v>-14</v>
      </c>
      <c r="C102" s="68">
        <v>-6</v>
      </c>
      <c r="D102" s="68">
        <v>-8</v>
      </c>
      <c r="E102" s="67">
        <v>7</v>
      </c>
      <c r="F102" s="68">
        <v>4</v>
      </c>
      <c r="G102" s="69">
        <v>3</v>
      </c>
      <c r="H102" s="68">
        <v>6</v>
      </c>
      <c r="I102" s="68">
        <v>4</v>
      </c>
      <c r="J102" s="68">
        <v>2</v>
      </c>
      <c r="K102" s="67">
        <v>13</v>
      </c>
      <c r="L102" s="79">
        <v>6</v>
      </c>
      <c r="M102" s="80">
        <v>7</v>
      </c>
    </row>
    <row r="103" spans="1:13">
      <c r="A103" s="27" t="s">
        <v>59</v>
      </c>
      <c r="B103" s="67">
        <v>-5</v>
      </c>
      <c r="C103" s="68">
        <v>-4</v>
      </c>
      <c r="D103" s="68">
        <v>-1</v>
      </c>
      <c r="E103" s="67">
        <v>10</v>
      </c>
      <c r="F103" s="68">
        <v>7</v>
      </c>
      <c r="G103" s="69">
        <v>3</v>
      </c>
      <c r="H103" s="68">
        <v>15</v>
      </c>
      <c r="I103" s="68">
        <v>8</v>
      </c>
      <c r="J103" s="68">
        <v>7</v>
      </c>
      <c r="K103" s="67">
        <v>10</v>
      </c>
      <c r="L103" s="79">
        <v>5</v>
      </c>
      <c r="M103" s="80">
        <v>5</v>
      </c>
    </row>
    <row r="104" spans="1:13">
      <c r="A104" s="27" t="s">
        <v>61</v>
      </c>
      <c r="B104" s="67">
        <v>-22</v>
      </c>
      <c r="C104" s="68">
        <v>-12</v>
      </c>
      <c r="D104" s="68">
        <v>-10</v>
      </c>
      <c r="E104" s="67">
        <v>21</v>
      </c>
      <c r="F104" s="68">
        <v>12</v>
      </c>
      <c r="G104" s="69">
        <v>9</v>
      </c>
      <c r="H104" s="68">
        <v>9</v>
      </c>
      <c r="I104" s="68">
        <v>2</v>
      </c>
      <c r="J104" s="68">
        <v>7</v>
      </c>
      <c r="K104" s="67">
        <v>10</v>
      </c>
      <c r="L104" s="79">
        <v>2</v>
      </c>
      <c r="M104" s="80">
        <v>8</v>
      </c>
    </row>
    <row r="105" spans="1:13" ht="21" customHeight="1">
      <c r="A105" s="38" t="s">
        <v>63</v>
      </c>
      <c r="B105" s="64">
        <v>-76</v>
      </c>
      <c r="C105" s="65">
        <v>-54</v>
      </c>
      <c r="D105" s="65">
        <v>-22</v>
      </c>
      <c r="E105" s="64">
        <v>75</v>
      </c>
      <c r="F105" s="65">
        <v>53</v>
      </c>
      <c r="G105" s="66">
        <v>22</v>
      </c>
      <c r="H105" s="65">
        <v>39</v>
      </c>
      <c r="I105" s="65">
        <v>16</v>
      </c>
      <c r="J105" s="65">
        <v>23</v>
      </c>
      <c r="K105" s="64">
        <v>40</v>
      </c>
      <c r="L105" s="77">
        <v>17</v>
      </c>
      <c r="M105" s="78">
        <v>23</v>
      </c>
    </row>
    <row r="106" spans="1:13">
      <c r="A106" s="27" t="s">
        <v>65</v>
      </c>
      <c r="B106" s="67">
        <v>-31</v>
      </c>
      <c r="C106" s="68">
        <v>-19</v>
      </c>
      <c r="D106" s="68">
        <v>-12</v>
      </c>
      <c r="E106" s="67">
        <v>26</v>
      </c>
      <c r="F106" s="68">
        <v>18</v>
      </c>
      <c r="G106" s="69">
        <v>8</v>
      </c>
      <c r="H106" s="68">
        <v>7</v>
      </c>
      <c r="I106" s="68">
        <v>3</v>
      </c>
      <c r="J106" s="68">
        <v>4</v>
      </c>
      <c r="K106" s="67">
        <v>12</v>
      </c>
      <c r="L106" s="79">
        <v>4</v>
      </c>
      <c r="M106" s="80">
        <v>8</v>
      </c>
    </row>
    <row r="107" spans="1:13">
      <c r="A107" s="27" t="s">
        <v>67</v>
      </c>
      <c r="B107" s="67">
        <v>-8</v>
      </c>
      <c r="C107" s="68">
        <v>-9</v>
      </c>
      <c r="D107" s="68">
        <v>1</v>
      </c>
      <c r="E107" s="67">
        <v>7</v>
      </c>
      <c r="F107" s="68">
        <v>7</v>
      </c>
      <c r="G107" s="69">
        <v>0</v>
      </c>
      <c r="H107" s="68">
        <v>7</v>
      </c>
      <c r="I107" s="68">
        <v>1</v>
      </c>
      <c r="J107" s="68">
        <v>6</v>
      </c>
      <c r="K107" s="67">
        <v>8</v>
      </c>
      <c r="L107" s="79">
        <v>3</v>
      </c>
      <c r="M107" s="80">
        <v>5</v>
      </c>
    </row>
    <row r="108" spans="1:13">
      <c r="A108" s="27" t="s">
        <v>69</v>
      </c>
      <c r="B108" s="67">
        <v>-7</v>
      </c>
      <c r="C108" s="68">
        <v>-5</v>
      </c>
      <c r="D108" s="68">
        <v>-2</v>
      </c>
      <c r="E108" s="67">
        <v>13</v>
      </c>
      <c r="F108" s="68">
        <v>5</v>
      </c>
      <c r="G108" s="69">
        <v>8</v>
      </c>
      <c r="H108" s="68">
        <v>8</v>
      </c>
      <c r="I108" s="68">
        <v>1</v>
      </c>
      <c r="J108" s="68">
        <v>7</v>
      </c>
      <c r="K108" s="67">
        <v>2</v>
      </c>
      <c r="L108" s="79">
        <v>1</v>
      </c>
      <c r="M108" s="80">
        <v>1</v>
      </c>
    </row>
    <row r="109" spans="1:13">
      <c r="A109" s="27" t="s">
        <v>71</v>
      </c>
      <c r="B109" s="67">
        <v>-18</v>
      </c>
      <c r="C109" s="68">
        <v>-11</v>
      </c>
      <c r="D109" s="68">
        <v>-7</v>
      </c>
      <c r="E109" s="67">
        <v>12</v>
      </c>
      <c r="F109" s="68">
        <v>10</v>
      </c>
      <c r="G109" s="69">
        <v>2</v>
      </c>
      <c r="H109" s="68">
        <v>5</v>
      </c>
      <c r="I109" s="68">
        <v>4</v>
      </c>
      <c r="J109" s="68">
        <v>1</v>
      </c>
      <c r="K109" s="67">
        <v>11</v>
      </c>
      <c r="L109" s="79">
        <v>5</v>
      </c>
      <c r="M109" s="80">
        <v>6</v>
      </c>
    </row>
    <row r="110" spans="1:13">
      <c r="A110" s="27" t="s">
        <v>73</v>
      </c>
      <c r="B110" s="67">
        <v>-12</v>
      </c>
      <c r="C110" s="68">
        <v>-10</v>
      </c>
      <c r="D110" s="68">
        <v>-2</v>
      </c>
      <c r="E110" s="67">
        <v>17</v>
      </c>
      <c r="F110" s="68">
        <v>13</v>
      </c>
      <c r="G110" s="69">
        <v>4</v>
      </c>
      <c r="H110" s="68">
        <v>12</v>
      </c>
      <c r="I110" s="68">
        <v>7</v>
      </c>
      <c r="J110" s="68">
        <v>5</v>
      </c>
      <c r="K110" s="67">
        <v>7</v>
      </c>
      <c r="L110" s="79">
        <v>4</v>
      </c>
      <c r="M110" s="80">
        <v>3</v>
      </c>
    </row>
    <row r="111" spans="1:13" ht="21" customHeight="1">
      <c r="A111" s="38" t="s">
        <v>75</v>
      </c>
      <c r="B111" s="64">
        <v>-115</v>
      </c>
      <c r="C111" s="65">
        <v>-70</v>
      </c>
      <c r="D111" s="65">
        <v>-45</v>
      </c>
      <c r="E111" s="64">
        <v>109</v>
      </c>
      <c r="F111" s="65">
        <v>66</v>
      </c>
      <c r="G111" s="66">
        <v>43</v>
      </c>
      <c r="H111" s="65">
        <v>29</v>
      </c>
      <c r="I111" s="65">
        <v>10</v>
      </c>
      <c r="J111" s="65">
        <v>19</v>
      </c>
      <c r="K111" s="64">
        <v>35</v>
      </c>
      <c r="L111" s="77">
        <v>14</v>
      </c>
      <c r="M111" s="78">
        <v>21</v>
      </c>
    </row>
    <row r="112" spans="1:13">
      <c r="A112" s="27" t="s">
        <v>77</v>
      </c>
      <c r="B112" s="67">
        <v>-19</v>
      </c>
      <c r="C112" s="68">
        <v>-13</v>
      </c>
      <c r="D112" s="68">
        <v>-6</v>
      </c>
      <c r="E112" s="67">
        <v>17</v>
      </c>
      <c r="F112" s="68">
        <v>11</v>
      </c>
      <c r="G112" s="69">
        <v>6</v>
      </c>
      <c r="H112" s="68">
        <v>7</v>
      </c>
      <c r="I112" s="68">
        <v>1</v>
      </c>
      <c r="J112" s="68">
        <v>6</v>
      </c>
      <c r="K112" s="67">
        <v>9</v>
      </c>
      <c r="L112" s="79">
        <v>3</v>
      </c>
      <c r="M112" s="80">
        <v>6</v>
      </c>
    </row>
    <row r="113" spans="1:13">
      <c r="A113" s="27" t="s">
        <v>79</v>
      </c>
      <c r="B113" s="67">
        <v>-21</v>
      </c>
      <c r="C113" s="68">
        <v>-13</v>
      </c>
      <c r="D113" s="68">
        <v>-8</v>
      </c>
      <c r="E113" s="67">
        <v>24</v>
      </c>
      <c r="F113" s="68">
        <v>13</v>
      </c>
      <c r="G113" s="69">
        <v>11</v>
      </c>
      <c r="H113" s="68">
        <v>7</v>
      </c>
      <c r="I113" s="68">
        <v>2</v>
      </c>
      <c r="J113" s="68">
        <v>5</v>
      </c>
      <c r="K113" s="67">
        <v>4</v>
      </c>
      <c r="L113" s="79">
        <v>2</v>
      </c>
      <c r="M113" s="80">
        <v>2</v>
      </c>
    </row>
    <row r="114" spans="1:13">
      <c r="A114" s="27" t="s">
        <v>81</v>
      </c>
      <c r="B114" s="67">
        <v>-21</v>
      </c>
      <c r="C114" s="68">
        <v>-13</v>
      </c>
      <c r="D114" s="68">
        <v>-8</v>
      </c>
      <c r="E114" s="67">
        <v>21</v>
      </c>
      <c r="F114" s="68">
        <v>12</v>
      </c>
      <c r="G114" s="69">
        <v>9</v>
      </c>
      <c r="H114" s="68">
        <v>6</v>
      </c>
      <c r="I114" s="68">
        <v>1</v>
      </c>
      <c r="J114" s="68">
        <v>5</v>
      </c>
      <c r="K114" s="67">
        <v>6</v>
      </c>
      <c r="L114" s="79">
        <v>2</v>
      </c>
      <c r="M114" s="80">
        <v>4</v>
      </c>
    </row>
    <row r="115" spans="1:13">
      <c r="A115" s="27" t="s">
        <v>83</v>
      </c>
      <c r="B115" s="67">
        <v>-28</v>
      </c>
      <c r="C115" s="68">
        <v>-15</v>
      </c>
      <c r="D115" s="68">
        <v>-13</v>
      </c>
      <c r="E115" s="67">
        <v>24</v>
      </c>
      <c r="F115" s="68">
        <v>16</v>
      </c>
      <c r="G115" s="69">
        <v>8</v>
      </c>
      <c r="H115" s="68">
        <v>4</v>
      </c>
      <c r="I115" s="68">
        <v>4</v>
      </c>
      <c r="J115" s="68">
        <v>0</v>
      </c>
      <c r="K115" s="67">
        <v>8</v>
      </c>
      <c r="L115" s="79">
        <v>3</v>
      </c>
      <c r="M115" s="80">
        <v>5</v>
      </c>
    </row>
    <row r="116" spans="1:13">
      <c r="A116" s="27" t="s">
        <v>85</v>
      </c>
      <c r="B116" s="67">
        <v>-26</v>
      </c>
      <c r="C116" s="68">
        <v>-16</v>
      </c>
      <c r="D116" s="68">
        <v>-10</v>
      </c>
      <c r="E116" s="67">
        <v>23</v>
      </c>
      <c r="F116" s="68">
        <v>14</v>
      </c>
      <c r="G116" s="69">
        <v>9</v>
      </c>
      <c r="H116" s="68">
        <v>5</v>
      </c>
      <c r="I116" s="68">
        <v>2</v>
      </c>
      <c r="J116" s="68">
        <v>3</v>
      </c>
      <c r="K116" s="67">
        <v>8</v>
      </c>
      <c r="L116" s="79">
        <v>4</v>
      </c>
      <c r="M116" s="80">
        <v>4</v>
      </c>
    </row>
    <row r="117" spans="1:13" ht="21" customHeight="1">
      <c r="A117" s="38" t="s">
        <v>87</v>
      </c>
      <c r="B117" s="64">
        <v>-195</v>
      </c>
      <c r="C117" s="65">
        <v>-95</v>
      </c>
      <c r="D117" s="65">
        <v>-100</v>
      </c>
      <c r="E117" s="64">
        <v>178</v>
      </c>
      <c r="F117" s="65">
        <v>89</v>
      </c>
      <c r="G117" s="66">
        <v>89</v>
      </c>
      <c r="H117" s="65">
        <v>19</v>
      </c>
      <c r="I117" s="65">
        <v>5</v>
      </c>
      <c r="J117" s="65">
        <v>14</v>
      </c>
      <c r="K117" s="64">
        <v>36</v>
      </c>
      <c r="L117" s="77">
        <v>11</v>
      </c>
      <c r="M117" s="78">
        <v>25</v>
      </c>
    </row>
    <row r="118" spans="1:13">
      <c r="A118" s="27" t="s">
        <v>89</v>
      </c>
      <c r="B118" s="67">
        <v>-35</v>
      </c>
      <c r="C118" s="68">
        <v>-19</v>
      </c>
      <c r="D118" s="68">
        <v>-16</v>
      </c>
      <c r="E118" s="67">
        <v>30</v>
      </c>
      <c r="F118" s="68">
        <v>19</v>
      </c>
      <c r="G118" s="69">
        <v>11</v>
      </c>
      <c r="H118" s="68">
        <v>3</v>
      </c>
      <c r="I118" s="68">
        <v>2</v>
      </c>
      <c r="J118" s="68">
        <v>1</v>
      </c>
      <c r="K118" s="67">
        <v>8</v>
      </c>
      <c r="L118" s="79">
        <v>2</v>
      </c>
      <c r="M118" s="80">
        <v>6</v>
      </c>
    </row>
    <row r="119" spans="1:13">
      <c r="A119" s="27" t="s">
        <v>91</v>
      </c>
      <c r="B119" s="67">
        <v>-38</v>
      </c>
      <c r="C119" s="68">
        <v>-16</v>
      </c>
      <c r="D119" s="68">
        <v>-22</v>
      </c>
      <c r="E119" s="67">
        <v>39</v>
      </c>
      <c r="F119" s="68">
        <v>16</v>
      </c>
      <c r="G119" s="69">
        <v>23</v>
      </c>
      <c r="H119" s="68">
        <v>6</v>
      </c>
      <c r="I119" s="68">
        <v>1</v>
      </c>
      <c r="J119" s="68">
        <v>5</v>
      </c>
      <c r="K119" s="67">
        <v>5</v>
      </c>
      <c r="L119" s="79">
        <v>1</v>
      </c>
      <c r="M119" s="80">
        <v>4</v>
      </c>
    </row>
    <row r="120" spans="1:13">
      <c r="A120" s="27" t="s">
        <v>93</v>
      </c>
      <c r="B120" s="67">
        <v>-44</v>
      </c>
      <c r="C120" s="68">
        <v>-23</v>
      </c>
      <c r="D120" s="68">
        <v>-21</v>
      </c>
      <c r="E120" s="67">
        <v>40</v>
      </c>
      <c r="F120" s="68">
        <v>21</v>
      </c>
      <c r="G120" s="69">
        <v>19</v>
      </c>
      <c r="H120" s="68">
        <v>6</v>
      </c>
      <c r="I120" s="68">
        <v>1</v>
      </c>
      <c r="J120" s="68">
        <v>5</v>
      </c>
      <c r="K120" s="67">
        <v>10</v>
      </c>
      <c r="L120" s="79">
        <v>3</v>
      </c>
      <c r="M120" s="80">
        <v>7</v>
      </c>
    </row>
    <row r="121" spans="1:13">
      <c r="A121" s="27" t="s">
        <v>95</v>
      </c>
      <c r="B121" s="67">
        <v>-30</v>
      </c>
      <c r="C121" s="68">
        <v>-10</v>
      </c>
      <c r="D121" s="68">
        <v>-20</v>
      </c>
      <c r="E121" s="67">
        <v>25</v>
      </c>
      <c r="F121" s="68">
        <v>9</v>
      </c>
      <c r="G121" s="69">
        <v>16</v>
      </c>
      <c r="H121" s="68">
        <v>3</v>
      </c>
      <c r="I121" s="68">
        <v>1</v>
      </c>
      <c r="J121" s="68">
        <v>2</v>
      </c>
      <c r="K121" s="67">
        <v>8</v>
      </c>
      <c r="L121" s="79">
        <v>2</v>
      </c>
      <c r="M121" s="80">
        <v>6</v>
      </c>
    </row>
    <row r="122" spans="1:13">
      <c r="A122" s="27" t="s">
        <v>97</v>
      </c>
      <c r="B122" s="67">
        <v>-48</v>
      </c>
      <c r="C122" s="68">
        <v>-27</v>
      </c>
      <c r="D122" s="68">
        <v>-21</v>
      </c>
      <c r="E122" s="67">
        <v>44</v>
      </c>
      <c r="F122" s="68">
        <v>24</v>
      </c>
      <c r="G122" s="69">
        <v>20</v>
      </c>
      <c r="H122" s="68">
        <v>1</v>
      </c>
      <c r="I122" s="68">
        <v>0</v>
      </c>
      <c r="J122" s="68">
        <v>1</v>
      </c>
      <c r="K122" s="67">
        <v>5</v>
      </c>
      <c r="L122" s="79">
        <v>3</v>
      </c>
      <c r="M122" s="80">
        <v>2</v>
      </c>
    </row>
    <row r="123" spans="1:13" ht="21" customHeight="1">
      <c r="A123" s="38" t="s">
        <v>99</v>
      </c>
      <c r="B123" s="64">
        <v>-181</v>
      </c>
      <c r="C123" s="65">
        <v>-77</v>
      </c>
      <c r="D123" s="65">
        <v>-104</v>
      </c>
      <c r="E123" s="64">
        <v>177</v>
      </c>
      <c r="F123" s="65">
        <v>77</v>
      </c>
      <c r="G123" s="66">
        <v>100</v>
      </c>
      <c r="H123" s="65">
        <v>16</v>
      </c>
      <c r="I123" s="65">
        <v>4</v>
      </c>
      <c r="J123" s="65">
        <v>12</v>
      </c>
      <c r="K123" s="64">
        <v>20</v>
      </c>
      <c r="L123" s="77">
        <v>4</v>
      </c>
      <c r="M123" s="78">
        <v>16</v>
      </c>
    </row>
    <row r="124" spans="1:13">
      <c r="A124" s="27" t="s">
        <v>101</v>
      </c>
      <c r="B124" s="67">
        <v>-29</v>
      </c>
      <c r="C124" s="68">
        <v>-14</v>
      </c>
      <c r="D124" s="68">
        <v>-15</v>
      </c>
      <c r="E124" s="67">
        <v>37</v>
      </c>
      <c r="F124" s="68">
        <v>17</v>
      </c>
      <c r="G124" s="69">
        <v>20</v>
      </c>
      <c r="H124" s="68">
        <v>10</v>
      </c>
      <c r="I124" s="68">
        <v>3</v>
      </c>
      <c r="J124" s="68">
        <v>7</v>
      </c>
      <c r="K124" s="67">
        <v>2</v>
      </c>
      <c r="L124" s="79">
        <v>0</v>
      </c>
      <c r="M124" s="80">
        <v>2</v>
      </c>
    </row>
    <row r="125" spans="1:13">
      <c r="A125" s="27" t="s">
        <v>103</v>
      </c>
      <c r="B125" s="67">
        <v>-37</v>
      </c>
      <c r="C125" s="68">
        <v>-15</v>
      </c>
      <c r="D125" s="68">
        <v>-22</v>
      </c>
      <c r="E125" s="67">
        <v>32</v>
      </c>
      <c r="F125" s="68">
        <v>14</v>
      </c>
      <c r="G125" s="69">
        <v>18</v>
      </c>
      <c r="H125" s="68">
        <v>1</v>
      </c>
      <c r="I125" s="68">
        <v>0</v>
      </c>
      <c r="J125" s="68">
        <v>1</v>
      </c>
      <c r="K125" s="67">
        <v>6</v>
      </c>
      <c r="L125" s="79">
        <v>1</v>
      </c>
      <c r="M125" s="80">
        <v>5</v>
      </c>
    </row>
    <row r="126" spans="1:13">
      <c r="A126" s="27" t="s">
        <v>105</v>
      </c>
      <c r="B126" s="67">
        <v>-46</v>
      </c>
      <c r="C126" s="68">
        <v>-19</v>
      </c>
      <c r="D126" s="68">
        <v>-27</v>
      </c>
      <c r="E126" s="67">
        <v>43</v>
      </c>
      <c r="F126" s="68">
        <v>18</v>
      </c>
      <c r="G126" s="69">
        <v>25</v>
      </c>
      <c r="H126" s="68">
        <v>4</v>
      </c>
      <c r="I126" s="68">
        <v>1</v>
      </c>
      <c r="J126" s="68">
        <v>3</v>
      </c>
      <c r="K126" s="67">
        <v>7</v>
      </c>
      <c r="L126" s="79">
        <v>2</v>
      </c>
      <c r="M126" s="80">
        <v>5</v>
      </c>
    </row>
    <row r="127" spans="1:13">
      <c r="A127" s="27" t="s">
        <v>107</v>
      </c>
      <c r="B127" s="67">
        <v>-38</v>
      </c>
      <c r="C127" s="68">
        <v>-17</v>
      </c>
      <c r="D127" s="68">
        <v>-21</v>
      </c>
      <c r="E127" s="67">
        <v>35</v>
      </c>
      <c r="F127" s="68">
        <v>16</v>
      </c>
      <c r="G127" s="69">
        <v>19</v>
      </c>
      <c r="H127" s="68">
        <v>1</v>
      </c>
      <c r="I127" s="68">
        <v>0</v>
      </c>
      <c r="J127" s="68">
        <v>1</v>
      </c>
      <c r="K127" s="67">
        <v>4</v>
      </c>
      <c r="L127" s="79">
        <v>1</v>
      </c>
      <c r="M127" s="80">
        <v>3</v>
      </c>
    </row>
    <row r="128" spans="1:13">
      <c r="A128" s="27" t="s">
        <v>109</v>
      </c>
      <c r="B128" s="67">
        <v>-31</v>
      </c>
      <c r="C128" s="68">
        <v>-12</v>
      </c>
      <c r="D128" s="68">
        <v>-19</v>
      </c>
      <c r="E128" s="67">
        <v>30</v>
      </c>
      <c r="F128" s="68">
        <v>12</v>
      </c>
      <c r="G128" s="69">
        <v>18</v>
      </c>
      <c r="H128" s="68">
        <v>0</v>
      </c>
      <c r="I128" s="68">
        <v>0</v>
      </c>
      <c r="J128" s="68">
        <v>0</v>
      </c>
      <c r="K128" s="67">
        <v>1</v>
      </c>
      <c r="L128" s="79">
        <v>0</v>
      </c>
      <c r="M128" s="80">
        <v>1</v>
      </c>
    </row>
    <row r="129" spans="1:14" ht="21" customHeight="1">
      <c r="A129" s="38" t="s">
        <v>111</v>
      </c>
      <c r="B129" s="64">
        <v>-95</v>
      </c>
      <c r="C129" s="65">
        <v>-35</v>
      </c>
      <c r="D129" s="65">
        <v>-60</v>
      </c>
      <c r="E129" s="64">
        <v>98</v>
      </c>
      <c r="F129" s="65">
        <v>33</v>
      </c>
      <c r="G129" s="66">
        <v>65</v>
      </c>
      <c r="H129" s="65">
        <v>7</v>
      </c>
      <c r="I129" s="65">
        <v>2</v>
      </c>
      <c r="J129" s="65">
        <v>5</v>
      </c>
      <c r="K129" s="64">
        <v>4</v>
      </c>
      <c r="L129" s="77">
        <v>4</v>
      </c>
      <c r="M129" s="78">
        <v>0</v>
      </c>
    </row>
    <row r="130" spans="1:14">
      <c r="A130" s="27" t="s">
        <v>113</v>
      </c>
      <c r="B130" s="67">
        <v>-33</v>
      </c>
      <c r="C130" s="68">
        <v>-14</v>
      </c>
      <c r="D130" s="68">
        <v>-19</v>
      </c>
      <c r="E130" s="67">
        <v>33</v>
      </c>
      <c r="F130" s="68">
        <v>13</v>
      </c>
      <c r="G130" s="69">
        <v>20</v>
      </c>
      <c r="H130" s="68">
        <v>2</v>
      </c>
      <c r="I130" s="68">
        <v>1</v>
      </c>
      <c r="J130" s="68">
        <v>1</v>
      </c>
      <c r="K130" s="67">
        <v>2</v>
      </c>
      <c r="L130" s="79">
        <v>2</v>
      </c>
      <c r="M130" s="80">
        <v>0</v>
      </c>
    </row>
    <row r="131" spans="1:14">
      <c r="A131" s="27" t="s">
        <v>115</v>
      </c>
      <c r="B131" s="67">
        <v>-21</v>
      </c>
      <c r="C131" s="68">
        <v>-8</v>
      </c>
      <c r="D131" s="68">
        <v>-13</v>
      </c>
      <c r="E131" s="67">
        <v>21</v>
      </c>
      <c r="F131" s="68">
        <v>7</v>
      </c>
      <c r="G131" s="69">
        <v>14</v>
      </c>
      <c r="H131" s="68">
        <v>1</v>
      </c>
      <c r="I131" s="68">
        <v>0</v>
      </c>
      <c r="J131" s="68">
        <v>1</v>
      </c>
      <c r="K131" s="67">
        <v>1</v>
      </c>
      <c r="L131" s="79">
        <v>1</v>
      </c>
      <c r="M131" s="80">
        <v>0</v>
      </c>
    </row>
    <row r="132" spans="1:14">
      <c r="A132" s="27" t="s">
        <v>117</v>
      </c>
      <c r="B132" s="67">
        <v>-16</v>
      </c>
      <c r="C132" s="68">
        <v>-4</v>
      </c>
      <c r="D132" s="68">
        <v>-12</v>
      </c>
      <c r="E132" s="67">
        <v>16</v>
      </c>
      <c r="F132" s="68">
        <v>3</v>
      </c>
      <c r="G132" s="69">
        <v>13</v>
      </c>
      <c r="H132" s="68">
        <v>1</v>
      </c>
      <c r="I132" s="68">
        <v>0</v>
      </c>
      <c r="J132" s="68">
        <v>1</v>
      </c>
      <c r="K132" s="67">
        <v>1</v>
      </c>
      <c r="L132" s="79">
        <v>1</v>
      </c>
      <c r="M132" s="80">
        <v>0</v>
      </c>
    </row>
    <row r="133" spans="1:14">
      <c r="A133" s="27" t="s">
        <v>119</v>
      </c>
      <c r="B133" s="67">
        <v>-20</v>
      </c>
      <c r="C133" s="68">
        <v>-8</v>
      </c>
      <c r="D133" s="68">
        <v>-12</v>
      </c>
      <c r="E133" s="67">
        <v>21</v>
      </c>
      <c r="F133" s="68">
        <v>8</v>
      </c>
      <c r="G133" s="69">
        <v>13</v>
      </c>
      <c r="H133" s="68">
        <v>1</v>
      </c>
      <c r="I133" s="68">
        <v>0</v>
      </c>
      <c r="J133" s="68">
        <v>1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5</v>
      </c>
      <c r="C134" s="68">
        <v>-1</v>
      </c>
      <c r="D134" s="68">
        <v>-4</v>
      </c>
      <c r="E134" s="67">
        <v>7</v>
      </c>
      <c r="F134" s="68">
        <v>2</v>
      </c>
      <c r="G134" s="69">
        <v>5</v>
      </c>
      <c r="H134" s="68">
        <v>2</v>
      </c>
      <c r="I134" s="68">
        <v>1</v>
      </c>
      <c r="J134" s="68">
        <v>1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29</v>
      </c>
      <c r="C135" s="40">
        <v>-5</v>
      </c>
      <c r="D135" s="40">
        <v>-24</v>
      </c>
      <c r="E135" s="42">
        <v>30</v>
      </c>
      <c r="F135" s="40">
        <v>5</v>
      </c>
      <c r="G135" s="43">
        <v>25</v>
      </c>
      <c r="H135" s="40">
        <v>2</v>
      </c>
      <c r="I135" s="40">
        <v>0</v>
      </c>
      <c r="J135" s="40">
        <v>2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95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520</v>
      </c>
      <c r="C5" s="62">
        <v>-281</v>
      </c>
      <c r="D5" s="62">
        <v>-239</v>
      </c>
      <c r="E5" s="61">
        <v>713</v>
      </c>
      <c r="F5" s="62">
        <v>362</v>
      </c>
      <c r="G5" s="63">
        <v>351</v>
      </c>
      <c r="H5" s="62">
        <v>1291</v>
      </c>
      <c r="I5" s="62">
        <v>666</v>
      </c>
      <c r="J5" s="62">
        <v>625</v>
      </c>
      <c r="K5" s="61">
        <v>1238</v>
      </c>
      <c r="L5" s="75">
        <v>654</v>
      </c>
      <c r="M5" s="76">
        <v>584</v>
      </c>
    </row>
    <row r="6" spans="1:13" ht="23.25" customHeight="1">
      <c r="A6" s="36" t="s">
        <v>2</v>
      </c>
      <c r="B6" s="64">
        <v>156</v>
      </c>
      <c r="C6" s="65">
        <v>72</v>
      </c>
      <c r="D6" s="65">
        <v>84</v>
      </c>
      <c r="E6" s="64">
        <v>0</v>
      </c>
      <c r="F6" s="65">
        <v>0</v>
      </c>
      <c r="G6" s="66">
        <v>0</v>
      </c>
      <c r="H6" s="65">
        <v>56</v>
      </c>
      <c r="I6" s="65">
        <v>26</v>
      </c>
      <c r="J6" s="65">
        <v>30</v>
      </c>
      <c r="K6" s="64">
        <v>40</v>
      </c>
      <c r="L6" s="77">
        <v>23</v>
      </c>
      <c r="M6" s="78">
        <v>17</v>
      </c>
    </row>
    <row r="7" spans="1:13">
      <c r="A7" s="15" t="s">
        <v>4</v>
      </c>
      <c r="B7" s="67">
        <v>140</v>
      </c>
      <c r="C7" s="68">
        <v>70</v>
      </c>
      <c r="D7" s="68">
        <v>70</v>
      </c>
      <c r="E7" s="67">
        <v>0</v>
      </c>
      <c r="F7" s="68">
        <v>0</v>
      </c>
      <c r="G7" s="69">
        <v>0</v>
      </c>
      <c r="H7" s="68">
        <v>9</v>
      </c>
      <c r="I7" s="68">
        <v>5</v>
      </c>
      <c r="J7" s="68">
        <v>4</v>
      </c>
      <c r="K7" s="67">
        <v>9</v>
      </c>
      <c r="L7" s="79">
        <v>4</v>
      </c>
      <c r="M7" s="80">
        <v>5</v>
      </c>
    </row>
    <row r="8" spans="1:13">
      <c r="A8" s="15" t="s">
        <v>6</v>
      </c>
      <c r="B8" s="67">
        <v>-2</v>
      </c>
      <c r="C8" s="68">
        <v>0</v>
      </c>
      <c r="D8" s="68">
        <v>-2</v>
      </c>
      <c r="E8" s="67">
        <v>0</v>
      </c>
      <c r="F8" s="68">
        <v>0</v>
      </c>
      <c r="G8" s="69">
        <v>0</v>
      </c>
      <c r="H8" s="68">
        <v>12</v>
      </c>
      <c r="I8" s="68">
        <v>6</v>
      </c>
      <c r="J8" s="68">
        <v>6</v>
      </c>
      <c r="K8" s="67">
        <v>14</v>
      </c>
      <c r="L8" s="79">
        <v>6</v>
      </c>
      <c r="M8" s="80">
        <v>8</v>
      </c>
    </row>
    <row r="9" spans="1:13">
      <c r="A9" s="15" t="s">
        <v>8</v>
      </c>
      <c r="B9" s="67">
        <v>4</v>
      </c>
      <c r="C9" s="68">
        <v>1</v>
      </c>
      <c r="D9" s="68">
        <v>3</v>
      </c>
      <c r="E9" s="67">
        <v>0</v>
      </c>
      <c r="F9" s="68">
        <v>0</v>
      </c>
      <c r="G9" s="69">
        <v>0</v>
      </c>
      <c r="H9" s="68">
        <v>10</v>
      </c>
      <c r="I9" s="68">
        <v>5</v>
      </c>
      <c r="J9" s="68">
        <v>5</v>
      </c>
      <c r="K9" s="67">
        <v>6</v>
      </c>
      <c r="L9" s="79">
        <v>4</v>
      </c>
      <c r="M9" s="80">
        <v>2</v>
      </c>
    </row>
    <row r="10" spans="1:13">
      <c r="A10" s="15" t="s">
        <v>10</v>
      </c>
      <c r="B10" s="67">
        <v>5</v>
      </c>
      <c r="C10" s="68">
        <v>-2</v>
      </c>
      <c r="D10" s="68">
        <v>7</v>
      </c>
      <c r="E10" s="67">
        <v>0</v>
      </c>
      <c r="F10" s="68">
        <v>0</v>
      </c>
      <c r="G10" s="69">
        <v>0</v>
      </c>
      <c r="H10" s="68">
        <v>14</v>
      </c>
      <c r="I10" s="68">
        <v>6</v>
      </c>
      <c r="J10" s="68">
        <v>8</v>
      </c>
      <c r="K10" s="67">
        <v>9</v>
      </c>
      <c r="L10" s="79">
        <v>8</v>
      </c>
      <c r="M10" s="80">
        <v>1</v>
      </c>
    </row>
    <row r="11" spans="1:13">
      <c r="A11" s="15" t="s">
        <v>12</v>
      </c>
      <c r="B11" s="67">
        <v>9</v>
      </c>
      <c r="C11" s="68">
        <v>3</v>
      </c>
      <c r="D11" s="68">
        <v>6</v>
      </c>
      <c r="E11" s="67">
        <v>0</v>
      </c>
      <c r="F11" s="68">
        <v>0</v>
      </c>
      <c r="G11" s="69">
        <v>0</v>
      </c>
      <c r="H11" s="68">
        <v>11</v>
      </c>
      <c r="I11" s="68">
        <v>4</v>
      </c>
      <c r="J11" s="68">
        <v>7</v>
      </c>
      <c r="K11" s="67">
        <v>2</v>
      </c>
      <c r="L11" s="79">
        <v>1</v>
      </c>
      <c r="M11" s="80">
        <v>1</v>
      </c>
    </row>
    <row r="12" spans="1:13" ht="21" customHeight="1">
      <c r="A12" s="36" t="s">
        <v>14</v>
      </c>
      <c r="B12" s="64">
        <v>6</v>
      </c>
      <c r="C12" s="65">
        <v>-4</v>
      </c>
      <c r="D12" s="65">
        <v>10</v>
      </c>
      <c r="E12" s="64">
        <v>0</v>
      </c>
      <c r="F12" s="65">
        <v>0</v>
      </c>
      <c r="G12" s="66">
        <v>0</v>
      </c>
      <c r="H12" s="65">
        <v>35</v>
      </c>
      <c r="I12" s="65">
        <v>16</v>
      </c>
      <c r="J12" s="65">
        <v>19</v>
      </c>
      <c r="K12" s="64">
        <v>29</v>
      </c>
      <c r="L12" s="77">
        <v>20</v>
      </c>
      <c r="M12" s="78">
        <v>9</v>
      </c>
    </row>
    <row r="13" spans="1:13">
      <c r="A13" s="15" t="s">
        <v>16</v>
      </c>
      <c r="B13" s="67">
        <v>4</v>
      </c>
      <c r="C13" s="68">
        <v>2</v>
      </c>
      <c r="D13" s="68">
        <v>2</v>
      </c>
      <c r="E13" s="67">
        <v>0</v>
      </c>
      <c r="F13" s="68">
        <v>0</v>
      </c>
      <c r="G13" s="69">
        <v>0</v>
      </c>
      <c r="H13" s="68">
        <v>10</v>
      </c>
      <c r="I13" s="68">
        <v>5</v>
      </c>
      <c r="J13" s="68">
        <v>5</v>
      </c>
      <c r="K13" s="67">
        <v>6</v>
      </c>
      <c r="L13" s="79">
        <v>3</v>
      </c>
      <c r="M13" s="80">
        <v>3</v>
      </c>
    </row>
    <row r="14" spans="1:13">
      <c r="A14" s="15" t="s">
        <v>18</v>
      </c>
      <c r="B14" s="67">
        <v>4</v>
      </c>
      <c r="C14" s="68">
        <v>-2</v>
      </c>
      <c r="D14" s="68">
        <v>6</v>
      </c>
      <c r="E14" s="67">
        <v>0</v>
      </c>
      <c r="F14" s="68">
        <v>0</v>
      </c>
      <c r="G14" s="69">
        <v>0</v>
      </c>
      <c r="H14" s="68">
        <v>9</v>
      </c>
      <c r="I14" s="68">
        <v>3</v>
      </c>
      <c r="J14" s="68">
        <v>6</v>
      </c>
      <c r="K14" s="67">
        <v>5</v>
      </c>
      <c r="L14" s="79">
        <v>5</v>
      </c>
      <c r="M14" s="80">
        <v>0</v>
      </c>
    </row>
    <row r="15" spans="1:13">
      <c r="A15" s="15" t="s">
        <v>20</v>
      </c>
      <c r="B15" s="67">
        <v>1</v>
      </c>
      <c r="C15" s="68">
        <v>-1</v>
      </c>
      <c r="D15" s="68">
        <v>2</v>
      </c>
      <c r="E15" s="67">
        <v>0</v>
      </c>
      <c r="F15" s="68">
        <v>0</v>
      </c>
      <c r="G15" s="69">
        <v>0</v>
      </c>
      <c r="H15" s="68">
        <v>9</v>
      </c>
      <c r="I15" s="68">
        <v>4</v>
      </c>
      <c r="J15" s="68">
        <v>5</v>
      </c>
      <c r="K15" s="67">
        <v>8</v>
      </c>
      <c r="L15" s="79">
        <v>5</v>
      </c>
      <c r="M15" s="80">
        <v>3</v>
      </c>
    </row>
    <row r="16" spans="1:13">
      <c r="A16" s="15" t="s">
        <v>22</v>
      </c>
      <c r="B16" s="67">
        <v>-2</v>
      </c>
      <c r="C16" s="68">
        <v>0</v>
      </c>
      <c r="D16" s="68">
        <v>-2</v>
      </c>
      <c r="E16" s="67">
        <v>0</v>
      </c>
      <c r="F16" s="68">
        <v>0</v>
      </c>
      <c r="G16" s="69">
        <v>0</v>
      </c>
      <c r="H16" s="68">
        <v>3</v>
      </c>
      <c r="I16" s="68">
        <v>3</v>
      </c>
      <c r="J16" s="68">
        <v>0</v>
      </c>
      <c r="K16" s="67">
        <v>5</v>
      </c>
      <c r="L16" s="79">
        <v>3</v>
      </c>
      <c r="M16" s="80">
        <v>2</v>
      </c>
    </row>
    <row r="17" spans="1:13">
      <c r="A17" s="15" t="s">
        <v>24</v>
      </c>
      <c r="B17" s="67">
        <v>-1</v>
      </c>
      <c r="C17" s="68">
        <v>-3</v>
      </c>
      <c r="D17" s="68">
        <v>2</v>
      </c>
      <c r="E17" s="67">
        <v>0</v>
      </c>
      <c r="F17" s="68">
        <v>0</v>
      </c>
      <c r="G17" s="69">
        <v>0</v>
      </c>
      <c r="H17" s="68">
        <v>4</v>
      </c>
      <c r="I17" s="68">
        <v>1</v>
      </c>
      <c r="J17" s="68">
        <v>3</v>
      </c>
      <c r="K17" s="67">
        <v>5</v>
      </c>
      <c r="L17" s="79">
        <v>4</v>
      </c>
      <c r="M17" s="80">
        <v>1</v>
      </c>
    </row>
    <row r="18" spans="1:13" ht="21" customHeight="1">
      <c r="A18" s="36" t="s">
        <v>26</v>
      </c>
      <c r="B18" s="64">
        <v>-7</v>
      </c>
      <c r="C18" s="65">
        <v>-2</v>
      </c>
      <c r="D18" s="65">
        <v>-5</v>
      </c>
      <c r="E18" s="64">
        <v>0</v>
      </c>
      <c r="F18" s="65">
        <v>0</v>
      </c>
      <c r="G18" s="66">
        <v>0</v>
      </c>
      <c r="H18" s="65">
        <v>21</v>
      </c>
      <c r="I18" s="65">
        <v>15</v>
      </c>
      <c r="J18" s="65">
        <v>6</v>
      </c>
      <c r="K18" s="64">
        <v>28</v>
      </c>
      <c r="L18" s="77">
        <v>17</v>
      </c>
      <c r="M18" s="78">
        <v>11</v>
      </c>
    </row>
    <row r="19" spans="1:13">
      <c r="A19" s="15" t="s">
        <v>28</v>
      </c>
      <c r="B19" s="67">
        <v>2</v>
      </c>
      <c r="C19" s="68">
        <v>1</v>
      </c>
      <c r="D19" s="68">
        <v>1</v>
      </c>
      <c r="E19" s="67">
        <v>0</v>
      </c>
      <c r="F19" s="68">
        <v>0</v>
      </c>
      <c r="G19" s="69">
        <v>0</v>
      </c>
      <c r="H19" s="68">
        <v>6</v>
      </c>
      <c r="I19" s="68">
        <v>5</v>
      </c>
      <c r="J19" s="68">
        <v>1</v>
      </c>
      <c r="K19" s="67">
        <v>4</v>
      </c>
      <c r="L19" s="79">
        <v>4</v>
      </c>
      <c r="M19" s="80">
        <v>0</v>
      </c>
    </row>
    <row r="20" spans="1:13">
      <c r="A20" s="15" t="s">
        <v>30</v>
      </c>
      <c r="B20" s="67">
        <v>-4</v>
      </c>
      <c r="C20" s="68">
        <v>-2</v>
      </c>
      <c r="D20" s="68">
        <v>-2</v>
      </c>
      <c r="E20" s="67">
        <v>0</v>
      </c>
      <c r="F20" s="68">
        <v>0</v>
      </c>
      <c r="G20" s="69">
        <v>0</v>
      </c>
      <c r="H20" s="68">
        <v>2</v>
      </c>
      <c r="I20" s="68">
        <v>1</v>
      </c>
      <c r="J20" s="68">
        <v>1</v>
      </c>
      <c r="K20" s="67">
        <v>6</v>
      </c>
      <c r="L20" s="79">
        <v>3</v>
      </c>
      <c r="M20" s="80">
        <v>3</v>
      </c>
    </row>
    <row r="21" spans="1:13">
      <c r="A21" s="15" t="s">
        <v>32</v>
      </c>
      <c r="B21" s="67">
        <v>3</v>
      </c>
      <c r="C21" s="68">
        <v>1</v>
      </c>
      <c r="D21" s="68">
        <v>2</v>
      </c>
      <c r="E21" s="67">
        <v>0</v>
      </c>
      <c r="F21" s="68">
        <v>0</v>
      </c>
      <c r="G21" s="69">
        <v>0</v>
      </c>
      <c r="H21" s="68">
        <v>6</v>
      </c>
      <c r="I21" s="68">
        <v>2</v>
      </c>
      <c r="J21" s="68">
        <v>4</v>
      </c>
      <c r="K21" s="67">
        <v>3</v>
      </c>
      <c r="L21" s="79">
        <v>1</v>
      </c>
      <c r="M21" s="80">
        <v>2</v>
      </c>
    </row>
    <row r="22" spans="1:13">
      <c r="A22" s="15" t="s">
        <v>34</v>
      </c>
      <c r="B22" s="67">
        <v>-4</v>
      </c>
      <c r="C22" s="68">
        <v>-1</v>
      </c>
      <c r="D22" s="68">
        <v>-3</v>
      </c>
      <c r="E22" s="67">
        <v>0</v>
      </c>
      <c r="F22" s="68">
        <v>0</v>
      </c>
      <c r="G22" s="69">
        <v>0</v>
      </c>
      <c r="H22" s="68">
        <v>6</v>
      </c>
      <c r="I22" s="68">
        <v>6</v>
      </c>
      <c r="J22" s="68">
        <v>0</v>
      </c>
      <c r="K22" s="67">
        <v>10</v>
      </c>
      <c r="L22" s="79">
        <v>7</v>
      </c>
      <c r="M22" s="80">
        <v>3</v>
      </c>
    </row>
    <row r="23" spans="1:13">
      <c r="A23" s="15" t="s">
        <v>36</v>
      </c>
      <c r="B23" s="67">
        <v>-4</v>
      </c>
      <c r="C23" s="68">
        <v>-1</v>
      </c>
      <c r="D23" s="68">
        <v>-3</v>
      </c>
      <c r="E23" s="67">
        <v>0</v>
      </c>
      <c r="F23" s="68">
        <v>0</v>
      </c>
      <c r="G23" s="69">
        <v>0</v>
      </c>
      <c r="H23" s="68">
        <v>1</v>
      </c>
      <c r="I23" s="68">
        <v>1</v>
      </c>
      <c r="J23" s="68">
        <v>0</v>
      </c>
      <c r="K23" s="67">
        <v>5</v>
      </c>
      <c r="L23" s="79">
        <v>2</v>
      </c>
      <c r="M23" s="80">
        <v>3</v>
      </c>
    </row>
    <row r="24" spans="1:13" ht="21" customHeight="1">
      <c r="A24" s="36" t="s">
        <v>38</v>
      </c>
      <c r="B24" s="64">
        <v>-6</v>
      </c>
      <c r="C24" s="65">
        <v>-1</v>
      </c>
      <c r="D24" s="65">
        <v>-5</v>
      </c>
      <c r="E24" s="64">
        <v>0</v>
      </c>
      <c r="F24" s="65">
        <v>0</v>
      </c>
      <c r="G24" s="66">
        <v>0</v>
      </c>
      <c r="H24" s="65">
        <v>47</v>
      </c>
      <c r="I24" s="65">
        <v>30</v>
      </c>
      <c r="J24" s="65">
        <v>17</v>
      </c>
      <c r="K24" s="64">
        <v>53</v>
      </c>
      <c r="L24" s="77">
        <v>31</v>
      </c>
      <c r="M24" s="78">
        <v>22</v>
      </c>
    </row>
    <row r="25" spans="1:13">
      <c r="A25" s="15" t="s">
        <v>40</v>
      </c>
      <c r="B25" s="67">
        <v>0</v>
      </c>
      <c r="C25" s="68">
        <v>2</v>
      </c>
      <c r="D25" s="68">
        <v>-2</v>
      </c>
      <c r="E25" s="67">
        <v>0</v>
      </c>
      <c r="F25" s="68">
        <v>0</v>
      </c>
      <c r="G25" s="69">
        <v>0</v>
      </c>
      <c r="H25" s="68">
        <v>5</v>
      </c>
      <c r="I25" s="68">
        <v>4</v>
      </c>
      <c r="J25" s="68">
        <v>1</v>
      </c>
      <c r="K25" s="67">
        <v>5</v>
      </c>
      <c r="L25" s="79">
        <v>2</v>
      </c>
      <c r="M25" s="80">
        <v>3</v>
      </c>
    </row>
    <row r="26" spans="1:13">
      <c r="A26" s="15" t="s">
        <v>42</v>
      </c>
      <c r="B26" s="67">
        <v>0</v>
      </c>
      <c r="C26" s="68">
        <v>-2</v>
      </c>
      <c r="D26" s="68">
        <v>2</v>
      </c>
      <c r="E26" s="67">
        <v>0</v>
      </c>
      <c r="F26" s="68">
        <v>0</v>
      </c>
      <c r="G26" s="69">
        <v>0</v>
      </c>
      <c r="H26" s="68">
        <v>10</v>
      </c>
      <c r="I26" s="68">
        <v>4</v>
      </c>
      <c r="J26" s="68">
        <v>6</v>
      </c>
      <c r="K26" s="67">
        <v>10</v>
      </c>
      <c r="L26" s="79">
        <v>6</v>
      </c>
      <c r="M26" s="80">
        <v>4</v>
      </c>
    </row>
    <row r="27" spans="1:13">
      <c r="A27" s="15" t="s">
        <v>44</v>
      </c>
      <c r="B27" s="67">
        <v>-1</v>
      </c>
      <c r="C27" s="68">
        <v>0</v>
      </c>
      <c r="D27" s="68">
        <v>-1</v>
      </c>
      <c r="E27" s="67">
        <v>0</v>
      </c>
      <c r="F27" s="68">
        <v>0</v>
      </c>
      <c r="G27" s="69">
        <v>0</v>
      </c>
      <c r="H27" s="68">
        <v>3</v>
      </c>
      <c r="I27" s="68">
        <v>3</v>
      </c>
      <c r="J27" s="68">
        <v>0</v>
      </c>
      <c r="K27" s="67">
        <v>4</v>
      </c>
      <c r="L27" s="79">
        <v>3</v>
      </c>
      <c r="M27" s="80">
        <v>1</v>
      </c>
    </row>
    <row r="28" spans="1:13">
      <c r="A28" s="15" t="s">
        <v>46</v>
      </c>
      <c r="B28" s="67">
        <v>1</v>
      </c>
      <c r="C28" s="68">
        <v>0</v>
      </c>
      <c r="D28" s="68">
        <v>1</v>
      </c>
      <c r="E28" s="67">
        <v>0</v>
      </c>
      <c r="F28" s="68">
        <v>0</v>
      </c>
      <c r="G28" s="69">
        <v>0</v>
      </c>
      <c r="H28" s="68">
        <v>11</v>
      </c>
      <c r="I28" s="68">
        <v>6</v>
      </c>
      <c r="J28" s="68">
        <v>5</v>
      </c>
      <c r="K28" s="67">
        <v>10</v>
      </c>
      <c r="L28" s="79">
        <v>6</v>
      </c>
      <c r="M28" s="80">
        <v>4</v>
      </c>
    </row>
    <row r="29" spans="1:13">
      <c r="A29" s="15" t="s">
        <v>48</v>
      </c>
      <c r="B29" s="67">
        <v>-6</v>
      </c>
      <c r="C29" s="68">
        <v>-1</v>
      </c>
      <c r="D29" s="68">
        <v>-5</v>
      </c>
      <c r="E29" s="67">
        <v>0</v>
      </c>
      <c r="F29" s="68">
        <v>0</v>
      </c>
      <c r="G29" s="69">
        <v>0</v>
      </c>
      <c r="H29" s="68">
        <v>18</v>
      </c>
      <c r="I29" s="68">
        <v>13</v>
      </c>
      <c r="J29" s="68">
        <v>5</v>
      </c>
      <c r="K29" s="67">
        <v>24</v>
      </c>
      <c r="L29" s="79">
        <v>14</v>
      </c>
      <c r="M29" s="80">
        <v>10</v>
      </c>
    </row>
    <row r="30" spans="1:13" ht="21" customHeight="1">
      <c r="A30" s="36" t="s">
        <v>50</v>
      </c>
      <c r="B30" s="64">
        <v>-52</v>
      </c>
      <c r="C30" s="65">
        <v>-32</v>
      </c>
      <c r="D30" s="65">
        <v>-20</v>
      </c>
      <c r="E30" s="64">
        <v>0</v>
      </c>
      <c r="F30" s="65">
        <v>0</v>
      </c>
      <c r="G30" s="66">
        <v>0</v>
      </c>
      <c r="H30" s="65">
        <v>149</v>
      </c>
      <c r="I30" s="65">
        <v>76</v>
      </c>
      <c r="J30" s="65">
        <v>73</v>
      </c>
      <c r="K30" s="64">
        <v>201</v>
      </c>
      <c r="L30" s="77">
        <v>108</v>
      </c>
      <c r="M30" s="78">
        <v>93</v>
      </c>
    </row>
    <row r="31" spans="1:13">
      <c r="A31" s="15" t="s">
        <v>52</v>
      </c>
      <c r="B31" s="67">
        <v>-6</v>
      </c>
      <c r="C31" s="68">
        <v>-7</v>
      </c>
      <c r="D31" s="68">
        <v>1</v>
      </c>
      <c r="E31" s="67">
        <v>0</v>
      </c>
      <c r="F31" s="68">
        <v>0</v>
      </c>
      <c r="G31" s="69">
        <v>0</v>
      </c>
      <c r="H31" s="68">
        <v>17</v>
      </c>
      <c r="I31" s="68">
        <v>5</v>
      </c>
      <c r="J31" s="68">
        <v>12</v>
      </c>
      <c r="K31" s="67">
        <v>23</v>
      </c>
      <c r="L31" s="79">
        <v>12</v>
      </c>
      <c r="M31" s="80">
        <v>11</v>
      </c>
    </row>
    <row r="32" spans="1:13">
      <c r="A32" s="15" t="s">
        <v>54</v>
      </c>
      <c r="B32" s="67">
        <v>-1</v>
      </c>
      <c r="C32" s="68">
        <v>3</v>
      </c>
      <c r="D32" s="68">
        <v>-4</v>
      </c>
      <c r="E32" s="67">
        <v>0</v>
      </c>
      <c r="F32" s="68">
        <v>0</v>
      </c>
      <c r="G32" s="69">
        <v>0</v>
      </c>
      <c r="H32" s="68">
        <v>26</v>
      </c>
      <c r="I32" s="68">
        <v>15</v>
      </c>
      <c r="J32" s="68">
        <v>11</v>
      </c>
      <c r="K32" s="67">
        <v>27</v>
      </c>
      <c r="L32" s="79">
        <v>12</v>
      </c>
      <c r="M32" s="80">
        <v>15</v>
      </c>
    </row>
    <row r="33" spans="1:13">
      <c r="A33" s="15" t="s">
        <v>56</v>
      </c>
      <c r="B33" s="67">
        <v>-14</v>
      </c>
      <c r="C33" s="68">
        <v>-8</v>
      </c>
      <c r="D33" s="68">
        <v>-6</v>
      </c>
      <c r="E33" s="67">
        <v>0</v>
      </c>
      <c r="F33" s="68">
        <v>0</v>
      </c>
      <c r="G33" s="69">
        <v>0</v>
      </c>
      <c r="H33" s="68">
        <v>17</v>
      </c>
      <c r="I33" s="68">
        <v>8</v>
      </c>
      <c r="J33" s="68">
        <v>9</v>
      </c>
      <c r="K33" s="67">
        <v>31</v>
      </c>
      <c r="L33" s="79">
        <v>16</v>
      </c>
      <c r="M33" s="80">
        <v>15</v>
      </c>
    </row>
    <row r="34" spans="1:13">
      <c r="A34" s="15" t="s">
        <v>58</v>
      </c>
      <c r="B34" s="67">
        <v>-24</v>
      </c>
      <c r="C34" s="68">
        <v>-20</v>
      </c>
      <c r="D34" s="68">
        <v>-4</v>
      </c>
      <c r="E34" s="67">
        <v>0</v>
      </c>
      <c r="F34" s="68">
        <v>0</v>
      </c>
      <c r="G34" s="69">
        <v>0</v>
      </c>
      <c r="H34" s="68">
        <v>48</v>
      </c>
      <c r="I34" s="68">
        <v>25</v>
      </c>
      <c r="J34" s="68">
        <v>23</v>
      </c>
      <c r="K34" s="67">
        <v>72</v>
      </c>
      <c r="L34" s="79">
        <v>45</v>
      </c>
      <c r="M34" s="80">
        <v>27</v>
      </c>
    </row>
    <row r="35" spans="1:13">
      <c r="A35" s="15" t="s">
        <v>60</v>
      </c>
      <c r="B35" s="67">
        <v>-7</v>
      </c>
      <c r="C35" s="68">
        <v>0</v>
      </c>
      <c r="D35" s="68">
        <v>-7</v>
      </c>
      <c r="E35" s="67">
        <v>0</v>
      </c>
      <c r="F35" s="68">
        <v>0</v>
      </c>
      <c r="G35" s="69">
        <v>0</v>
      </c>
      <c r="H35" s="68">
        <v>41</v>
      </c>
      <c r="I35" s="68">
        <v>23</v>
      </c>
      <c r="J35" s="68">
        <v>18</v>
      </c>
      <c r="K35" s="67">
        <v>48</v>
      </c>
      <c r="L35" s="79">
        <v>23</v>
      </c>
      <c r="M35" s="80">
        <v>25</v>
      </c>
    </row>
    <row r="36" spans="1:13" ht="21" customHeight="1">
      <c r="A36" s="36" t="s">
        <v>62</v>
      </c>
      <c r="B36" s="64">
        <v>-56</v>
      </c>
      <c r="C36" s="65">
        <v>-17</v>
      </c>
      <c r="D36" s="65">
        <v>-39</v>
      </c>
      <c r="E36" s="64">
        <v>1</v>
      </c>
      <c r="F36" s="65">
        <v>0</v>
      </c>
      <c r="G36" s="66">
        <v>1</v>
      </c>
      <c r="H36" s="65">
        <v>185</v>
      </c>
      <c r="I36" s="65">
        <v>111</v>
      </c>
      <c r="J36" s="65">
        <v>74</v>
      </c>
      <c r="K36" s="64">
        <v>240</v>
      </c>
      <c r="L36" s="77">
        <v>128</v>
      </c>
      <c r="M36" s="78">
        <v>112</v>
      </c>
    </row>
    <row r="37" spans="1:13">
      <c r="A37" s="15" t="s">
        <v>64</v>
      </c>
      <c r="B37" s="67">
        <v>-26</v>
      </c>
      <c r="C37" s="68">
        <v>-8</v>
      </c>
      <c r="D37" s="68">
        <v>-18</v>
      </c>
      <c r="E37" s="67">
        <v>0</v>
      </c>
      <c r="F37" s="68">
        <v>0</v>
      </c>
      <c r="G37" s="69">
        <v>0</v>
      </c>
      <c r="H37" s="68">
        <v>34</v>
      </c>
      <c r="I37" s="68">
        <v>25</v>
      </c>
      <c r="J37" s="68">
        <v>9</v>
      </c>
      <c r="K37" s="67">
        <v>60</v>
      </c>
      <c r="L37" s="79">
        <v>33</v>
      </c>
      <c r="M37" s="80">
        <v>27</v>
      </c>
    </row>
    <row r="38" spans="1:13">
      <c r="A38" s="15" t="s">
        <v>66</v>
      </c>
      <c r="B38" s="67">
        <v>-14</v>
      </c>
      <c r="C38" s="68">
        <v>-8</v>
      </c>
      <c r="D38" s="68">
        <v>-6</v>
      </c>
      <c r="E38" s="67">
        <v>1</v>
      </c>
      <c r="F38" s="68">
        <v>0</v>
      </c>
      <c r="G38" s="69">
        <v>1</v>
      </c>
      <c r="H38" s="68">
        <v>29</v>
      </c>
      <c r="I38" s="68">
        <v>17</v>
      </c>
      <c r="J38" s="68">
        <v>12</v>
      </c>
      <c r="K38" s="67">
        <v>42</v>
      </c>
      <c r="L38" s="79">
        <v>25</v>
      </c>
      <c r="M38" s="80">
        <v>17</v>
      </c>
    </row>
    <row r="39" spans="1:13">
      <c r="A39" s="15" t="s">
        <v>68</v>
      </c>
      <c r="B39" s="67">
        <v>6</v>
      </c>
      <c r="C39" s="68">
        <v>4</v>
      </c>
      <c r="D39" s="68">
        <v>2</v>
      </c>
      <c r="E39" s="67">
        <v>0</v>
      </c>
      <c r="F39" s="68">
        <v>0</v>
      </c>
      <c r="G39" s="69">
        <v>0</v>
      </c>
      <c r="H39" s="68">
        <v>56</v>
      </c>
      <c r="I39" s="68">
        <v>31</v>
      </c>
      <c r="J39" s="68">
        <v>25</v>
      </c>
      <c r="K39" s="67">
        <v>50</v>
      </c>
      <c r="L39" s="79">
        <v>27</v>
      </c>
      <c r="M39" s="80">
        <v>23</v>
      </c>
    </row>
    <row r="40" spans="1:13">
      <c r="A40" s="15" t="s">
        <v>70</v>
      </c>
      <c r="B40" s="67">
        <v>-8</v>
      </c>
      <c r="C40" s="68">
        <v>-2</v>
      </c>
      <c r="D40" s="68">
        <v>-6</v>
      </c>
      <c r="E40" s="67">
        <v>0</v>
      </c>
      <c r="F40" s="68">
        <v>0</v>
      </c>
      <c r="G40" s="69">
        <v>0</v>
      </c>
      <c r="H40" s="68">
        <v>36</v>
      </c>
      <c r="I40" s="68">
        <v>23</v>
      </c>
      <c r="J40" s="68">
        <v>13</v>
      </c>
      <c r="K40" s="67">
        <v>44</v>
      </c>
      <c r="L40" s="79">
        <v>25</v>
      </c>
      <c r="M40" s="80">
        <v>19</v>
      </c>
    </row>
    <row r="41" spans="1:13">
      <c r="A41" s="15" t="s">
        <v>72</v>
      </c>
      <c r="B41" s="67">
        <v>-14</v>
      </c>
      <c r="C41" s="68">
        <v>-3</v>
      </c>
      <c r="D41" s="68">
        <v>-11</v>
      </c>
      <c r="E41" s="67">
        <v>0</v>
      </c>
      <c r="F41" s="68">
        <v>0</v>
      </c>
      <c r="G41" s="69">
        <v>0</v>
      </c>
      <c r="H41" s="68">
        <v>30</v>
      </c>
      <c r="I41" s="68">
        <v>15</v>
      </c>
      <c r="J41" s="68">
        <v>15</v>
      </c>
      <c r="K41" s="67">
        <v>44</v>
      </c>
      <c r="L41" s="79">
        <v>18</v>
      </c>
      <c r="M41" s="80">
        <v>26</v>
      </c>
    </row>
    <row r="42" spans="1:13" ht="21" customHeight="1">
      <c r="A42" s="36" t="s">
        <v>74</v>
      </c>
      <c r="B42" s="64">
        <v>-47</v>
      </c>
      <c r="C42" s="65">
        <v>-35</v>
      </c>
      <c r="D42" s="65">
        <v>-12</v>
      </c>
      <c r="E42" s="64">
        <v>0</v>
      </c>
      <c r="F42" s="65">
        <v>0</v>
      </c>
      <c r="G42" s="66">
        <v>0</v>
      </c>
      <c r="H42" s="65">
        <v>100</v>
      </c>
      <c r="I42" s="65">
        <v>51</v>
      </c>
      <c r="J42" s="65">
        <v>49</v>
      </c>
      <c r="K42" s="64">
        <v>147</v>
      </c>
      <c r="L42" s="77">
        <v>86</v>
      </c>
      <c r="M42" s="78">
        <v>61</v>
      </c>
    </row>
    <row r="43" spans="1:13">
      <c r="A43" s="15" t="s">
        <v>76</v>
      </c>
      <c r="B43" s="67">
        <v>-17</v>
      </c>
      <c r="C43" s="68">
        <v>-9</v>
      </c>
      <c r="D43" s="68">
        <v>-8</v>
      </c>
      <c r="E43" s="67">
        <v>0</v>
      </c>
      <c r="F43" s="68">
        <v>0</v>
      </c>
      <c r="G43" s="69">
        <v>0</v>
      </c>
      <c r="H43" s="68">
        <v>24</v>
      </c>
      <c r="I43" s="68">
        <v>13</v>
      </c>
      <c r="J43" s="68">
        <v>11</v>
      </c>
      <c r="K43" s="67">
        <v>41</v>
      </c>
      <c r="L43" s="79">
        <v>22</v>
      </c>
      <c r="M43" s="80">
        <v>19</v>
      </c>
    </row>
    <row r="44" spans="1:13">
      <c r="A44" s="15" t="s">
        <v>78</v>
      </c>
      <c r="B44" s="67">
        <v>-16</v>
      </c>
      <c r="C44" s="68">
        <v>-18</v>
      </c>
      <c r="D44" s="68">
        <v>2</v>
      </c>
      <c r="E44" s="67">
        <v>0</v>
      </c>
      <c r="F44" s="68">
        <v>0</v>
      </c>
      <c r="G44" s="69">
        <v>0</v>
      </c>
      <c r="H44" s="68">
        <v>28</v>
      </c>
      <c r="I44" s="68">
        <v>10</v>
      </c>
      <c r="J44" s="68">
        <v>18</v>
      </c>
      <c r="K44" s="67">
        <v>44</v>
      </c>
      <c r="L44" s="79">
        <v>28</v>
      </c>
      <c r="M44" s="80">
        <v>16</v>
      </c>
    </row>
    <row r="45" spans="1:13">
      <c r="A45" s="15" t="s">
        <v>80</v>
      </c>
      <c r="B45" s="67">
        <v>-5</v>
      </c>
      <c r="C45" s="68">
        <v>-3</v>
      </c>
      <c r="D45" s="68">
        <v>-2</v>
      </c>
      <c r="E45" s="67">
        <v>0</v>
      </c>
      <c r="F45" s="68">
        <v>0</v>
      </c>
      <c r="G45" s="69">
        <v>0</v>
      </c>
      <c r="H45" s="68">
        <v>20</v>
      </c>
      <c r="I45" s="68">
        <v>13</v>
      </c>
      <c r="J45" s="68">
        <v>7</v>
      </c>
      <c r="K45" s="67">
        <v>25</v>
      </c>
      <c r="L45" s="79">
        <v>16</v>
      </c>
      <c r="M45" s="80">
        <v>9</v>
      </c>
    </row>
    <row r="46" spans="1:13">
      <c r="A46" s="15" t="s">
        <v>82</v>
      </c>
      <c r="B46" s="67">
        <v>-1</v>
      </c>
      <c r="C46" s="68">
        <v>0</v>
      </c>
      <c r="D46" s="68">
        <v>-1</v>
      </c>
      <c r="E46" s="67">
        <v>0</v>
      </c>
      <c r="F46" s="68">
        <v>0</v>
      </c>
      <c r="G46" s="69">
        <v>0</v>
      </c>
      <c r="H46" s="68">
        <v>18</v>
      </c>
      <c r="I46" s="68">
        <v>10</v>
      </c>
      <c r="J46" s="68">
        <v>8</v>
      </c>
      <c r="K46" s="67">
        <v>19</v>
      </c>
      <c r="L46" s="79">
        <v>10</v>
      </c>
      <c r="M46" s="80">
        <v>9</v>
      </c>
    </row>
    <row r="47" spans="1:13">
      <c r="A47" s="15" t="s">
        <v>84</v>
      </c>
      <c r="B47" s="67">
        <v>-8</v>
      </c>
      <c r="C47" s="68">
        <v>-5</v>
      </c>
      <c r="D47" s="68">
        <v>-3</v>
      </c>
      <c r="E47" s="67">
        <v>0</v>
      </c>
      <c r="F47" s="68">
        <v>0</v>
      </c>
      <c r="G47" s="69">
        <v>0</v>
      </c>
      <c r="H47" s="68">
        <v>10</v>
      </c>
      <c r="I47" s="68">
        <v>5</v>
      </c>
      <c r="J47" s="68">
        <v>5</v>
      </c>
      <c r="K47" s="67">
        <v>18</v>
      </c>
      <c r="L47" s="79">
        <v>10</v>
      </c>
      <c r="M47" s="80">
        <v>8</v>
      </c>
    </row>
    <row r="48" spans="1:13" ht="21" customHeight="1">
      <c r="A48" s="36" t="s">
        <v>86</v>
      </c>
      <c r="B48" s="64">
        <v>3</v>
      </c>
      <c r="C48" s="65">
        <v>-6</v>
      </c>
      <c r="D48" s="65">
        <v>9</v>
      </c>
      <c r="E48" s="64">
        <v>2</v>
      </c>
      <c r="F48" s="65">
        <v>1</v>
      </c>
      <c r="G48" s="66">
        <v>1</v>
      </c>
      <c r="H48" s="65">
        <v>87</v>
      </c>
      <c r="I48" s="65">
        <v>39</v>
      </c>
      <c r="J48" s="65">
        <v>48</v>
      </c>
      <c r="K48" s="64">
        <v>82</v>
      </c>
      <c r="L48" s="77">
        <v>44</v>
      </c>
      <c r="M48" s="78">
        <v>38</v>
      </c>
    </row>
    <row r="49" spans="1:13">
      <c r="A49" s="15" t="s">
        <v>88</v>
      </c>
      <c r="B49" s="67">
        <v>-7</v>
      </c>
      <c r="C49" s="68">
        <v>-6</v>
      </c>
      <c r="D49" s="68">
        <v>-1</v>
      </c>
      <c r="E49" s="67">
        <v>1</v>
      </c>
      <c r="F49" s="68">
        <v>1</v>
      </c>
      <c r="G49" s="69">
        <v>0</v>
      </c>
      <c r="H49" s="68">
        <v>17</v>
      </c>
      <c r="I49" s="68">
        <v>7</v>
      </c>
      <c r="J49" s="68">
        <v>10</v>
      </c>
      <c r="K49" s="67">
        <v>23</v>
      </c>
      <c r="L49" s="79">
        <v>12</v>
      </c>
      <c r="M49" s="80">
        <v>11</v>
      </c>
    </row>
    <row r="50" spans="1:13">
      <c r="A50" s="15" t="s">
        <v>90</v>
      </c>
      <c r="B50" s="67">
        <v>8</v>
      </c>
      <c r="C50" s="68">
        <v>1</v>
      </c>
      <c r="D50" s="68">
        <v>7</v>
      </c>
      <c r="E50" s="67">
        <v>0</v>
      </c>
      <c r="F50" s="68">
        <v>0</v>
      </c>
      <c r="G50" s="69">
        <v>0</v>
      </c>
      <c r="H50" s="68">
        <v>24</v>
      </c>
      <c r="I50" s="68">
        <v>10</v>
      </c>
      <c r="J50" s="68">
        <v>14</v>
      </c>
      <c r="K50" s="67">
        <v>16</v>
      </c>
      <c r="L50" s="79">
        <v>9</v>
      </c>
      <c r="M50" s="80">
        <v>7</v>
      </c>
    </row>
    <row r="51" spans="1:13">
      <c r="A51" s="15" t="s">
        <v>92</v>
      </c>
      <c r="B51" s="67">
        <v>5</v>
      </c>
      <c r="C51" s="68">
        <v>3</v>
      </c>
      <c r="D51" s="68">
        <v>2</v>
      </c>
      <c r="E51" s="67">
        <v>0</v>
      </c>
      <c r="F51" s="68">
        <v>0</v>
      </c>
      <c r="G51" s="69">
        <v>0</v>
      </c>
      <c r="H51" s="68">
        <v>20</v>
      </c>
      <c r="I51" s="68">
        <v>11</v>
      </c>
      <c r="J51" s="68">
        <v>9</v>
      </c>
      <c r="K51" s="67">
        <v>15</v>
      </c>
      <c r="L51" s="79">
        <v>8</v>
      </c>
      <c r="M51" s="80">
        <v>7</v>
      </c>
    </row>
    <row r="52" spans="1:13">
      <c r="A52" s="15" t="s">
        <v>94</v>
      </c>
      <c r="B52" s="67">
        <v>-5</v>
      </c>
      <c r="C52" s="68">
        <v>-3</v>
      </c>
      <c r="D52" s="68">
        <v>-2</v>
      </c>
      <c r="E52" s="67">
        <v>1</v>
      </c>
      <c r="F52" s="68">
        <v>0</v>
      </c>
      <c r="G52" s="69">
        <v>1</v>
      </c>
      <c r="H52" s="68">
        <v>12</v>
      </c>
      <c r="I52" s="68">
        <v>4</v>
      </c>
      <c r="J52" s="68">
        <v>8</v>
      </c>
      <c r="K52" s="67">
        <v>16</v>
      </c>
      <c r="L52" s="79">
        <v>7</v>
      </c>
      <c r="M52" s="80">
        <v>9</v>
      </c>
    </row>
    <row r="53" spans="1:13">
      <c r="A53" s="15" t="s">
        <v>96</v>
      </c>
      <c r="B53" s="67">
        <v>2</v>
      </c>
      <c r="C53" s="68">
        <v>-1</v>
      </c>
      <c r="D53" s="68">
        <v>3</v>
      </c>
      <c r="E53" s="67">
        <v>0</v>
      </c>
      <c r="F53" s="68">
        <v>0</v>
      </c>
      <c r="G53" s="69">
        <v>0</v>
      </c>
      <c r="H53" s="68">
        <v>14</v>
      </c>
      <c r="I53" s="68">
        <v>7</v>
      </c>
      <c r="J53" s="68">
        <v>7</v>
      </c>
      <c r="K53" s="67">
        <v>12</v>
      </c>
      <c r="L53" s="79">
        <v>8</v>
      </c>
      <c r="M53" s="80">
        <v>4</v>
      </c>
    </row>
    <row r="54" spans="1:13" ht="21" customHeight="1">
      <c r="A54" s="36" t="s">
        <v>98</v>
      </c>
      <c r="B54" s="64">
        <v>1</v>
      </c>
      <c r="C54" s="65">
        <v>1</v>
      </c>
      <c r="D54" s="65">
        <v>0</v>
      </c>
      <c r="E54" s="64">
        <v>2</v>
      </c>
      <c r="F54" s="65">
        <v>0</v>
      </c>
      <c r="G54" s="66">
        <v>2</v>
      </c>
      <c r="H54" s="65">
        <v>82</v>
      </c>
      <c r="I54" s="65">
        <v>42</v>
      </c>
      <c r="J54" s="65">
        <v>40</v>
      </c>
      <c r="K54" s="64">
        <v>79</v>
      </c>
      <c r="L54" s="77">
        <v>41</v>
      </c>
      <c r="M54" s="78">
        <v>38</v>
      </c>
    </row>
    <row r="55" spans="1:13">
      <c r="A55" s="15" t="s">
        <v>100</v>
      </c>
      <c r="B55" s="67">
        <v>-5</v>
      </c>
      <c r="C55" s="68">
        <v>-2</v>
      </c>
      <c r="D55" s="68">
        <v>-3</v>
      </c>
      <c r="E55" s="67">
        <v>0</v>
      </c>
      <c r="F55" s="68">
        <v>0</v>
      </c>
      <c r="G55" s="69">
        <v>0</v>
      </c>
      <c r="H55" s="68">
        <v>10</v>
      </c>
      <c r="I55" s="68">
        <v>3</v>
      </c>
      <c r="J55" s="68">
        <v>7</v>
      </c>
      <c r="K55" s="67">
        <v>15</v>
      </c>
      <c r="L55" s="79">
        <v>5</v>
      </c>
      <c r="M55" s="80">
        <v>10</v>
      </c>
    </row>
    <row r="56" spans="1:13">
      <c r="A56" s="15" t="s">
        <v>102</v>
      </c>
      <c r="B56" s="67">
        <v>-5</v>
      </c>
      <c r="C56" s="68">
        <v>-1</v>
      </c>
      <c r="D56" s="68">
        <v>-4</v>
      </c>
      <c r="E56" s="67">
        <v>0</v>
      </c>
      <c r="F56" s="68">
        <v>0</v>
      </c>
      <c r="G56" s="69">
        <v>0</v>
      </c>
      <c r="H56" s="68">
        <v>15</v>
      </c>
      <c r="I56" s="68">
        <v>10</v>
      </c>
      <c r="J56" s="68">
        <v>5</v>
      </c>
      <c r="K56" s="67">
        <v>20</v>
      </c>
      <c r="L56" s="79">
        <v>11</v>
      </c>
      <c r="M56" s="80">
        <v>9</v>
      </c>
    </row>
    <row r="57" spans="1:13">
      <c r="A57" s="15" t="s">
        <v>104</v>
      </c>
      <c r="B57" s="67">
        <v>2</v>
      </c>
      <c r="C57" s="68">
        <v>3</v>
      </c>
      <c r="D57" s="68">
        <v>-1</v>
      </c>
      <c r="E57" s="67">
        <v>0</v>
      </c>
      <c r="F57" s="68">
        <v>0</v>
      </c>
      <c r="G57" s="69">
        <v>0</v>
      </c>
      <c r="H57" s="68">
        <v>20</v>
      </c>
      <c r="I57" s="68">
        <v>14</v>
      </c>
      <c r="J57" s="68">
        <v>6</v>
      </c>
      <c r="K57" s="67">
        <v>18</v>
      </c>
      <c r="L57" s="79">
        <v>11</v>
      </c>
      <c r="M57" s="80">
        <v>7</v>
      </c>
    </row>
    <row r="58" spans="1:13">
      <c r="A58" s="15" t="s">
        <v>106</v>
      </c>
      <c r="B58" s="67">
        <v>2</v>
      </c>
      <c r="C58" s="68">
        <v>-1</v>
      </c>
      <c r="D58" s="68">
        <v>3</v>
      </c>
      <c r="E58" s="67">
        <v>0</v>
      </c>
      <c r="F58" s="68">
        <v>0</v>
      </c>
      <c r="G58" s="69">
        <v>0</v>
      </c>
      <c r="H58" s="68">
        <v>15</v>
      </c>
      <c r="I58" s="68">
        <v>5</v>
      </c>
      <c r="J58" s="68">
        <v>10</v>
      </c>
      <c r="K58" s="67">
        <v>13</v>
      </c>
      <c r="L58" s="79">
        <v>6</v>
      </c>
      <c r="M58" s="80">
        <v>7</v>
      </c>
    </row>
    <row r="59" spans="1:13">
      <c r="A59" s="15" t="s">
        <v>108</v>
      </c>
      <c r="B59" s="67">
        <v>7</v>
      </c>
      <c r="C59" s="68">
        <v>2</v>
      </c>
      <c r="D59" s="68">
        <v>5</v>
      </c>
      <c r="E59" s="67">
        <v>2</v>
      </c>
      <c r="F59" s="68">
        <v>0</v>
      </c>
      <c r="G59" s="69">
        <v>2</v>
      </c>
      <c r="H59" s="68">
        <v>22</v>
      </c>
      <c r="I59" s="68">
        <v>10</v>
      </c>
      <c r="J59" s="68">
        <v>12</v>
      </c>
      <c r="K59" s="67">
        <v>13</v>
      </c>
      <c r="L59" s="79">
        <v>8</v>
      </c>
      <c r="M59" s="80">
        <v>5</v>
      </c>
    </row>
    <row r="60" spans="1:13" ht="21" customHeight="1">
      <c r="A60" s="36" t="s">
        <v>110</v>
      </c>
      <c r="B60" s="64">
        <v>13</v>
      </c>
      <c r="C60" s="65">
        <v>8</v>
      </c>
      <c r="D60" s="65">
        <v>5</v>
      </c>
      <c r="E60" s="64">
        <v>4</v>
      </c>
      <c r="F60" s="65">
        <v>3</v>
      </c>
      <c r="G60" s="66">
        <v>1</v>
      </c>
      <c r="H60" s="65">
        <v>70</v>
      </c>
      <c r="I60" s="65">
        <v>39</v>
      </c>
      <c r="J60" s="65">
        <v>31</v>
      </c>
      <c r="K60" s="64">
        <v>53</v>
      </c>
      <c r="L60" s="77">
        <v>28</v>
      </c>
      <c r="M60" s="78">
        <v>25</v>
      </c>
    </row>
    <row r="61" spans="1:13">
      <c r="A61" s="15" t="s">
        <v>112</v>
      </c>
      <c r="B61" s="67">
        <v>0</v>
      </c>
      <c r="C61" s="68">
        <v>2</v>
      </c>
      <c r="D61" s="68">
        <v>-2</v>
      </c>
      <c r="E61" s="67">
        <v>2</v>
      </c>
      <c r="F61" s="68">
        <v>2</v>
      </c>
      <c r="G61" s="69">
        <v>0</v>
      </c>
      <c r="H61" s="68">
        <v>16</v>
      </c>
      <c r="I61" s="68">
        <v>11</v>
      </c>
      <c r="J61" s="68">
        <v>5</v>
      </c>
      <c r="K61" s="67">
        <v>14</v>
      </c>
      <c r="L61" s="79">
        <v>7</v>
      </c>
      <c r="M61" s="80">
        <v>7</v>
      </c>
    </row>
    <row r="62" spans="1:13">
      <c r="A62" s="15" t="s">
        <v>114</v>
      </c>
      <c r="B62" s="67">
        <v>3</v>
      </c>
      <c r="C62" s="68">
        <v>4</v>
      </c>
      <c r="D62" s="68">
        <v>-1</v>
      </c>
      <c r="E62" s="67">
        <v>0</v>
      </c>
      <c r="F62" s="68">
        <v>0</v>
      </c>
      <c r="G62" s="69">
        <v>0</v>
      </c>
      <c r="H62" s="68">
        <v>12</v>
      </c>
      <c r="I62" s="68">
        <v>8</v>
      </c>
      <c r="J62" s="68">
        <v>4</v>
      </c>
      <c r="K62" s="67">
        <v>9</v>
      </c>
      <c r="L62" s="79">
        <v>4</v>
      </c>
      <c r="M62" s="80">
        <v>5</v>
      </c>
    </row>
    <row r="63" spans="1:13">
      <c r="A63" s="15" t="s">
        <v>116</v>
      </c>
      <c r="B63" s="67">
        <v>0</v>
      </c>
      <c r="C63" s="68">
        <v>-1</v>
      </c>
      <c r="D63" s="68">
        <v>1</v>
      </c>
      <c r="E63" s="67">
        <v>0</v>
      </c>
      <c r="F63" s="68">
        <v>0</v>
      </c>
      <c r="G63" s="69">
        <v>0</v>
      </c>
      <c r="H63" s="68">
        <v>9</v>
      </c>
      <c r="I63" s="68">
        <v>4</v>
      </c>
      <c r="J63" s="68">
        <v>5</v>
      </c>
      <c r="K63" s="67">
        <v>9</v>
      </c>
      <c r="L63" s="79">
        <v>5</v>
      </c>
      <c r="M63" s="80">
        <v>4</v>
      </c>
    </row>
    <row r="64" spans="1:13">
      <c r="A64" s="15" t="s">
        <v>118</v>
      </c>
      <c r="B64" s="67">
        <v>3</v>
      </c>
      <c r="C64" s="68">
        <v>-1</v>
      </c>
      <c r="D64" s="68">
        <v>4</v>
      </c>
      <c r="E64" s="67">
        <v>2</v>
      </c>
      <c r="F64" s="68">
        <v>1</v>
      </c>
      <c r="G64" s="69">
        <v>1</v>
      </c>
      <c r="H64" s="68">
        <v>17</v>
      </c>
      <c r="I64" s="68">
        <v>8</v>
      </c>
      <c r="J64" s="68">
        <v>9</v>
      </c>
      <c r="K64" s="67">
        <v>12</v>
      </c>
      <c r="L64" s="79">
        <v>8</v>
      </c>
      <c r="M64" s="80">
        <v>4</v>
      </c>
    </row>
    <row r="65" spans="1:13">
      <c r="A65" s="19" t="s">
        <v>120</v>
      </c>
      <c r="B65" s="70">
        <v>7</v>
      </c>
      <c r="C65" s="71">
        <v>4</v>
      </c>
      <c r="D65" s="71">
        <v>3</v>
      </c>
      <c r="E65" s="70">
        <v>0</v>
      </c>
      <c r="F65" s="71">
        <v>0</v>
      </c>
      <c r="G65" s="72">
        <v>0</v>
      </c>
      <c r="H65" s="71">
        <v>16</v>
      </c>
      <c r="I65" s="71">
        <v>8</v>
      </c>
      <c r="J65" s="71">
        <v>8</v>
      </c>
      <c r="K65" s="70">
        <v>9</v>
      </c>
      <c r="L65" s="81">
        <v>4</v>
      </c>
      <c r="M65" s="82">
        <v>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40</v>
      </c>
      <c r="C69" s="50">
        <v>69</v>
      </c>
      <c r="D69" s="84">
        <v>71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8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95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29</v>
      </c>
      <c r="C75" s="65">
        <v>13</v>
      </c>
      <c r="D75" s="65">
        <v>16</v>
      </c>
      <c r="E75" s="64">
        <v>8</v>
      </c>
      <c r="F75" s="65">
        <v>3</v>
      </c>
      <c r="G75" s="66">
        <v>5</v>
      </c>
      <c r="H75" s="65">
        <v>86</v>
      </c>
      <c r="I75" s="65">
        <v>44</v>
      </c>
      <c r="J75" s="65">
        <v>42</v>
      </c>
      <c r="K75" s="64">
        <v>49</v>
      </c>
      <c r="L75" s="77">
        <v>28</v>
      </c>
      <c r="M75" s="78">
        <v>21</v>
      </c>
    </row>
    <row r="76" spans="1:13">
      <c r="A76" s="27" t="s">
        <v>5</v>
      </c>
      <c r="B76" s="67">
        <v>10</v>
      </c>
      <c r="C76" s="68">
        <v>5</v>
      </c>
      <c r="D76" s="68">
        <v>5</v>
      </c>
      <c r="E76" s="67">
        <v>1</v>
      </c>
      <c r="F76" s="68">
        <v>0</v>
      </c>
      <c r="G76" s="69">
        <v>1</v>
      </c>
      <c r="H76" s="68">
        <v>21</v>
      </c>
      <c r="I76" s="68">
        <v>13</v>
      </c>
      <c r="J76" s="68">
        <v>8</v>
      </c>
      <c r="K76" s="67">
        <v>10</v>
      </c>
      <c r="L76" s="79">
        <v>8</v>
      </c>
      <c r="M76" s="80">
        <v>2</v>
      </c>
    </row>
    <row r="77" spans="1:13">
      <c r="A77" s="27" t="s">
        <v>7</v>
      </c>
      <c r="B77" s="67">
        <v>4</v>
      </c>
      <c r="C77" s="68">
        <v>2</v>
      </c>
      <c r="D77" s="68">
        <v>2</v>
      </c>
      <c r="E77" s="67">
        <v>2</v>
      </c>
      <c r="F77" s="68">
        <v>1</v>
      </c>
      <c r="G77" s="69">
        <v>1</v>
      </c>
      <c r="H77" s="68">
        <v>18</v>
      </c>
      <c r="I77" s="68">
        <v>7</v>
      </c>
      <c r="J77" s="68">
        <v>11</v>
      </c>
      <c r="K77" s="67">
        <v>12</v>
      </c>
      <c r="L77" s="79">
        <v>4</v>
      </c>
      <c r="M77" s="80">
        <v>8</v>
      </c>
    </row>
    <row r="78" spans="1:13">
      <c r="A78" s="27" t="s">
        <v>9</v>
      </c>
      <c r="B78" s="67">
        <v>7</v>
      </c>
      <c r="C78" s="68">
        <v>2</v>
      </c>
      <c r="D78" s="68">
        <v>5</v>
      </c>
      <c r="E78" s="67">
        <v>1</v>
      </c>
      <c r="F78" s="68">
        <v>1</v>
      </c>
      <c r="G78" s="69">
        <v>0</v>
      </c>
      <c r="H78" s="68">
        <v>18</v>
      </c>
      <c r="I78" s="68">
        <v>10</v>
      </c>
      <c r="J78" s="68">
        <v>8</v>
      </c>
      <c r="K78" s="67">
        <v>10</v>
      </c>
      <c r="L78" s="79">
        <v>7</v>
      </c>
      <c r="M78" s="80">
        <v>3</v>
      </c>
    </row>
    <row r="79" spans="1:13">
      <c r="A79" s="27" t="s">
        <v>11</v>
      </c>
      <c r="B79" s="67">
        <v>8</v>
      </c>
      <c r="C79" s="68">
        <v>5</v>
      </c>
      <c r="D79" s="68">
        <v>3</v>
      </c>
      <c r="E79" s="67">
        <v>1</v>
      </c>
      <c r="F79" s="68">
        <v>0</v>
      </c>
      <c r="G79" s="69">
        <v>1</v>
      </c>
      <c r="H79" s="68">
        <v>16</v>
      </c>
      <c r="I79" s="68">
        <v>8</v>
      </c>
      <c r="J79" s="68">
        <v>8</v>
      </c>
      <c r="K79" s="67">
        <v>7</v>
      </c>
      <c r="L79" s="79">
        <v>3</v>
      </c>
      <c r="M79" s="80">
        <v>4</v>
      </c>
    </row>
    <row r="80" spans="1:13">
      <c r="A80" s="27" t="s">
        <v>13</v>
      </c>
      <c r="B80" s="67">
        <v>0</v>
      </c>
      <c r="C80" s="68">
        <v>-1</v>
      </c>
      <c r="D80" s="68">
        <v>1</v>
      </c>
      <c r="E80" s="67">
        <v>3</v>
      </c>
      <c r="F80" s="68">
        <v>1</v>
      </c>
      <c r="G80" s="69">
        <v>2</v>
      </c>
      <c r="H80" s="68">
        <v>13</v>
      </c>
      <c r="I80" s="68">
        <v>6</v>
      </c>
      <c r="J80" s="68">
        <v>7</v>
      </c>
      <c r="K80" s="67">
        <v>10</v>
      </c>
      <c r="L80" s="79">
        <v>6</v>
      </c>
      <c r="M80" s="80">
        <v>4</v>
      </c>
    </row>
    <row r="81" spans="1:13" ht="21" customHeight="1">
      <c r="A81" s="38" t="s">
        <v>15</v>
      </c>
      <c r="B81" s="64">
        <v>9</v>
      </c>
      <c r="C81" s="65">
        <v>5</v>
      </c>
      <c r="D81" s="65">
        <v>4</v>
      </c>
      <c r="E81" s="64">
        <v>8</v>
      </c>
      <c r="F81" s="65">
        <v>7</v>
      </c>
      <c r="G81" s="66">
        <v>1</v>
      </c>
      <c r="H81" s="65">
        <v>65</v>
      </c>
      <c r="I81" s="65">
        <v>34</v>
      </c>
      <c r="J81" s="65">
        <v>31</v>
      </c>
      <c r="K81" s="64">
        <v>48</v>
      </c>
      <c r="L81" s="77">
        <v>22</v>
      </c>
      <c r="M81" s="78">
        <v>26</v>
      </c>
    </row>
    <row r="82" spans="1:13">
      <c r="A82" s="27" t="s">
        <v>17</v>
      </c>
      <c r="B82" s="67">
        <v>7</v>
      </c>
      <c r="C82" s="68">
        <v>5</v>
      </c>
      <c r="D82" s="68">
        <v>2</v>
      </c>
      <c r="E82" s="67">
        <v>0</v>
      </c>
      <c r="F82" s="68">
        <v>0</v>
      </c>
      <c r="G82" s="69">
        <v>0</v>
      </c>
      <c r="H82" s="68">
        <v>19</v>
      </c>
      <c r="I82" s="68">
        <v>12</v>
      </c>
      <c r="J82" s="68">
        <v>7</v>
      </c>
      <c r="K82" s="67">
        <v>12</v>
      </c>
      <c r="L82" s="79">
        <v>7</v>
      </c>
      <c r="M82" s="80">
        <v>5</v>
      </c>
    </row>
    <row r="83" spans="1:13">
      <c r="A83" s="27" t="s">
        <v>19</v>
      </c>
      <c r="B83" s="67">
        <v>0</v>
      </c>
      <c r="C83" s="68">
        <v>-3</v>
      </c>
      <c r="D83" s="68">
        <v>3</v>
      </c>
      <c r="E83" s="67">
        <v>2</v>
      </c>
      <c r="F83" s="68">
        <v>2</v>
      </c>
      <c r="G83" s="69">
        <v>0</v>
      </c>
      <c r="H83" s="68">
        <v>11</v>
      </c>
      <c r="I83" s="68">
        <v>5</v>
      </c>
      <c r="J83" s="68">
        <v>6</v>
      </c>
      <c r="K83" s="67">
        <v>9</v>
      </c>
      <c r="L83" s="79">
        <v>6</v>
      </c>
      <c r="M83" s="80">
        <v>3</v>
      </c>
    </row>
    <row r="84" spans="1:13">
      <c r="A84" s="27" t="s">
        <v>21</v>
      </c>
      <c r="B84" s="67">
        <v>3</v>
      </c>
      <c r="C84" s="68">
        <v>3</v>
      </c>
      <c r="D84" s="68">
        <v>0</v>
      </c>
      <c r="E84" s="67">
        <v>1</v>
      </c>
      <c r="F84" s="68">
        <v>1</v>
      </c>
      <c r="G84" s="69">
        <v>0</v>
      </c>
      <c r="H84" s="68">
        <v>15</v>
      </c>
      <c r="I84" s="68">
        <v>7</v>
      </c>
      <c r="J84" s="68">
        <v>8</v>
      </c>
      <c r="K84" s="67">
        <v>11</v>
      </c>
      <c r="L84" s="79">
        <v>3</v>
      </c>
      <c r="M84" s="80">
        <v>8</v>
      </c>
    </row>
    <row r="85" spans="1:13">
      <c r="A85" s="27" t="s">
        <v>23</v>
      </c>
      <c r="B85" s="67">
        <v>2</v>
      </c>
      <c r="C85" s="68">
        <v>1</v>
      </c>
      <c r="D85" s="68">
        <v>1</v>
      </c>
      <c r="E85" s="67">
        <v>1</v>
      </c>
      <c r="F85" s="68">
        <v>1</v>
      </c>
      <c r="G85" s="69">
        <v>0</v>
      </c>
      <c r="H85" s="68">
        <v>12</v>
      </c>
      <c r="I85" s="68">
        <v>6</v>
      </c>
      <c r="J85" s="68">
        <v>6</v>
      </c>
      <c r="K85" s="67">
        <v>9</v>
      </c>
      <c r="L85" s="79">
        <v>4</v>
      </c>
      <c r="M85" s="80">
        <v>5</v>
      </c>
    </row>
    <row r="86" spans="1:13">
      <c r="A86" s="27" t="s">
        <v>25</v>
      </c>
      <c r="B86" s="67">
        <v>-3</v>
      </c>
      <c r="C86" s="68">
        <v>-1</v>
      </c>
      <c r="D86" s="68">
        <v>-2</v>
      </c>
      <c r="E86" s="67">
        <v>4</v>
      </c>
      <c r="F86" s="68">
        <v>3</v>
      </c>
      <c r="G86" s="69">
        <v>1</v>
      </c>
      <c r="H86" s="68">
        <v>8</v>
      </c>
      <c r="I86" s="68">
        <v>4</v>
      </c>
      <c r="J86" s="68">
        <v>4</v>
      </c>
      <c r="K86" s="67">
        <v>7</v>
      </c>
      <c r="L86" s="79">
        <v>2</v>
      </c>
      <c r="M86" s="80">
        <v>5</v>
      </c>
    </row>
    <row r="87" spans="1:13" ht="21" customHeight="1">
      <c r="A87" s="38" t="s">
        <v>27</v>
      </c>
      <c r="B87" s="64">
        <v>21</v>
      </c>
      <c r="C87" s="65">
        <v>16</v>
      </c>
      <c r="D87" s="65">
        <v>5</v>
      </c>
      <c r="E87" s="64">
        <v>12</v>
      </c>
      <c r="F87" s="65">
        <v>8</v>
      </c>
      <c r="G87" s="66">
        <v>4</v>
      </c>
      <c r="H87" s="65">
        <v>61</v>
      </c>
      <c r="I87" s="65">
        <v>37</v>
      </c>
      <c r="J87" s="65">
        <v>24</v>
      </c>
      <c r="K87" s="64">
        <v>28</v>
      </c>
      <c r="L87" s="77">
        <v>13</v>
      </c>
      <c r="M87" s="78">
        <v>15</v>
      </c>
    </row>
    <row r="88" spans="1:13">
      <c r="A88" s="27" t="s">
        <v>29</v>
      </c>
      <c r="B88" s="67">
        <v>12</v>
      </c>
      <c r="C88" s="68">
        <v>10</v>
      </c>
      <c r="D88" s="68">
        <v>2</v>
      </c>
      <c r="E88" s="67">
        <v>2</v>
      </c>
      <c r="F88" s="68">
        <v>2</v>
      </c>
      <c r="G88" s="69">
        <v>0</v>
      </c>
      <c r="H88" s="68">
        <v>17</v>
      </c>
      <c r="I88" s="68">
        <v>13</v>
      </c>
      <c r="J88" s="68">
        <v>4</v>
      </c>
      <c r="K88" s="67">
        <v>3</v>
      </c>
      <c r="L88" s="79">
        <v>1</v>
      </c>
      <c r="M88" s="80">
        <v>2</v>
      </c>
    </row>
    <row r="89" spans="1:13">
      <c r="A89" s="27" t="s">
        <v>31</v>
      </c>
      <c r="B89" s="67">
        <v>0</v>
      </c>
      <c r="C89" s="68">
        <v>0</v>
      </c>
      <c r="D89" s="68">
        <v>0</v>
      </c>
      <c r="E89" s="67">
        <v>2</v>
      </c>
      <c r="F89" s="68">
        <v>1</v>
      </c>
      <c r="G89" s="69">
        <v>1</v>
      </c>
      <c r="H89" s="68">
        <v>7</v>
      </c>
      <c r="I89" s="68">
        <v>3</v>
      </c>
      <c r="J89" s="68">
        <v>4</v>
      </c>
      <c r="K89" s="67">
        <v>5</v>
      </c>
      <c r="L89" s="79">
        <v>2</v>
      </c>
      <c r="M89" s="80">
        <v>3</v>
      </c>
    </row>
    <row r="90" spans="1:13">
      <c r="A90" s="27" t="s">
        <v>33</v>
      </c>
      <c r="B90" s="67">
        <v>2</v>
      </c>
      <c r="C90" s="68">
        <v>3</v>
      </c>
      <c r="D90" s="68">
        <v>-1</v>
      </c>
      <c r="E90" s="67">
        <v>2</v>
      </c>
      <c r="F90" s="68">
        <v>1</v>
      </c>
      <c r="G90" s="69">
        <v>1</v>
      </c>
      <c r="H90" s="68">
        <v>12</v>
      </c>
      <c r="I90" s="68">
        <v>6</v>
      </c>
      <c r="J90" s="68">
        <v>6</v>
      </c>
      <c r="K90" s="67">
        <v>8</v>
      </c>
      <c r="L90" s="79">
        <v>2</v>
      </c>
      <c r="M90" s="80">
        <v>6</v>
      </c>
    </row>
    <row r="91" spans="1:13">
      <c r="A91" s="27" t="s">
        <v>35</v>
      </c>
      <c r="B91" s="67">
        <v>8</v>
      </c>
      <c r="C91" s="68">
        <v>5</v>
      </c>
      <c r="D91" s="68">
        <v>3</v>
      </c>
      <c r="E91" s="67">
        <v>2</v>
      </c>
      <c r="F91" s="68">
        <v>1</v>
      </c>
      <c r="G91" s="69">
        <v>1</v>
      </c>
      <c r="H91" s="68">
        <v>15</v>
      </c>
      <c r="I91" s="68">
        <v>9</v>
      </c>
      <c r="J91" s="68">
        <v>6</v>
      </c>
      <c r="K91" s="67">
        <v>5</v>
      </c>
      <c r="L91" s="79">
        <v>3</v>
      </c>
      <c r="M91" s="80">
        <v>2</v>
      </c>
    </row>
    <row r="92" spans="1:13">
      <c r="A92" s="27" t="s">
        <v>37</v>
      </c>
      <c r="B92" s="67">
        <v>-1</v>
      </c>
      <c r="C92" s="68">
        <v>-2</v>
      </c>
      <c r="D92" s="68">
        <v>1</v>
      </c>
      <c r="E92" s="67">
        <v>4</v>
      </c>
      <c r="F92" s="68">
        <v>3</v>
      </c>
      <c r="G92" s="69">
        <v>1</v>
      </c>
      <c r="H92" s="68">
        <v>10</v>
      </c>
      <c r="I92" s="68">
        <v>6</v>
      </c>
      <c r="J92" s="68">
        <v>4</v>
      </c>
      <c r="K92" s="67">
        <v>7</v>
      </c>
      <c r="L92" s="79">
        <v>5</v>
      </c>
      <c r="M92" s="80">
        <v>2</v>
      </c>
    </row>
    <row r="93" spans="1:13" ht="21" customHeight="1">
      <c r="A93" s="38" t="s">
        <v>39</v>
      </c>
      <c r="B93" s="64">
        <v>-2</v>
      </c>
      <c r="C93" s="65">
        <v>-9</v>
      </c>
      <c r="D93" s="65">
        <v>7</v>
      </c>
      <c r="E93" s="64">
        <v>28</v>
      </c>
      <c r="F93" s="65">
        <v>23</v>
      </c>
      <c r="G93" s="66">
        <v>5</v>
      </c>
      <c r="H93" s="65">
        <v>56</v>
      </c>
      <c r="I93" s="65">
        <v>29</v>
      </c>
      <c r="J93" s="65">
        <v>27</v>
      </c>
      <c r="K93" s="64">
        <v>30</v>
      </c>
      <c r="L93" s="77">
        <v>15</v>
      </c>
      <c r="M93" s="78">
        <v>15</v>
      </c>
    </row>
    <row r="94" spans="1:13">
      <c r="A94" s="27" t="s">
        <v>41</v>
      </c>
      <c r="B94" s="67">
        <v>-5</v>
      </c>
      <c r="C94" s="68">
        <v>-8</v>
      </c>
      <c r="D94" s="68">
        <v>3</v>
      </c>
      <c r="E94" s="67">
        <v>10</v>
      </c>
      <c r="F94" s="68">
        <v>9</v>
      </c>
      <c r="G94" s="69">
        <v>1</v>
      </c>
      <c r="H94" s="68">
        <v>14</v>
      </c>
      <c r="I94" s="68">
        <v>8</v>
      </c>
      <c r="J94" s="68">
        <v>6</v>
      </c>
      <c r="K94" s="67">
        <v>9</v>
      </c>
      <c r="L94" s="79">
        <v>7</v>
      </c>
      <c r="M94" s="80">
        <v>2</v>
      </c>
    </row>
    <row r="95" spans="1:13">
      <c r="A95" s="27" t="s">
        <v>43</v>
      </c>
      <c r="B95" s="67">
        <v>-2</v>
      </c>
      <c r="C95" s="68">
        <v>-2</v>
      </c>
      <c r="D95" s="68">
        <v>0</v>
      </c>
      <c r="E95" s="67">
        <v>4</v>
      </c>
      <c r="F95" s="68">
        <v>4</v>
      </c>
      <c r="G95" s="69">
        <v>0</v>
      </c>
      <c r="H95" s="68">
        <v>8</v>
      </c>
      <c r="I95" s="68">
        <v>4</v>
      </c>
      <c r="J95" s="68">
        <v>4</v>
      </c>
      <c r="K95" s="67">
        <v>6</v>
      </c>
      <c r="L95" s="79">
        <v>2</v>
      </c>
      <c r="M95" s="80">
        <v>4</v>
      </c>
    </row>
    <row r="96" spans="1:13">
      <c r="A96" s="27" t="s">
        <v>45</v>
      </c>
      <c r="B96" s="67">
        <v>3</v>
      </c>
      <c r="C96" s="68">
        <v>1</v>
      </c>
      <c r="D96" s="68">
        <v>2</v>
      </c>
      <c r="E96" s="67">
        <v>3</v>
      </c>
      <c r="F96" s="68">
        <v>2</v>
      </c>
      <c r="G96" s="69">
        <v>1</v>
      </c>
      <c r="H96" s="68">
        <v>10</v>
      </c>
      <c r="I96" s="68">
        <v>4</v>
      </c>
      <c r="J96" s="68">
        <v>6</v>
      </c>
      <c r="K96" s="67">
        <v>4</v>
      </c>
      <c r="L96" s="79">
        <v>1</v>
      </c>
      <c r="M96" s="80">
        <v>3</v>
      </c>
    </row>
    <row r="97" spans="1:13">
      <c r="A97" s="27" t="s">
        <v>47</v>
      </c>
      <c r="B97" s="67">
        <v>7</v>
      </c>
      <c r="C97" s="68">
        <v>2</v>
      </c>
      <c r="D97" s="68">
        <v>5</v>
      </c>
      <c r="E97" s="67">
        <v>3</v>
      </c>
      <c r="F97" s="68">
        <v>2</v>
      </c>
      <c r="G97" s="69">
        <v>1</v>
      </c>
      <c r="H97" s="68">
        <v>16</v>
      </c>
      <c r="I97" s="68">
        <v>7</v>
      </c>
      <c r="J97" s="68">
        <v>9</v>
      </c>
      <c r="K97" s="67">
        <v>6</v>
      </c>
      <c r="L97" s="79">
        <v>3</v>
      </c>
      <c r="M97" s="80">
        <v>3</v>
      </c>
    </row>
    <row r="98" spans="1:13">
      <c r="A98" s="27" t="s">
        <v>49</v>
      </c>
      <c r="B98" s="67">
        <v>-5</v>
      </c>
      <c r="C98" s="68">
        <v>-2</v>
      </c>
      <c r="D98" s="68">
        <v>-3</v>
      </c>
      <c r="E98" s="67">
        <v>8</v>
      </c>
      <c r="F98" s="68">
        <v>6</v>
      </c>
      <c r="G98" s="69">
        <v>2</v>
      </c>
      <c r="H98" s="68">
        <v>8</v>
      </c>
      <c r="I98" s="68">
        <v>6</v>
      </c>
      <c r="J98" s="68">
        <v>2</v>
      </c>
      <c r="K98" s="67">
        <v>5</v>
      </c>
      <c r="L98" s="79">
        <v>2</v>
      </c>
      <c r="M98" s="80">
        <v>3</v>
      </c>
    </row>
    <row r="99" spans="1:13" ht="21" customHeight="1">
      <c r="A99" s="38" t="s">
        <v>51</v>
      </c>
      <c r="B99" s="64">
        <v>-26</v>
      </c>
      <c r="C99" s="65">
        <v>-25</v>
      </c>
      <c r="D99" s="65">
        <v>-1</v>
      </c>
      <c r="E99" s="64">
        <v>53</v>
      </c>
      <c r="F99" s="65">
        <v>38</v>
      </c>
      <c r="G99" s="66">
        <v>15</v>
      </c>
      <c r="H99" s="65">
        <v>51</v>
      </c>
      <c r="I99" s="65">
        <v>27</v>
      </c>
      <c r="J99" s="65">
        <v>24</v>
      </c>
      <c r="K99" s="64">
        <v>24</v>
      </c>
      <c r="L99" s="77">
        <v>14</v>
      </c>
      <c r="M99" s="78">
        <v>10</v>
      </c>
    </row>
    <row r="100" spans="1:13">
      <c r="A100" s="27" t="s">
        <v>53</v>
      </c>
      <c r="B100" s="67">
        <v>-13</v>
      </c>
      <c r="C100" s="68">
        <v>-11</v>
      </c>
      <c r="D100" s="68">
        <v>-2</v>
      </c>
      <c r="E100" s="67">
        <v>8</v>
      </c>
      <c r="F100" s="68">
        <v>7</v>
      </c>
      <c r="G100" s="69">
        <v>1</v>
      </c>
      <c r="H100" s="68">
        <v>5</v>
      </c>
      <c r="I100" s="68">
        <v>3</v>
      </c>
      <c r="J100" s="68">
        <v>2</v>
      </c>
      <c r="K100" s="67">
        <v>10</v>
      </c>
      <c r="L100" s="79">
        <v>7</v>
      </c>
      <c r="M100" s="80">
        <v>3</v>
      </c>
    </row>
    <row r="101" spans="1:13">
      <c r="A101" s="27" t="s">
        <v>55</v>
      </c>
      <c r="B101" s="67">
        <v>4</v>
      </c>
      <c r="C101" s="68">
        <v>5</v>
      </c>
      <c r="D101" s="68">
        <v>-1</v>
      </c>
      <c r="E101" s="67">
        <v>8</v>
      </c>
      <c r="F101" s="68">
        <v>5</v>
      </c>
      <c r="G101" s="69">
        <v>3</v>
      </c>
      <c r="H101" s="68">
        <v>12</v>
      </c>
      <c r="I101" s="68">
        <v>10</v>
      </c>
      <c r="J101" s="68">
        <v>2</v>
      </c>
      <c r="K101" s="67">
        <v>0</v>
      </c>
      <c r="L101" s="79">
        <v>0</v>
      </c>
      <c r="M101" s="80">
        <v>0</v>
      </c>
    </row>
    <row r="102" spans="1:13">
      <c r="A102" s="27" t="s">
        <v>57</v>
      </c>
      <c r="B102" s="67">
        <v>-9</v>
      </c>
      <c r="C102" s="68">
        <v>-6</v>
      </c>
      <c r="D102" s="68">
        <v>-3</v>
      </c>
      <c r="E102" s="67">
        <v>12</v>
      </c>
      <c r="F102" s="68">
        <v>9</v>
      </c>
      <c r="G102" s="69">
        <v>3</v>
      </c>
      <c r="H102" s="68">
        <v>8</v>
      </c>
      <c r="I102" s="68">
        <v>5</v>
      </c>
      <c r="J102" s="68">
        <v>3</v>
      </c>
      <c r="K102" s="67">
        <v>5</v>
      </c>
      <c r="L102" s="79">
        <v>2</v>
      </c>
      <c r="M102" s="80">
        <v>3</v>
      </c>
    </row>
    <row r="103" spans="1:13">
      <c r="A103" s="27" t="s">
        <v>59</v>
      </c>
      <c r="B103" s="67">
        <v>-3</v>
      </c>
      <c r="C103" s="68">
        <v>-6</v>
      </c>
      <c r="D103" s="68">
        <v>3</v>
      </c>
      <c r="E103" s="67">
        <v>14</v>
      </c>
      <c r="F103" s="68">
        <v>9</v>
      </c>
      <c r="G103" s="69">
        <v>5</v>
      </c>
      <c r="H103" s="68">
        <v>16</v>
      </c>
      <c r="I103" s="68">
        <v>6</v>
      </c>
      <c r="J103" s="68">
        <v>10</v>
      </c>
      <c r="K103" s="67">
        <v>5</v>
      </c>
      <c r="L103" s="79">
        <v>3</v>
      </c>
      <c r="M103" s="80">
        <v>2</v>
      </c>
    </row>
    <row r="104" spans="1:13">
      <c r="A104" s="27" t="s">
        <v>61</v>
      </c>
      <c r="B104" s="67">
        <v>-5</v>
      </c>
      <c r="C104" s="68">
        <v>-7</v>
      </c>
      <c r="D104" s="68">
        <v>2</v>
      </c>
      <c r="E104" s="67">
        <v>11</v>
      </c>
      <c r="F104" s="68">
        <v>8</v>
      </c>
      <c r="G104" s="69">
        <v>3</v>
      </c>
      <c r="H104" s="68">
        <v>10</v>
      </c>
      <c r="I104" s="68">
        <v>3</v>
      </c>
      <c r="J104" s="68">
        <v>7</v>
      </c>
      <c r="K104" s="67">
        <v>4</v>
      </c>
      <c r="L104" s="79">
        <v>2</v>
      </c>
      <c r="M104" s="80">
        <v>2</v>
      </c>
    </row>
    <row r="105" spans="1:13" ht="21" customHeight="1">
      <c r="A105" s="38" t="s">
        <v>63</v>
      </c>
      <c r="B105" s="64">
        <v>-85</v>
      </c>
      <c r="C105" s="65">
        <v>-55</v>
      </c>
      <c r="D105" s="65">
        <v>-30</v>
      </c>
      <c r="E105" s="64">
        <v>93</v>
      </c>
      <c r="F105" s="65">
        <v>54</v>
      </c>
      <c r="G105" s="66">
        <v>39</v>
      </c>
      <c r="H105" s="65">
        <v>46</v>
      </c>
      <c r="I105" s="65">
        <v>18</v>
      </c>
      <c r="J105" s="65">
        <v>28</v>
      </c>
      <c r="K105" s="64">
        <v>38</v>
      </c>
      <c r="L105" s="77">
        <v>19</v>
      </c>
      <c r="M105" s="78">
        <v>19</v>
      </c>
    </row>
    <row r="106" spans="1:13">
      <c r="A106" s="27" t="s">
        <v>65</v>
      </c>
      <c r="B106" s="67">
        <v>-22</v>
      </c>
      <c r="C106" s="68">
        <v>-18</v>
      </c>
      <c r="D106" s="68">
        <v>-4</v>
      </c>
      <c r="E106" s="67">
        <v>24</v>
      </c>
      <c r="F106" s="68">
        <v>14</v>
      </c>
      <c r="G106" s="69">
        <v>10</v>
      </c>
      <c r="H106" s="68">
        <v>12</v>
      </c>
      <c r="I106" s="68">
        <v>2</v>
      </c>
      <c r="J106" s="68">
        <v>10</v>
      </c>
      <c r="K106" s="67">
        <v>10</v>
      </c>
      <c r="L106" s="79">
        <v>6</v>
      </c>
      <c r="M106" s="80">
        <v>4</v>
      </c>
    </row>
    <row r="107" spans="1:13">
      <c r="A107" s="27" t="s">
        <v>67</v>
      </c>
      <c r="B107" s="67">
        <v>-11</v>
      </c>
      <c r="C107" s="68">
        <v>-9</v>
      </c>
      <c r="D107" s="68">
        <v>-2</v>
      </c>
      <c r="E107" s="67">
        <v>11</v>
      </c>
      <c r="F107" s="68">
        <v>8</v>
      </c>
      <c r="G107" s="69">
        <v>3</v>
      </c>
      <c r="H107" s="68">
        <v>7</v>
      </c>
      <c r="I107" s="68">
        <v>4</v>
      </c>
      <c r="J107" s="68">
        <v>3</v>
      </c>
      <c r="K107" s="67">
        <v>7</v>
      </c>
      <c r="L107" s="79">
        <v>5</v>
      </c>
      <c r="M107" s="80">
        <v>2</v>
      </c>
    </row>
    <row r="108" spans="1:13">
      <c r="A108" s="27" t="s">
        <v>69</v>
      </c>
      <c r="B108" s="67">
        <v>-10</v>
      </c>
      <c r="C108" s="68">
        <v>-7</v>
      </c>
      <c r="D108" s="68">
        <v>-3</v>
      </c>
      <c r="E108" s="67">
        <v>12</v>
      </c>
      <c r="F108" s="68">
        <v>7</v>
      </c>
      <c r="G108" s="69">
        <v>5</v>
      </c>
      <c r="H108" s="68">
        <v>8</v>
      </c>
      <c r="I108" s="68">
        <v>3</v>
      </c>
      <c r="J108" s="68">
        <v>5</v>
      </c>
      <c r="K108" s="67">
        <v>6</v>
      </c>
      <c r="L108" s="79">
        <v>3</v>
      </c>
      <c r="M108" s="80">
        <v>3</v>
      </c>
    </row>
    <row r="109" spans="1:13">
      <c r="A109" s="27" t="s">
        <v>71</v>
      </c>
      <c r="B109" s="67">
        <v>-15</v>
      </c>
      <c r="C109" s="68">
        <v>-10</v>
      </c>
      <c r="D109" s="68">
        <v>-5</v>
      </c>
      <c r="E109" s="67">
        <v>21</v>
      </c>
      <c r="F109" s="68">
        <v>13</v>
      </c>
      <c r="G109" s="69">
        <v>8</v>
      </c>
      <c r="H109" s="68">
        <v>8</v>
      </c>
      <c r="I109" s="68">
        <v>4</v>
      </c>
      <c r="J109" s="68">
        <v>4</v>
      </c>
      <c r="K109" s="67">
        <v>2</v>
      </c>
      <c r="L109" s="79">
        <v>1</v>
      </c>
      <c r="M109" s="80">
        <v>1</v>
      </c>
    </row>
    <row r="110" spans="1:13">
      <c r="A110" s="27" t="s">
        <v>73</v>
      </c>
      <c r="B110" s="67">
        <v>-27</v>
      </c>
      <c r="C110" s="68">
        <v>-11</v>
      </c>
      <c r="D110" s="68">
        <v>-16</v>
      </c>
      <c r="E110" s="67">
        <v>25</v>
      </c>
      <c r="F110" s="68">
        <v>12</v>
      </c>
      <c r="G110" s="69">
        <v>13</v>
      </c>
      <c r="H110" s="68">
        <v>11</v>
      </c>
      <c r="I110" s="68">
        <v>5</v>
      </c>
      <c r="J110" s="68">
        <v>6</v>
      </c>
      <c r="K110" s="67">
        <v>13</v>
      </c>
      <c r="L110" s="79">
        <v>4</v>
      </c>
      <c r="M110" s="80">
        <v>9</v>
      </c>
    </row>
    <row r="111" spans="1:13" ht="21" customHeight="1">
      <c r="A111" s="38" t="s">
        <v>75</v>
      </c>
      <c r="B111" s="64">
        <v>-103</v>
      </c>
      <c r="C111" s="65">
        <v>-62</v>
      </c>
      <c r="D111" s="65">
        <v>-41</v>
      </c>
      <c r="E111" s="64">
        <v>110</v>
      </c>
      <c r="F111" s="65">
        <v>70</v>
      </c>
      <c r="G111" s="66">
        <v>40</v>
      </c>
      <c r="H111" s="65">
        <v>31</v>
      </c>
      <c r="I111" s="65">
        <v>14</v>
      </c>
      <c r="J111" s="65">
        <v>17</v>
      </c>
      <c r="K111" s="64">
        <v>24</v>
      </c>
      <c r="L111" s="77">
        <v>6</v>
      </c>
      <c r="M111" s="78">
        <v>18</v>
      </c>
    </row>
    <row r="112" spans="1:13">
      <c r="A112" s="27" t="s">
        <v>77</v>
      </c>
      <c r="B112" s="67">
        <v>-19</v>
      </c>
      <c r="C112" s="68">
        <v>-9</v>
      </c>
      <c r="D112" s="68">
        <v>-10</v>
      </c>
      <c r="E112" s="67">
        <v>19</v>
      </c>
      <c r="F112" s="68">
        <v>12</v>
      </c>
      <c r="G112" s="69">
        <v>7</v>
      </c>
      <c r="H112" s="68">
        <v>6</v>
      </c>
      <c r="I112" s="68">
        <v>4</v>
      </c>
      <c r="J112" s="68">
        <v>2</v>
      </c>
      <c r="K112" s="67">
        <v>6</v>
      </c>
      <c r="L112" s="79">
        <v>1</v>
      </c>
      <c r="M112" s="80">
        <v>5</v>
      </c>
    </row>
    <row r="113" spans="1:13">
      <c r="A113" s="27" t="s">
        <v>79</v>
      </c>
      <c r="B113" s="67">
        <v>-25</v>
      </c>
      <c r="C113" s="68">
        <v>-20</v>
      </c>
      <c r="D113" s="68">
        <v>-5</v>
      </c>
      <c r="E113" s="67">
        <v>28</v>
      </c>
      <c r="F113" s="68">
        <v>21</v>
      </c>
      <c r="G113" s="69">
        <v>7</v>
      </c>
      <c r="H113" s="68">
        <v>6</v>
      </c>
      <c r="I113" s="68">
        <v>3</v>
      </c>
      <c r="J113" s="68">
        <v>3</v>
      </c>
      <c r="K113" s="67">
        <v>3</v>
      </c>
      <c r="L113" s="79">
        <v>2</v>
      </c>
      <c r="M113" s="80">
        <v>1</v>
      </c>
    </row>
    <row r="114" spans="1:13">
      <c r="A114" s="27" t="s">
        <v>81</v>
      </c>
      <c r="B114" s="67">
        <v>-21</v>
      </c>
      <c r="C114" s="68">
        <v>-9</v>
      </c>
      <c r="D114" s="68">
        <v>-12</v>
      </c>
      <c r="E114" s="67">
        <v>19</v>
      </c>
      <c r="F114" s="68">
        <v>11</v>
      </c>
      <c r="G114" s="69">
        <v>8</v>
      </c>
      <c r="H114" s="68">
        <v>8</v>
      </c>
      <c r="I114" s="68">
        <v>4</v>
      </c>
      <c r="J114" s="68">
        <v>4</v>
      </c>
      <c r="K114" s="67">
        <v>10</v>
      </c>
      <c r="L114" s="79">
        <v>2</v>
      </c>
      <c r="M114" s="80">
        <v>8</v>
      </c>
    </row>
    <row r="115" spans="1:13">
      <c r="A115" s="27" t="s">
        <v>83</v>
      </c>
      <c r="B115" s="67">
        <v>-22</v>
      </c>
      <c r="C115" s="68">
        <v>-18</v>
      </c>
      <c r="D115" s="68">
        <v>-4</v>
      </c>
      <c r="E115" s="67">
        <v>24</v>
      </c>
      <c r="F115" s="68">
        <v>17</v>
      </c>
      <c r="G115" s="69">
        <v>7</v>
      </c>
      <c r="H115" s="68">
        <v>5</v>
      </c>
      <c r="I115" s="68">
        <v>0</v>
      </c>
      <c r="J115" s="68">
        <v>5</v>
      </c>
      <c r="K115" s="67">
        <v>3</v>
      </c>
      <c r="L115" s="79">
        <v>1</v>
      </c>
      <c r="M115" s="80">
        <v>2</v>
      </c>
    </row>
    <row r="116" spans="1:13">
      <c r="A116" s="27" t="s">
        <v>85</v>
      </c>
      <c r="B116" s="67">
        <v>-16</v>
      </c>
      <c r="C116" s="68">
        <v>-6</v>
      </c>
      <c r="D116" s="68">
        <v>-10</v>
      </c>
      <c r="E116" s="67">
        <v>20</v>
      </c>
      <c r="F116" s="68">
        <v>9</v>
      </c>
      <c r="G116" s="69">
        <v>11</v>
      </c>
      <c r="H116" s="68">
        <v>6</v>
      </c>
      <c r="I116" s="68">
        <v>3</v>
      </c>
      <c r="J116" s="68">
        <v>3</v>
      </c>
      <c r="K116" s="67">
        <v>2</v>
      </c>
      <c r="L116" s="79">
        <v>0</v>
      </c>
      <c r="M116" s="80">
        <v>2</v>
      </c>
    </row>
    <row r="117" spans="1:13" ht="21" customHeight="1">
      <c r="A117" s="38" t="s">
        <v>87</v>
      </c>
      <c r="B117" s="64">
        <v>-150</v>
      </c>
      <c r="C117" s="65">
        <v>-83</v>
      </c>
      <c r="D117" s="65">
        <v>-67</v>
      </c>
      <c r="E117" s="64">
        <v>163</v>
      </c>
      <c r="F117" s="65">
        <v>87</v>
      </c>
      <c r="G117" s="66">
        <v>76</v>
      </c>
      <c r="H117" s="65">
        <v>33</v>
      </c>
      <c r="I117" s="65">
        <v>9</v>
      </c>
      <c r="J117" s="65">
        <v>24</v>
      </c>
      <c r="K117" s="64">
        <v>20</v>
      </c>
      <c r="L117" s="77">
        <v>5</v>
      </c>
      <c r="M117" s="78">
        <v>15</v>
      </c>
    </row>
    <row r="118" spans="1:13">
      <c r="A118" s="27" t="s">
        <v>89</v>
      </c>
      <c r="B118" s="67">
        <v>-27</v>
      </c>
      <c r="C118" s="68">
        <v>-18</v>
      </c>
      <c r="D118" s="68">
        <v>-9</v>
      </c>
      <c r="E118" s="67">
        <v>33</v>
      </c>
      <c r="F118" s="68">
        <v>22</v>
      </c>
      <c r="G118" s="69">
        <v>11</v>
      </c>
      <c r="H118" s="68">
        <v>7</v>
      </c>
      <c r="I118" s="68">
        <v>4</v>
      </c>
      <c r="J118" s="68">
        <v>3</v>
      </c>
      <c r="K118" s="67">
        <v>1</v>
      </c>
      <c r="L118" s="79">
        <v>0</v>
      </c>
      <c r="M118" s="80">
        <v>1</v>
      </c>
    </row>
    <row r="119" spans="1:13">
      <c r="A119" s="27" t="s">
        <v>91</v>
      </c>
      <c r="B119" s="67">
        <v>-39</v>
      </c>
      <c r="C119" s="68">
        <v>-17</v>
      </c>
      <c r="D119" s="68">
        <v>-22</v>
      </c>
      <c r="E119" s="67">
        <v>41</v>
      </c>
      <c r="F119" s="68">
        <v>16</v>
      </c>
      <c r="G119" s="69">
        <v>25</v>
      </c>
      <c r="H119" s="68">
        <v>8</v>
      </c>
      <c r="I119" s="68">
        <v>0</v>
      </c>
      <c r="J119" s="68">
        <v>8</v>
      </c>
      <c r="K119" s="67">
        <v>6</v>
      </c>
      <c r="L119" s="79">
        <v>1</v>
      </c>
      <c r="M119" s="80">
        <v>5</v>
      </c>
    </row>
    <row r="120" spans="1:13">
      <c r="A120" s="27" t="s">
        <v>93</v>
      </c>
      <c r="B120" s="67">
        <v>-28</v>
      </c>
      <c r="C120" s="68">
        <v>-20</v>
      </c>
      <c r="D120" s="68">
        <v>-8</v>
      </c>
      <c r="E120" s="67">
        <v>34</v>
      </c>
      <c r="F120" s="68">
        <v>20</v>
      </c>
      <c r="G120" s="69">
        <v>14</v>
      </c>
      <c r="H120" s="68">
        <v>8</v>
      </c>
      <c r="I120" s="68">
        <v>1</v>
      </c>
      <c r="J120" s="68">
        <v>7</v>
      </c>
      <c r="K120" s="67">
        <v>2</v>
      </c>
      <c r="L120" s="79">
        <v>1</v>
      </c>
      <c r="M120" s="80">
        <v>1</v>
      </c>
    </row>
    <row r="121" spans="1:13">
      <c r="A121" s="27" t="s">
        <v>95</v>
      </c>
      <c r="B121" s="67">
        <v>-22</v>
      </c>
      <c r="C121" s="68">
        <v>-10</v>
      </c>
      <c r="D121" s="68">
        <v>-12</v>
      </c>
      <c r="E121" s="67">
        <v>25</v>
      </c>
      <c r="F121" s="68">
        <v>13</v>
      </c>
      <c r="G121" s="69">
        <v>12</v>
      </c>
      <c r="H121" s="68">
        <v>6</v>
      </c>
      <c r="I121" s="68">
        <v>4</v>
      </c>
      <c r="J121" s="68">
        <v>2</v>
      </c>
      <c r="K121" s="67">
        <v>3</v>
      </c>
      <c r="L121" s="79">
        <v>1</v>
      </c>
      <c r="M121" s="80">
        <v>2</v>
      </c>
    </row>
    <row r="122" spans="1:13">
      <c r="A122" s="27" t="s">
        <v>97</v>
      </c>
      <c r="B122" s="67">
        <v>-34</v>
      </c>
      <c r="C122" s="68">
        <v>-18</v>
      </c>
      <c r="D122" s="68">
        <v>-16</v>
      </c>
      <c r="E122" s="67">
        <v>30</v>
      </c>
      <c r="F122" s="68">
        <v>16</v>
      </c>
      <c r="G122" s="69">
        <v>14</v>
      </c>
      <c r="H122" s="68">
        <v>4</v>
      </c>
      <c r="I122" s="68">
        <v>0</v>
      </c>
      <c r="J122" s="68">
        <v>4</v>
      </c>
      <c r="K122" s="67">
        <v>8</v>
      </c>
      <c r="L122" s="79">
        <v>2</v>
      </c>
      <c r="M122" s="80">
        <v>6</v>
      </c>
    </row>
    <row r="123" spans="1:13" ht="21" customHeight="1">
      <c r="A123" s="38" t="s">
        <v>99</v>
      </c>
      <c r="B123" s="64">
        <v>-130</v>
      </c>
      <c r="C123" s="65">
        <v>-51</v>
      </c>
      <c r="D123" s="65">
        <v>-79</v>
      </c>
      <c r="E123" s="64">
        <v>134</v>
      </c>
      <c r="F123" s="65">
        <v>54</v>
      </c>
      <c r="G123" s="66">
        <v>80</v>
      </c>
      <c r="H123" s="65">
        <v>25</v>
      </c>
      <c r="I123" s="65">
        <v>8</v>
      </c>
      <c r="J123" s="65">
        <v>17</v>
      </c>
      <c r="K123" s="64">
        <v>21</v>
      </c>
      <c r="L123" s="77">
        <v>5</v>
      </c>
      <c r="M123" s="78">
        <v>16</v>
      </c>
    </row>
    <row r="124" spans="1:13">
      <c r="A124" s="27" t="s">
        <v>101</v>
      </c>
      <c r="B124" s="67">
        <v>-32</v>
      </c>
      <c r="C124" s="68">
        <v>-14</v>
      </c>
      <c r="D124" s="68">
        <v>-18</v>
      </c>
      <c r="E124" s="67">
        <v>27</v>
      </c>
      <c r="F124" s="68">
        <v>12</v>
      </c>
      <c r="G124" s="69">
        <v>15</v>
      </c>
      <c r="H124" s="68">
        <v>4</v>
      </c>
      <c r="I124" s="68">
        <v>1</v>
      </c>
      <c r="J124" s="68">
        <v>3</v>
      </c>
      <c r="K124" s="67">
        <v>9</v>
      </c>
      <c r="L124" s="79">
        <v>3</v>
      </c>
      <c r="M124" s="80">
        <v>6</v>
      </c>
    </row>
    <row r="125" spans="1:13">
      <c r="A125" s="27" t="s">
        <v>103</v>
      </c>
      <c r="B125" s="67">
        <v>-34</v>
      </c>
      <c r="C125" s="68">
        <v>-10</v>
      </c>
      <c r="D125" s="68">
        <v>-24</v>
      </c>
      <c r="E125" s="67">
        <v>36</v>
      </c>
      <c r="F125" s="68">
        <v>11</v>
      </c>
      <c r="G125" s="69">
        <v>25</v>
      </c>
      <c r="H125" s="68">
        <v>4</v>
      </c>
      <c r="I125" s="68">
        <v>1</v>
      </c>
      <c r="J125" s="68">
        <v>3</v>
      </c>
      <c r="K125" s="67">
        <v>2</v>
      </c>
      <c r="L125" s="79">
        <v>0</v>
      </c>
      <c r="M125" s="80">
        <v>2</v>
      </c>
    </row>
    <row r="126" spans="1:13">
      <c r="A126" s="27" t="s">
        <v>105</v>
      </c>
      <c r="B126" s="67">
        <v>-30</v>
      </c>
      <c r="C126" s="68">
        <v>-17</v>
      </c>
      <c r="D126" s="68">
        <v>-13</v>
      </c>
      <c r="E126" s="67">
        <v>31</v>
      </c>
      <c r="F126" s="68">
        <v>20</v>
      </c>
      <c r="G126" s="69">
        <v>11</v>
      </c>
      <c r="H126" s="68">
        <v>8</v>
      </c>
      <c r="I126" s="68">
        <v>5</v>
      </c>
      <c r="J126" s="68">
        <v>3</v>
      </c>
      <c r="K126" s="67">
        <v>7</v>
      </c>
      <c r="L126" s="79">
        <v>2</v>
      </c>
      <c r="M126" s="80">
        <v>5</v>
      </c>
    </row>
    <row r="127" spans="1:13">
      <c r="A127" s="27" t="s">
        <v>107</v>
      </c>
      <c r="B127" s="67">
        <v>-23</v>
      </c>
      <c r="C127" s="68">
        <v>-6</v>
      </c>
      <c r="D127" s="68">
        <v>-17</v>
      </c>
      <c r="E127" s="67">
        <v>25</v>
      </c>
      <c r="F127" s="68">
        <v>6</v>
      </c>
      <c r="G127" s="69">
        <v>19</v>
      </c>
      <c r="H127" s="68">
        <v>3</v>
      </c>
      <c r="I127" s="68">
        <v>0</v>
      </c>
      <c r="J127" s="68">
        <v>3</v>
      </c>
      <c r="K127" s="67">
        <v>1</v>
      </c>
      <c r="L127" s="79">
        <v>0</v>
      </c>
      <c r="M127" s="80">
        <v>1</v>
      </c>
    </row>
    <row r="128" spans="1:13">
      <c r="A128" s="27" t="s">
        <v>109</v>
      </c>
      <c r="B128" s="67">
        <v>-11</v>
      </c>
      <c r="C128" s="68">
        <v>-4</v>
      </c>
      <c r="D128" s="68">
        <v>-7</v>
      </c>
      <c r="E128" s="67">
        <v>15</v>
      </c>
      <c r="F128" s="68">
        <v>5</v>
      </c>
      <c r="G128" s="69">
        <v>10</v>
      </c>
      <c r="H128" s="68">
        <v>6</v>
      </c>
      <c r="I128" s="68">
        <v>1</v>
      </c>
      <c r="J128" s="68">
        <v>5</v>
      </c>
      <c r="K128" s="67">
        <v>2</v>
      </c>
      <c r="L128" s="79">
        <v>0</v>
      </c>
      <c r="M128" s="80">
        <v>2</v>
      </c>
    </row>
    <row r="129" spans="1:14" ht="21" customHeight="1">
      <c r="A129" s="38" t="s">
        <v>111</v>
      </c>
      <c r="B129" s="64">
        <v>-73</v>
      </c>
      <c r="C129" s="65">
        <v>-13</v>
      </c>
      <c r="D129" s="65">
        <v>-60</v>
      </c>
      <c r="E129" s="64">
        <v>74</v>
      </c>
      <c r="F129" s="65">
        <v>13</v>
      </c>
      <c r="G129" s="66">
        <v>61</v>
      </c>
      <c r="H129" s="65">
        <v>5</v>
      </c>
      <c r="I129" s="65">
        <v>1</v>
      </c>
      <c r="J129" s="65">
        <v>4</v>
      </c>
      <c r="K129" s="64">
        <v>4</v>
      </c>
      <c r="L129" s="77">
        <v>1</v>
      </c>
      <c r="M129" s="78">
        <v>3</v>
      </c>
    </row>
    <row r="130" spans="1:14">
      <c r="A130" s="27" t="s">
        <v>113</v>
      </c>
      <c r="B130" s="67">
        <v>-19</v>
      </c>
      <c r="C130" s="68">
        <v>-5</v>
      </c>
      <c r="D130" s="68">
        <v>-14</v>
      </c>
      <c r="E130" s="67">
        <v>19</v>
      </c>
      <c r="F130" s="68">
        <v>5</v>
      </c>
      <c r="G130" s="69">
        <v>14</v>
      </c>
      <c r="H130" s="68">
        <v>0</v>
      </c>
      <c r="I130" s="68">
        <v>0</v>
      </c>
      <c r="J130" s="68">
        <v>0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18</v>
      </c>
      <c r="C131" s="68">
        <v>-4</v>
      </c>
      <c r="D131" s="68">
        <v>-14</v>
      </c>
      <c r="E131" s="67">
        <v>19</v>
      </c>
      <c r="F131" s="68">
        <v>3</v>
      </c>
      <c r="G131" s="69">
        <v>16</v>
      </c>
      <c r="H131" s="68">
        <v>2</v>
      </c>
      <c r="I131" s="68">
        <v>0</v>
      </c>
      <c r="J131" s="68">
        <v>2</v>
      </c>
      <c r="K131" s="67">
        <v>1</v>
      </c>
      <c r="L131" s="79">
        <v>1</v>
      </c>
      <c r="M131" s="80">
        <v>0</v>
      </c>
    </row>
    <row r="132" spans="1:14">
      <c r="A132" s="27" t="s">
        <v>117</v>
      </c>
      <c r="B132" s="67">
        <v>-12</v>
      </c>
      <c r="C132" s="68">
        <v>-3</v>
      </c>
      <c r="D132" s="68">
        <v>-9</v>
      </c>
      <c r="E132" s="67">
        <v>12</v>
      </c>
      <c r="F132" s="68">
        <v>3</v>
      </c>
      <c r="G132" s="69">
        <v>9</v>
      </c>
      <c r="H132" s="68">
        <v>1</v>
      </c>
      <c r="I132" s="68">
        <v>0</v>
      </c>
      <c r="J132" s="68">
        <v>1</v>
      </c>
      <c r="K132" s="67">
        <v>1</v>
      </c>
      <c r="L132" s="79">
        <v>0</v>
      </c>
      <c r="M132" s="80">
        <v>1</v>
      </c>
    </row>
    <row r="133" spans="1:14">
      <c r="A133" s="27" t="s">
        <v>119</v>
      </c>
      <c r="B133" s="67">
        <v>-12</v>
      </c>
      <c r="C133" s="68">
        <v>-1</v>
      </c>
      <c r="D133" s="68">
        <v>-11</v>
      </c>
      <c r="E133" s="67">
        <v>14</v>
      </c>
      <c r="F133" s="68">
        <v>2</v>
      </c>
      <c r="G133" s="69">
        <v>12</v>
      </c>
      <c r="H133" s="68">
        <v>2</v>
      </c>
      <c r="I133" s="68">
        <v>1</v>
      </c>
      <c r="J133" s="68">
        <v>1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12</v>
      </c>
      <c r="C134" s="68">
        <v>0</v>
      </c>
      <c r="D134" s="68">
        <v>-12</v>
      </c>
      <c r="E134" s="67">
        <v>10</v>
      </c>
      <c r="F134" s="68">
        <v>0</v>
      </c>
      <c r="G134" s="69">
        <v>10</v>
      </c>
      <c r="H134" s="68">
        <v>0</v>
      </c>
      <c r="I134" s="68">
        <v>0</v>
      </c>
      <c r="J134" s="68">
        <v>0</v>
      </c>
      <c r="K134" s="67">
        <v>2</v>
      </c>
      <c r="L134" s="79">
        <v>0</v>
      </c>
      <c r="M134" s="80">
        <v>2</v>
      </c>
    </row>
    <row r="135" spans="1:14" ht="21" customHeight="1">
      <c r="A135" s="39" t="s">
        <v>122</v>
      </c>
      <c r="B135" s="42">
        <v>-21</v>
      </c>
      <c r="C135" s="40">
        <v>-1</v>
      </c>
      <c r="D135" s="40">
        <v>-20</v>
      </c>
      <c r="E135" s="42">
        <v>21</v>
      </c>
      <c r="F135" s="40">
        <v>1</v>
      </c>
      <c r="G135" s="43">
        <v>20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94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237</v>
      </c>
      <c r="C5" s="62">
        <v>-124</v>
      </c>
      <c r="D5" s="62">
        <v>-113</v>
      </c>
      <c r="E5" s="61">
        <v>417</v>
      </c>
      <c r="F5" s="62">
        <v>213</v>
      </c>
      <c r="G5" s="63">
        <v>204</v>
      </c>
      <c r="H5" s="62">
        <v>1269</v>
      </c>
      <c r="I5" s="62">
        <v>595</v>
      </c>
      <c r="J5" s="62">
        <v>674</v>
      </c>
      <c r="K5" s="61">
        <v>1212</v>
      </c>
      <c r="L5" s="75">
        <v>568</v>
      </c>
      <c r="M5" s="76">
        <v>644</v>
      </c>
    </row>
    <row r="6" spans="1:13" ht="23.25" customHeight="1">
      <c r="A6" s="36" t="s">
        <v>2</v>
      </c>
      <c r="B6" s="64">
        <v>175</v>
      </c>
      <c r="C6" s="65">
        <v>84</v>
      </c>
      <c r="D6" s="65">
        <v>91</v>
      </c>
      <c r="E6" s="64">
        <v>0</v>
      </c>
      <c r="F6" s="65">
        <v>0</v>
      </c>
      <c r="G6" s="66">
        <v>0</v>
      </c>
      <c r="H6" s="65">
        <v>107</v>
      </c>
      <c r="I6" s="65">
        <v>54</v>
      </c>
      <c r="J6" s="65">
        <v>53</v>
      </c>
      <c r="K6" s="64">
        <v>55</v>
      </c>
      <c r="L6" s="77">
        <v>32</v>
      </c>
      <c r="M6" s="78">
        <v>23</v>
      </c>
    </row>
    <row r="7" spans="1:13">
      <c r="A7" s="15" t="s">
        <v>4</v>
      </c>
      <c r="B7" s="67">
        <v>134</v>
      </c>
      <c r="C7" s="68">
        <v>64</v>
      </c>
      <c r="D7" s="68">
        <v>70</v>
      </c>
      <c r="E7" s="67">
        <v>0</v>
      </c>
      <c r="F7" s="68">
        <v>0</v>
      </c>
      <c r="G7" s="69">
        <v>0</v>
      </c>
      <c r="H7" s="68">
        <v>22</v>
      </c>
      <c r="I7" s="68">
        <v>10</v>
      </c>
      <c r="J7" s="68">
        <v>12</v>
      </c>
      <c r="K7" s="67">
        <v>11</v>
      </c>
      <c r="L7" s="79">
        <v>8</v>
      </c>
      <c r="M7" s="80">
        <v>3</v>
      </c>
    </row>
    <row r="8" spans="1:13">
      <c r="A8" s="15" t="s">
        <v>6</v>
      </c>
      <c r="B8" s="67">
        <v>11</v>
      </c>
      <c r="C8" s="68">
        <v>6</v>
      </c>
      <c r="D8" s="68">
        <v>5</v>
      </c>
      <c r="E8" s="67">
        <v>0</v>
      </c>
      <c r="F8" s="68">
        <v>0</v>
      </c>
      <c r="G8" s="69">
        <v>0</v>
      </c>
      <c r="H8" s="68">
        <v>24</v>
      </c>
      <c r="I8" s="68">
        <v>17</v>
      </c>
      <c r="J8" s="68">
        <v>7</v>
      </c>
      <c r="K8" s="67">
        <v>13</v>
      </c>
      <c r="L8" s="79">
        <v>11</v>
      </c>
      <c r="M8" s="80">
        <v>2</v>
      </c>
    </row>
    <row r="9" spans="1:13">
      <c r="A9" s="15" t="s">
        <v>8</v>
      </c>
      <c r="B9" s="67">
        <v>8</v>
      </c>
      <c r="C9" s="68">
        <v>4</v>
      </c>
      <c r="D9" s="68">
        <v>4</v>
      </c>
      <c r="E9" s="67">
        <v>0</v>
      </c>
      <c r="F9" s="68">
        <v>0</v>
      </c>
      <c r="G9" s="69">
        <v>0</v>
      </c>
      <c r="H9" s="68">
        <v>14</v>
      </c>
      <c r="I9" s="68">
        <v>9</v>
      </c>
      <c r="J9" s="68">
        <v>5</v>
      </c>
      <c r="K9" s="67">
        <v>6</v>
      </c>
      <c r="L9" s="79">
        <v>5</v>
      </c>
      <c r="M9" s="80">
        <v>1</v>
      </c>
    </row>
    <row r="10" spans="1:13">
      <c r="A10" s="15" t="s">
        <v>10</v>
      </c>
      <c r="B10" s="67">
        <v>15</v>
      </c>
      <c r="C10" s="68">
        <v>7</v>
      </c>
      <c r="D10" s="68">
        <v>8</v>
      </c>
      <c r="E10" s="67">
        <v>0</v>
      </c>
      <c r="F10" s="68">
        <v>0</v>
      </c>
      <c r="G10" s="69">
        <v>0</v>
      </c>
      <c r="H10" s="68">
        <v>29</v>
      </c>
      <c r="I10" s="68">
        <v>12</v>
      </c>
      <c r="J10" s="68">
        <v>17</v>
      </c>
      <c r="K10" s="67">
        <v>14</v>
      </c>
      <c r="L10" s="79">
        <v>5</v>
      </c>
      <c r="M10" s="80">
        <v>9</v>
      </c>
    </row>
    <row r="11" spans="1:13">
      <c r="A11" s="15" t="s">
        <v>12</v>
      </c>
      <c r="B11" s="67">
        <v>7</v>
      </c>
      <c r="C11" s="68">
        <v>3</v>
      </c>
      <c r="D11" s="68">
        <v>4</v>
      </c>
      <c r="E11" s="67">
        <v>0</v>
      </c>
      <c r="F11" s="68">
        <v>0</v>
      </c>
      <c r="G11" s="69">
        <v>0</v>
      </c>
      <c r="H11" s="68">
        <v>18</v>
      </c>
      <c r="I11" s="68">
        <v>6</v>
      </c>
      <c r="J11" s="68">
        <v>12</v>
      </c>
      <c r="K11" s="67">
        <v>11</v>
      </c>
      <c r="L11" s="79">
        <v>3</v>
      </c>
      <c r="M11" s="80">
        <v>8</v>
      </c>
    </row>
    <row r="12" spans="1:13" ht="21" customHeight="1">
      <c r="A12" s="36" t="s">
        <v>14</v>
      </c>
      <c r="B12" s="64">
        <v>57</v>
      </c>
      <c r="C12" s="65">
        <v>28</v>
      </c>
      <c r="D12" s="65">
        <v>29</v>
      </c>
      <c r="E12" s="64">
        <v>0</v>
      </c>
      <c r="F12" s="65">
        <v>0</v>
      </c>
      <c r="G12" s="66">
        <v>0</v>
      </c>
      <c r="H12" s="65">
        <v>101</v>
      </c>
      <c r="I12" s="65">
        <v>53</v>
      </c>
      <c r="J12" s="65">
        <v>48</v>
      </c>
      <c r="K12" s="64">
        <v>44</v>
      </c>
      <c r="L12" s="77">
        <v>25</v>
      </c>
      <c r="M12" s="78">
        <v>19</v>
      </c>
    </row>
    <row r="13" spans="1:13">
      <c r="A13" s="15" t="s">
        <v>16</v>
      </c>
      <c r="B13" s="67">
        <v>14</v>
      </c>
      <c r="C13" s="68">
        <v>8</v>
      </c>
      <c r="D13" s="68">
        <v>6</v>
      </c>
      <c r="E13" s="67">
        <v>0</v>
      </c>
      <c r="F13" s="68">
        <v>0</v>
      </c>
      <c r="G13" s="69">
        <v>0</v>
      </c>
      <c r="H13" s="68">
        <v>27</v>
      </c>
      <c r="I13" s="68">
        <v>15</v>
      </c>
      <c r="J13" s="68">
        <v>12</v>
      </c>
      <c r="K13" s="67">
        <v>13</v>
      </c>
      <c r="L13" s="79">
        <v>7</v>
      </c>
      <c r="M13" s="80">
        <v>6</v>
      </c>
    </row>
    <row r="14" spans="1:13">
      <c r="A14" s="15" t="s">
        <v>18</v>
      </c>
      <c r="B14" s="67">
        <v>20</v>
      </c>
      <c r="C14" s="68">
        <v>9</v>
      </c>
      <c r="D14" s="68">
        <v>11</v>
      </c>
      <c r="E14" s="67">
        <v>0</v>
      </c>
      <c r="F14" s="68">
        <v>0</v>
      </c>
      <c r="G14" s="69">
        <v>0</v>
      </c>
      <c r="H14" s="68">
        <v>30</v>
      </c>
      <c r="I14" s="68">
        <v>15</v>
      </c>
      <c r="J14" s="68">
        <v>15</v>
      </c>
      <c r="K14" s="67">
        <v>10</v>
      </c>
      <c r="L14" s="79">
        <v>6</v>
      </c>
      <c r="M14" s="80">
        <v>4</v>
      </c>
    </row>
    <row r="15" spans="1:13">
      <c r="A15" s="15" t="s">
        <v>20</v>
      </c>
      <c r="B15" s="67">
        <v>6</v>
      </c>
      <c r="C15" s="68">
        <v>1</v>
      </c>
      <c r="D15" s="68">
        <v>5</v>
      </c>
      <c r="E15" s="67">
        <v>0</v>
      </c>
      <c r="F15" s="68">
        <v>0</v>
      </c>
      <c r="G15" s="69">
        <v>0</v>
      </c>
      <c r="H15" s="68">
        <v>15</v>
      </c>
      <c r="I15" s="68">
        <v>8</v>
      </c>
      <c r="J15" s="68">
        <v>7</v>
      </c>
      <c r="K15" s="67">
        <v>9</v>
      </c>
      <c r="L15" s="79">
        <v>7</v>
      </c>
      <c r="M15" s="80">
        <v>2</v>
      </c>
    </row>
    <row r="16" spans="1:13">
      <c r="A16" s="15" t="s">
        <v>22</v>
      </c>
      <c r="B16" s="67">
        <v>11</v>
      </c>
      <c r="C16" s="68">
        <v>5</v>
      </c>
      <c r="D16" s="68">
        <v>6</v>
      </c>
      <c r="E16" s="67">
        <v>0</v>
      </c>
      <c r="F16" s="68">
        <v>0</v>
      </c>
      <c r="G16" s="69">
        <v>0</v>
      </c>
      <c r="H16" s="68">
        <v>16</v>
      </c>
      <c r="I16" s="68">
        <v>8</v>
      </c>
      <c r="J16" s="68">
        <v>8</v>
      </c>
      <c r="K16" s="67">
        <v>5</v>
      </c>
      <c r="L16" s="79">
        <v>3</v>
      </c>
      <c r="M16" s="80">
        <v>2</v>
      </c>
    </row>
    <row r="17" spans="1:13">
      <c r="A17" s="15" t="s">
        <v>24</v>
      </c>
      <c r="B17" s="67">
        <v>6</v>
      </c>
      <c r="C17" s="68">
        <v>5</v>
      </c>
      <c r="D17" s="68">
        <v>1</v>
      </c>
      <c r="E17" s="67">
        <v>0</v>
      </c>
      <c r="F17" s="68">
        <v>0</v>
      </c>
      <c r="G17" s="69">
        <v>0</v>
      </c>
      <c r="H17" s="68">
        <v>13</v>
      </c>
      <c r="I17" s="68">
        <v>7</v>
      </c>
      <c r="J17" s="68">
        <v>6</v>
      </c>
      <c r="K17" s="67">
        <v>7</v>
      </c>
      <c r="L17" s="79">
        <v>2</v>
      </c>
      <c r="M17" s="80">
        <v>5</v>
      </c>
    </row>
    <row r="18" spans="1:13" ht="21" customHeight="1">
      <c r="A18" s="36" t="s">
        <v>26</v>
      </c>
      <c r="B18" s="64">
        <v>-8</v>
      </c>
      <c r="C18" s="65">
        <v>-9</v>
      </c>
      <c r="D18" s="65">
        <v>1</v>
      </c>
      <c r="E18" s="64">
        <v>1</v>
      </c>
      <c r="F18" s="65">
        <v>1</v>
      </c>
      <c r="G18" s="66">
        <v>0</v>
      </c>
      <c r="H18" s="65">
        <v>32</v>
      </c>
      <c r="I18" s="65">
        <v>7</v>
      </c>
      <c r="J18" s="65">
        <v>25</v>
      </c>
      <c r="K18" s="64">
        <v>39</v>
      </c>
      <c r="L18" s="77">
        <v>15</v>
      </c>
      <c r="M18" s="78">
        <v>24</v>
      </c>
    </row>
    <row r="19" spans="1:13">
      <c r="A19" s="15" t="s">
        <v>28</v>
      </c>
      <c r="B19" s="67">
        <v>0</v>
      </c>
      <c r="C19" s="68">
        <v>1</v>
      </c>
      <c r="D19" s="68">
        <v>-1</v>
      </c>
      <c r="E19" s="67">
        <v>0</v>
      </c>
      <c r="F19" s="68">
        <v>0</v>
      </c>
      <c r="G19" s="69">
        <v>0</v>
      </c>
      <c r="H19" s="68">
        <v>9</v>
      </c>
      <c r="I19" s="68">
        <v>2</v>
      </c>
      <c r="J19" s="68">
        <v>7</v>
      </c>
      <c r="K19" s="67">
        <v>9</v>
      </c>
      <c r="L19" s="79">
        <v>1</v>
      </c>
      <c r="M19" s="80">
        <v>8</v>
      </c>
    </row>
    <row r="20" spans="1:13">
      <c r="A20" s="15" t="s">
        <v>30</v>
      </c>
      <c r="B20" s="67">
        <v>5</v>
      </c>
      <c r="C20" s="68">
        <v>-1</v>
      </c>
      <c r="D20" s="68">
        <v>6</v>
      </c>
      <c r="E20" s="67">
        <v>0</v>
      </c>
      <c r="F20" s="68">
        <v>0</v>
      </c>
      <c r="G20" s="69">
        <v>0</v>
      </c>
      <c r="H20" s="68">
        <v>13</v>
      </c>
      <c r="I20" s="68">
        <v>2</v>
      </c>
      <c r="J20" s="68">
        <v>11</v>
      </c>
      <c r="K20" s="67">
        <v>8</v>
      </c>
      <c r="L20" s="79">
        <v>3</v>
      </c>
      <c r="M20" s="80">
        <v>5</v>
      </c>
    </row>
    <row r="21" spans="1:13">
      <c r="A21" s="15" t="s">
        <v>32</v>
      </c>
      <c r="B21" s="67">
        <v>-6</v>
      </c>
      <c r="C21" s="68">
        <v>-2</v>
      </c>
      <c r="D21" s="68">
        <v>-4</v>
      </c>
      <c r="E21" s="67">
        <v>0</v>
      </c>
      <c r="F21" s="68">
        <v>0</v>
      </c>
      <c r="G21" s="69">
        <v>0</v>
      </c>
      <c r="H21" s="68">
        <v>5</v>
      </c>
      <c r="I21" s="68">
        <v>2</v>
      </c>
      <c r="J21" s="68">
        <v>3</v>
      </c>
      <c r="K21" s="67">
        <v>11</v>
      </c>
      <c r="L21" s="79">
        <v>4</v>
      </c>
      <c r="M21" s="80">
        <v>7</v>
      </c>
    </row>
    <row r="22" spans="1:13">
      <c r="A22" s="15" t="s">
        <v>34</v>
      </c>
      <c r="B22" s="67">
        <v>-4</v>
      </c>
      <c r="C22" s="68">
        <v>-4</v>
      </c>
      <c r="D22" s="68">
        <v>0</v>
      </c>
      <c r="E22" s="67">
        <v>0</v>
      </c>
      <c r="F22" s="68">
        <v>0</v>
      </c>
      <c r="G22" s="69">
        <v>0</v>
      </c>
      <c r="H22" s="68">
        <v>3</v>
      </c>
      <c r="I22" s="68">
        <v>0</v>
      </c>
      <c r="J22" s="68">
        <v>3</v>
      </c>
      <c r="K22" s="67">
        <v>7</v>
      </c>
      <c r="L22" s="79">
        <v>4</v>
      </c>
      <c r="M22" s="80">
        <v>3</v>
      </c>
    </row>
    <row r="23" spans="1:13">
      <c r="A23" s="15" t="s">
        <v>36</v>
      </c>
      <c r="B23" s="67">
        <v>-3</v>
      </c>
      <c r="C23" s="68">
        <v>-3</v>
      </c>
      <c r="D23" s="68">
        <v>0</v>
      </c>
      <c r="E23" s="67">
        <v>1</v>
      </c>
      <c r="F23" s="68">
        <v>1</v>
      </c>
      <c r="G23" s="69">
        <v>0</v>
      </c>
      <c r="H23" s="68">
        <v>2</v>
      </c>
      <c r="I23" s="68">
        <v>1</v>
      </c>
      <c r="J23" s="68">
        <v>1</v>
      </c>
      <c r="K23" s="67">
        <v>4</v>
      </c>
      <c r="L23" s="79">
        <v>3</v>
      </c>
      <c r="M23" s="80">
        <v>1</v>
      </c>
    </row>
    <row r="24" spans="1:13" ht="21" customHeight="1">
      <c r="A24" s="36" t="s">
        <v>38</v>
      </c>
      <c r="B24" s="64">
        <v>-31</v>
      </c>
      <c r="C24" s="65">
        <v>-22</v>
      </c>
      <c r="D24" s="65">
        <v>-9</v>
      </c>
      <c r="E24" s="64">
        <v>0</v>
      </c>
      <c r="F24" s="65">
        <v>0</v>
      </c>
      <c r="G24" s="66">
        <v>0</v>
      </c>
      <c r="H24" s="65">
        <v>34</v>
      </c>
      <c r="I24" s="65">
        <v>16</v>
      </c>
      <c r="J24" s="65">
        <v>18</v>
      </c>
      <c r="K24" s="64">
        <v>65</v>
      </c>
      <c r="L24" s="77">
        <v>38</v>
      </c>
      <c r="M24" s="78">
        <v>27</v>
      </c>
    </row>
    <row r="25" spans="1:13">
      <c r="A25" s="15" t="s">
        <v>40</v>
      </c>
      <c r="B25" s="67">
        <v>-2</v>
      </c>
      <c r="C25" s="68">
        <v>-3</v>
      </c>
      <c r="D25" s="68">
        <v>1</v>
      </c>
      <c r="E25" s="67">
        <v>0</v>
      </c>
      <c r="F25" s="68">
        <v>0</v>
      </c>
      <c r="G25" s="69">
        <v>0</v>
      </c>
      <c r="H25" s="68">
        <v>8</v>
      </c>
      <c r="I25" s="68">
        <v>4</v>
      </c>
      <c r="J25" s="68">
        <v>4</v>
      </c>
      <c r="K25" s="67">
        <v>10</v>
      </c>
      <c r="L25" s="79">
        <v>7</v>
      </c>
      <c r="M25" s="80">
        <v>3</v>
      </c>
    </row>
    <row r="26" spans="1:13">
      <c r="A26" s="15" t="s">
        <v>42</v>
      </c>
      <c r="B26" s="67">
        <v>0</v>
      </c>
      <c r="C26" s="68">
        <v>1</v>
      </c>
      <c r="D26" s="68">
        <v>-1</v>
      </c>
      <c r="E26" s="67">
        <v>0</v>
      </c>
      <c r="F26" s="68">
        <v>0</v>
      </c>
      <c r="G26" s="69">
        <v>0</v>
      </c>
      <c r="H26" s="68">
        <v>6</v>
      </c>
      <c r="I26" s="68">
        <v>2</v>
      </c>
      <c r="J26" s="68">
        <v>4</v>
      </c>
      <c r="K26" s="67">
        <v>6</v>
      </c>
      <c r="L26" s="79">
        <v>1</v>
      </c>
      <c r="M26" s="80">
        <v>5</v>
      </c>
    </row>
    <row r="27" spans="1:13">
      <c r="A27" s="15" t="s">
        <v>44</v>
      </c>
      <c r="B27" s="67">
        <v>-9</v>
      </c>
      <c r="C27" s="68">
        <v>-4</v>
      </c>
      <c r="D27" s="68">
        <v>-5</v>
      </c>
      <c r="E27" s="67">
        <v>0</v>
      </c>
      <c r="F27" s="68">
        <v>0</v>
      </c>
      <c r="G27" s="69">
        <v>0</v>
      </c>
      <c r="H27" s="68">
        <v>0</v>
      </c>
      <c r="I27" s="68">
        <v>0</v>
      </c>
      <c r="J27" s="68">
        <v>0</v>
      </c>
      <c r="K27" s="67">
        <v>9</v>
      </c>
      <c r="L27" s="79">
        <v>4</v>
      </c>
      <c r="M27" s="80">
        <v>5</v>
      </c>
    </row>
    <row r="28" spans="1:13">
      <c r="A28" s="15" t="s">
        <v>46</v>
      </c>
      <c r="B28" s="67">
        <v>-13</v>
      </c>
      <c r="C28" s="68">
        <v>-13</v>
      </c>
      <c r="D28" s="68">
        <v>0</v>
      </c>
      <c r="E28" s="67">
        <v>0</v>
      </c>
      <c r="F28" s="68">
        <v>0</v>
      </c>
      <c r="G28" s="69">
        <v>0</v>
      </c>
      <c r="H28" s="68">
        <v>13</v>
      </c>
      <c r="I28" s="68">
        <v>5</v>
      </c>
      <c r="J28" s="68">
        <v>8</v>
      </c>
      <c r="K28" s="67">
        <v>26</v>
      </c>
      <c r="L28" s="79">
        <v>18</v>
      </c>
      <c r="M28" s="80">
        <v>8</v>
      </c>
    </row>
    <row r="29" spans="1:13">
      <c r="A29" s="15" t="s">
        <v>48</v>
      </c>
      <c r="B29" s="67">
        <v>-7</v>
      </c>
      <c r="C29" s="68">
        <v>-3</v>
      </c>
      <c r="D29" s="68">
        <v>-4</v>
      </c>
      <c r="E29" s="67">
        <v>0</v>
      </c>
      <c r="F29" s="68">
        <v>0</v>
      </c>
      <c r="G29" s="69">
        <v>0</v>
      </c>
      <c r="H29" s="68">
        <v>7</v>
      </c>
      <c r="I29" s="68">
        <v>5</v>
      </c>
      <c r="J29" s="68">
        <v>2</v>
      </c>
      <c r="K29" s="67">
        <v>14</v>
      </c>
      <c r="L29" s="79">
        <v>8</v>
      </c>
      <c r="M29" s="80">
        <v>6</v>
      </c>
    </row>
    <row r="30" spans="1:13" ht="21" customHeight="1">
      <c r="A30" s="36" t="s">
        <v>50</v>
      </c>
      <c r="B30" s="64">
        <v>-102</v>
      </c>
      <c r="C30" s="65">
        <v>-44</v>
      </c>
      <c r="D30" s="65">
        <v>-58</v>
      </c>
      <c r="E30" s="64">
        <v>1</v>
      </c>
      <c r="F30" s="65">
        <v>1</v>
      </c>
      <c r="G30" s="66">
        <v>0</v>
      </c>
      <c r="H30" s="65">
        <v>83</v>
      </c>
      <c r="I30" s="65">
        <v>48</v>
      </c>
      <c r="J30" s="65">
        <v>35</v>
      </c>
      <c r="K30" s="64">
        <v>184</v>
      </c>
      <c r="L30" s="77">
        <v>91</v>
      </c>
      <c r="M30" s="78">
        <v>93</v>
      </c>
    </row>
    <row r="31" spans="1:13">
      <c r="A31" s="15" t="s">
        <v>52</v>
      </c>
      <c r="B31" s="67">
        <v>-10</v>
      </c>
      <c r="C31" s="68">
        <v>-3</v>
      </c>
      <c r="D31" s="68">
        <v>-7</v>
      </c>
      <c r="E31" s="67">
        <v>1</v>
      </c>
      <c r="F31" s="68">
        <v>1</v>
      </c>
      <c r="G31" s="69">
        <v>0</v>
      </c>
      <c r="H31" s="68">
        <v>13</v>
      </c>
      <c r="I31" s="68">
        <v>8</v>
      </c>
      <c r="J31" s="68">
        <v>5</v>
      </c>
      <c r="K31" s="67">
        <v>22</v>
      </c>
      <c r="L31" s="79">
        <v>10</v>
      </c>
      <c r="M31" s="80">
        <v>12</v>
      </c>
    </row>
    <row r="32" spans="1:13">
      <c r="A32" s="15" t="s">
        <v>54</v>
      </c>
      <c r="B32" s="67">
        <v>-13</v>
      </c>
      <c r="C32" s="68">
        <v>-5</v>
      </c>
      <c r="D32" s="68">
        <v>-8</v>
      </c>
      <c r="E32" s="67">
        <v>0</v>
      </c>
      <c r="F32" s="68">
        <v>0</v>
      </c>
      <c r="G32" s="69">
        <v>0</v>
      </c>
      <c r="H32" s="68">
        <v>10</v>
      </c>
      <c r="I32" s="68">
        <v>6</v>
      </c>
      <c r="J32" s="68">
        <v>4</v>
      </c>
      <c r="K32" s="67">
        <v>23</v>
      </c>
      <c r="L32" s="79">
        <v>11</v>
      </c>
      <c r="M32" s="80">
        <v>12</v>
      </c>
    </row>
    <row r="33" spans="1:13">
      <c r="A33" s="15" t="s">
        <v>56</v>
      </c>
      <c r="B33" s="67">
        <v>-39</v>
      </c>
      <c r="C33" s="68">
        <v>-11</v>
      </c>
      <c r="D33" s="68">
        <v>-28</v>
      </c>
      <c r="E33" s="67">
        <v>0</v>
      </c>
      <c r="F33" s="68">
        <v>0</v>
      </c>
      <c r="G33" s="69">
        <v>0</v>
      </c>
      <c r="H33" s="68">
        <v>19</v>
      </c>
      <c r="I33" s="68">
        <v>10</v>
      </c>
      <c r="J33" s="68">
        <v>9</v>
      </c>
      <c r="K33" s="67">
        <v>58</v>
      </c>
      <c r="L33" s="79">
        <v>21</v>
      </c>
      <c r="M33" s="80">
        <v>37</v>
      </c>
    </row>
    <row r="34" spans="1:13">
      <c r="A34" s="15" t="s">
        <v>58</v>
      </c>
      <c r="B34" s="67">
        <v>-26</v>
      </c>
      <c r="C34" s="68">
        <v>-21</v>
      </c>
      <c r="D34" s="68">
        <v>-5</v>
      </c>
      <c r="E34" s="67">
        <v>0</v>
      </c>
      <c r="F34" s="68">
        <v>0</v>
      </c>
      <c r="G34" s="69">
        <v>0</v>
      </c>
      <c r="H34" s="68">
        <v>15</v>
      </c>
      <c r="I34" s="68">
        <v>9</v>
      </c>
      <c r="J34" s="68">
        <v>6</v>
      </c>
      <c r="K34" s="67">
        <v>41</v>
      </c>
      <c r="L34" s="79">
        <v>30</v>
      </c>
      <c r="M34" s="80">
        <v>11</v>
      </c>
    </row>
    <row r="35" spans="1:13">
      <c r="A35" s="15" t="s">
        <v>60</v>
      </c>
      <c r="B35" s="67">
        <v>-14</v>
      </c>
      <c r="C35" s="68">
        <v>-4</v>
      </c>
      <c r="D35" s="68">
        <v>-10</v>
      </c>
      <c r="E35" s="67">
        <v>0</v>
      </c>
      <c r="F35" s="68">
        <v>0</v>
      </c>
      <c r="G35" s="69">
        <v>0</v>
      </c>
      <c r="H35" s="68">
        <v>26</v>
      </c>
      <c r="I35" s="68">
        <v>15</v>
      </c>
      <c r="J35" s="68">
        <v>11</v>
      </c>
      <c r="K35" s="67">
        <v>40</v>
      </c>
      <c r="L35" s="79">
        <v>19</v>
      </c>
      <c r="M35" s="80">
        <v>21</v>
      </c>
    </row>
    <row r="36" spans="1:13" ht="21" customHeight="1">
      <c r="A36" s="36" t="s">
        <v>62</v>
      </c>
      <c r="B36" s="64">
        <v>-29</v>
      </c>
      <c r="C36" s="65">
        <v>-8</v>
      </c>
      <c r="D36" s="65">
        <v>-21</v>
      </c>
      <c r="E36" s="64">
        <v>1</v>
      </c>
      <c r="F36" s="65">
        <v>0</v>
      </c>
      <c r="G36" s="66">
        <v>1</v>
      </c>
      <c r="H36" s="65">
        <v>109</v>
      </c>
      <c r="I36" s="65">
        <v>51</v>
      </c>
      <c r="J36" s="65">
        <v>58</v>
      </c>
      <c r="K36" s="64">
        <v>137</v>
      </c>
      <c r="L36" s="77">
        <v>59</v>
      </c>
      <c r="M36" s="78">
        <v>78</v>
      </c>
    </row>
    <row r="37" spans="1:13">
      <c r="A37" s="15" t="s">
        <v>64</v>
      </c>
      <c r="B37" s="67">
        <v>-3</v>
      </c>
      <c r="C37" s="68">
        <v>-1</v>
      </c>
      <c r="D37" s="68">
        <v>-2</v>
      </c>
      <c r="E37" s="67">
        <v>1</v>
      </c>
      <c r="F37" s="68">
        <v>0</v>
      </c>
      <c r="G37" s="69">
        <v>1</v>
      </c>
      <c r="H37" s="68">
        <v>22</v>
      </c>
      <c r="I37" s="68">
        <v>12</v>
      </c>
      <c r="J37" s="68">
        <v>10</v>
      </c>
      <c r="K37" s="67">
        <v>24</v>
      </c>
      <c r="L37" s="79">
        <v>13</v>
      </c>
      <c r="M37" s="80">
        <v>11</v>
      </c>
    </row>
    <row r="38" spans="1:13">
      <c r="A38" s="15" t="s">
        <v>66</v>
      </c>
      <c r="B38" s="67">
        <v>-2</v>
      </c>
      <c r="C38" s="68">
        <v>2</v>
      </c>
      <c r="D38" s="68">
        <v>-4</v>
      </c>
      <c r="E38" s="67">
        <v>0</v>
      </c>
      <c r="F38" s="68">
        <v>0</v>
      </c>
      <c r="G38" s="69">
        <v>0</v>
      </c>
      <c r="H38" s="68">
        <v>28</v>
      </c>
      <c r="I38" s="68">
        <v>12</v>
      </c>
      <c r="J38" s="68">
        <v>16</v>
      </c>
      <c r="K38" s="67">
        <v>30</v>
      </c>
      <c r="L38" s="79">
        <v>10</v>
      </c>
      <c r="M38" s="80">
        <v>20</v>
      </c>
    </row>
    <row r="39" spans="1:13">
      <c r="A39" s="15" t="s">
        <v>68</v>
      </c>
      <c r="B39" s="67">
        <v>-13</v>
      </c>
      <c r="C39" s="68">
        <v>-5</v>
      </c>
      <c r="D39" s="68">
        <v>-8</v>
      </c>
      <c r="E39" s="67">
        <v>0</v>
      </c>
      <c r="F39" s="68">
        <v>0</v>
      </c>
      <c r="G39" s="69">
        <v>0</v>
      </c>
      <c r="H39" s="68">
        <v>15</v>
      </c>
      <c r="I39" s="68">
        <v>8</v>
      </c>
      <c r="J39" s="68">
        <v>7</v>
      </c>
      <c r="K39" s="67">
        <v>28</v>
      </c>
      <c r="L39" s="79">
        <v>13</v>
      </c>
      <c r="M39" s="80">
        <v>15</v>
      </c>
    </row>
    <row r="40" spans="1:13">
      <c r="A40" s="15" t="s">
        <v>70</v>
      </c>
      <c r="B40" s="67">
        <v>-5</v>
      </c>
      <c r="C40" s="68">
        <v>2</v>
      </c>
      <c r="D40" s="68">
        <v>-7</v>
      </c>
      <c r="E40" s="67">
        <v>0</v>
      </c>
      <c r="F40" s="68">
        <v>0</v>
      </c>
      <c r="G40" s="69">
        <v>0</v>
      </c>
      <c r="H40" s="68">
        <v>22</v>
      </c>
      <c r="I40" s="68">
        <v>11</v>
      </c>
      <c r="J40" s="68">
        <v>11</v>
      </c>
      <c r="K40" s="67">
        <v>27</v>
      </c>
      <c r="L40" s="79">
        <v>9</v>
      </c>
      <c r="M40" s="80">
        <v>18</v>
      </c>
    </row>
    <row r="41" spans="1:13">
      <c r="A41" s="15" t="s">
        <v>72</v>
      </c>
      <c r="B41" s="67">
        <v>-6</v>
      </c>
      <c r="C41" s="68">
        <v>-6</v>
      </c>
      <c r="D41" s="68">
        <v>0</v>
      </c>
      <c r="E41" s="67">
        <v>0</v>
      </c>
      <c r="F41" s="68">
        <v>0</v>
      </c>
      <c r="G41" s="69">
        <v>0</v>
      </c>
      <c r="H41" s="68">
        <v>22</v>
      </c>
      <c r="I41" s="68">
        <v>8</v>
      </c>
      <c r="J41" s="68">
        <v>14</v>
      </c>
      <c r="K41" s="67">
        <v>28</v>
      </c>
      <c r="L41" s="79">
        <v>14</v>
      </c>
      <c r="M41" s="80">
        <v>14</v>
      </c>
    </row>
    <row r="42" spans="1:13" ht="21" customHeight="1">
      <c r="A42" s="36" t="s">
        <v>74</v>
      </c>
      <c r="B42" s="64">
        <v>12</v>
      </c>
      <c r="C42" s="65">
        <v>9</v>
      </c>
      <c r="D42" s="65">
        <v>3</v>
      </c>
      <c r="E42" s="64">
        <v>0</v>
      </c>
      <c r="F42" s="65">
        <v>0</v>
      </c>
      <c r="G42" s="66">
        <v>0</v>
      </c>
      <c r="H42" s="65">
        <v>116</v>
      </c>
      <c r="I42" s="65">
        <v>61</v>
      </c>
      <c r="J42" s="65">
        <v>55</v>
      </c>
      <c r="K42" s="64">
        <v>104</v>
      </c>
      <c r="L42" s="77">
        <v>52</v>
      </c>
      <c r="M42" s="78">
        <v>52</v>
      </c>
    </row>
    <row r="43" spans="1:13">
      <c r="A43" s="15" t="s">
        <v>76</v>
      </c>
      <c r="B43" s="67">
        <v>6</v>
      </c>
      <c r="C43" s="68">
        <v>4</v>
      </c>
      <c r="D43" s="68">
        <v>2</v>
      </c>
      <c r="E43" s="67">
        <v>0</v>
      </c>
      <c r="F43" s="68">
        <v>0</v>
      </c>
      <c r="G43" s="69">
        <v>0</v>
      </c>
      <c r="H43" s="68">
        <v>27</v>
      </c>
      <c r="I43" s="68">
        <v>12</v>
      </c>
      <c r="J43" s="68">
        <v>15</v>
      </c>
      <c r="K43" s="67">
        <v>21</v>
      </c>
      <c r="L43" s="79">
        <v>8</v>
      </c>
      <c r="M43" s="80">
        <v>13</v>
      </c>
    </row>
    <row r="44" spans="1:13">
      <c r="A44" s="15" t="s">
        <v>78</v>
      </c>
      <c r="B44" s="67">
        <v>-10</v>
      </c>
      <c r="C44" s="68">
        <v>-8</v>
      </c>
      <c r="D44" s="68">
        <v>-2</v>
      </c>
      <c r="E44" s="67">
        <v>0</v>
      </c>
      <c r="F44" s="68">
        <v>0</v>
      </c>
      <c r="G44" s="69">
        <v>0</v>
      </c>
      <c r="H44" s="68">
        <v>26</v>
      </c>
      <c r="I44" s="68">
        <v>15</v>
      </c>
      <c r="J44" s="68">
        <v>11</v>
      </c>
      <c r="K44" s="67">
        <v>36</v>
      </c>
      <c r="L44" s="79">
        <v>23</v>
      </c>
      <c r="M44" s="80">
        <v>13</v>
      </c>
    </row>
    <row r="45" spans="1:13">
      <c r="A45" s="15" t="s">
        <v>80</v>
      </c>
      <c r="B45" s="67">
        <v>4</v>
      </c>
      <c r="C45" s="68">
        <v>2</v>
      </c>
      <c r="D45" s="68">
        <v>2</v>
      </c>
      <c r="E45" s="67">
        <v>0</v>
      </c>
      <c r="F45" s="68">
        <v>0</v>
      </c>
      <c r="G45" s="69">
        <v>0</v>
      </c>
      <c r="H45" s="68">
        <v>22</v>
      </c>
      <c r="I45" s="68">
        <v>11</v>
      </c>
      <c r="J45" s="68">
        <v>11</v>
      </c>
      <c r="K45" s="67">
        <v>18</v>
      </c>
      <c r="L45" s="79">
        <v>9</v>
      </c>
      <c r="M45" s="80">
        <v>9</v>
      </c>
    </row>
    <row r="46" spans="1:13">
      <c r="A46" s="15" t="s">
        <v>82</v>
      </c>
      <c r="B46" s="67">
        <v>6</v>
      </c>
      <c r="C46" s="68">
        <v>8</v>
      </c>
      <c r="D46" s="68">
        <v>-2</v>
      </c>
      <c r="E46" s="67">
        <v>0</v>
      </c>
      <c r="F46" s="68">
        <v>0</v>
      </c>
      <c r="G46" s="69">
        <v>0</v>
      </c>
      <c r="H46" s="68">
        <v>20</v>
      </c>
      <c r="I46" s="68">
        <v>13</v>
      </c>
      <c r="J46" s="68">
        <v>7</v>
      </c>
      <c r="K46" s="67">
        <v>14</v>
      </c>
      <c r="L46" s="79">
        <v>5</v>
      </c>
      <c r="M46" s="80">
        <v>9</v>
      </c>
    </row>
    <row r="47" spans="1:13">
      <c r="A47" s="15" t="s">
        <v>84</v>
      </c>
      <c r="B47" s="67">
        <v>6</v>
      </c>
      <c r="C47" s="68">
        <v>3</v>
      </c>
      <c r="D47" s="68">
        <v>3</v>
      </c>
      <c r="E47" s="67">
        <v>0</v>
      </c>
      <c r="F47" s="68">
        <v>0</v>
      </c>
      <c r="G47" s="69">
        <v>0</v>
      </c>
      <c r="H47" s="68">
        <v>21</v>
      </c>
      <c r="I47" s="68">
        <v>10</v>
      </c>
      <c r="J47" s="68">
        <v>11</v>
      </c>
      <c r="K47" s="67">
        <v>15</v>
      </c>
      <c r="L47" s="79">
        <v>7</v>
      </c>
      <c r="M47" s="80">
        <v>8</v>
      </c>
    </row>
    <row r="48" spans="1:13" ht="21" customHeight="1">
      <c r="A48" s="36" t="s">
        <v>86</v>
      </c>
      <c r="B48" s="64">
        <v>66</v>
      </c>
      <c r="C48" s="65">
        <v>21</v>
      </c>
      <c r="D48" s="65">
        <v>45</v>
      </c>
      <c r="E48" s="64">
        <v>3</v>
      </c>
      <c r="F48" s="65">
        <v>3</v>
      </c>
      <c r="G48" s="66">
        <v>0</v>
      </c>
      <c r="H48" s="65">
        <v>150</v>
      </c>
      <c r="I48" s="65">
        <v>56</v>
      </c>
      <c r="J48" s="65">
        <v>94</v>
      </c>
      <c r="K48" s="64">
        <v>81</v>
      </c>
      <c r="L48" s="77">
        <v>32</v>
      </c>
      <c r="M48" s="78">
        <v>49</v>
      </c>
    </row>
    <row r="49" spans="1:13">
      <c r="A49" s="15" t="s">
        <v>88</v>
      </c>
      <c r="B49" s="67">
        <v>18</v>
      </c>
      <c r="C49" s="68">
        <v>4</v>
      </c>
      <c r="D49" s="68">
        <v>14</v>
      </c>
      <c r="E49" s="67">
        <v>0</v>
      </c>
      <c r="F49" s="68">
        <v>0</v>
      </c>
      <c r="G49" s="69">
        <v>0</v>
      </c>
      <c r="H49" s="68">
        <v>29</v>
      </c>
      <c r="I49" s="68">
        <v>9</v>
      </c>
      <c r="J49" s="68">
        <v>20</v>
      </c>
      <c r="K49" s="67">
        <v>11</v>
      </c>
      <c r="L49" s="79">
        <v>5</v>
      </c>
      <c r="M49" s="80">
        <v>6</v>
      </c>
    </row>
    <row r="50" spans="1:13">
      <c r="A50" s="15" t="s">
        <v>90</v>
      </c>
      <c r="B50" s="67">
        <v>15</v>
      </c>
      <c r="C50" s="68">
        <v>6</v>
      </c>
      <c r="D50" s="68">
        <v>9</v>
      </c>
      <c r="E50" s="67">
        <v>0</v>
      </c>
      <c r="F50" s="68">
        <v>0</v>
      </c>
      <c r="G50" s="69">
        <v>0</v>
      </c>
      <c r="H50" s="68">
        <v>23</v>
      </c>
      <c r="I50" s="68">
        <v>8</v>
      </c>
      <c r="J50" s="68">
        <v>15</v>
      </c>
      <c r="K50" s="67">
        <v>8</v>
      </c>
      <c r="L50" s="79">
        <v>2</v>
      </c>
      <c r="M50" s="80">
        <v>6</v>
      </c>
    </row>
    <row r="51" spans="1:13">
      <c r="A51" s="15" t="s">
        <v>92</v>
      </c>
      <c r="B51" s="67">
        <v>7</v>
      </c>
      <c r="C51" s="68">
        <v>1</v>
      </c>
      <c r="D51" s="68">
        <v>6</v>
      </c>
      <c r="E51" s="67">
        <v>1</v>
      </c>
      <c r="F51" s="68">
        <v>1</v>
      </c>
      <c r="G51" s="69">
        <v>0</v>
      </c>
      <c r="H51" s="68">
        <v>30</v>
      </c>
      <c r="I51" s="68">
        <v>13</v>
      </c>
      <c r="J51" s="68">
        <v>17</v>
      </c>
      <c r="K51" s="67">
        <v>22</v>
      </c>
      <c r="L51" s="79">
        <v>11</v>
      </c>
      <c r="M51" s="80">
        <v>11</v>
      </c>
    </row>
    <row r="52" spans="1:13">
      <c r="A52" s="15" t="s">
        <v>94</v>
      </c>
      <c r="B52" s="67">
        <v>14</v>
      </c>
      <c r="C52" s="68">
        <v>2</v>
      </c>
      <c r="D52" s="68">
        <v>12</v>
      </c>
      <c r="E52" s="67">
        <v>0</v>
      </c>
      <c r="F52" s="68">
        <v>0</v>
      </c>
      <c r="G52" s="69">
        <v>0</v>
      </c>
      <c r="H52" s="68">
        <v>32</v>
      </c>
      <c r="I52" s="68">
        <v>7</v>
      </c>
      <c r="J52" s="68">
        <v>25</v>
      </c>
      <c r="K52" s="67">
        <v>18</v>
      </c>
      <c r="L52" s="79">
        <v>5</v>
      </c>
      <c r="M52" s="80">
        <v>13</v>
      </c>
    </row>
    <row r="53" spans="1:13">
      <c r="A53" s="15" t="s">
        <v>96</v>
      </c>
      <c r="B53" s="67">
        <v>12</v>
      </c>
      <c r="C53" s="68">
        <v>8</v>
      </c>
      <c r="D53" s="68">
        <v>4</v>
      </c>
      <c r="E53" s="67">
        <v>2</v>
      </c>
      <c r="F53" s="68">
        <v>2</v>
      </c>
      <c r="G53" s="69">
        <v>0</v>
      </c>
      <c r="H53" s="68">
        <v>36</v>
      </c>
      <c r="I53" s="68">
        <v>19</v>
      </c>
      <c r="J53" s="68">
        <v>17</v>
      </c>
      <c r="K53" s="67">
        <v>22</v>
      </c>
      <c r="L53" s="79">
        <v>9</v>
      </c>
      <c r="M53" s="80">
        <v>13</v>
      </c>
    </row>
    <row r="54" spans="1:13" ht="21" customHeight="1">
      <c r="A54" s="36" t="s">
        <v>98</v>
      </c>
      <c r="B54" s="64">
        <v>37</v>
      </c>
      <c r="C54" s="65">
        <v>15</v>
      </c>
      <c r="D54" s="65">
        <v>22</v>
      </c>
      <c r="E54" s="64">
        <v>2</v>
      </c>
      <c r="F54" s="65">
        <v>0</v>
      </c>
      <c r="G54" s="66">
        <v>2</v>
      </c>
      <c r="H54" s="65">
        <v>120</v>
      </c>
      <c r="I54" s="65">
        <v>55</v>
      </c>
      <c r="J54" s="65">
        <v>65</v>
      </c>
      <c r="K54" s="64">
        <v>81</v>
      </c>
      <c r="L54" s="77">
        <v>40</v>
      </c>
      <c r="M54" s="78">
        <v>41</v>
      </c>
    </row>
    <row r="55" spans="1:13">
      <c r="A55" s="15" t="s">
        <v>100</v>
      </c>
      <c r="B55" s="67">
        <v>10</v>
      </c>
      <c r="C55" s="68">
        <v>3</v>
      </c>
      <c r="D55" s="68">
        <v>7</v>
      </c>
      <c r="E55" s="67">
        <v>0</v>
      </c>
      <c r="F55" s="68">
        <v>0</v>
      </c>
      <c r="G55" s="69">
        <v>0</v>
      </c>
      <c r="H55" s="68">
        <v>26</v>
      </c>
      <c r="I55" s="68">
        <v>11</v>
      </c>
      <c r="J55" s="68">
        <v>15</v>
      </c>
      <c r="K55" s="67">
        <v>16</v>
      </c>
      <c r="L55" s="79">
        <v>8</v>
      </c>
      <c r="M55" s="80">
        <v>8</v>
      </c>
    </row>
    <row r="56" spans="1:13">
      <c r="A56" s="15" t="s">
        <v>102</v>
      </c>
      <c r="B56" s="67">
        <v>4</v>
      </c>
      <c r="C56" s="68">
        <v>-1</v>
      </c>
      <c r="D56" s="68">
        <v>5</v>
      </c>
      <c r="E56" s="67">
        <v>1</v>
      </c>
      <c r="F56" s="68">
        <v>0</v>
      </c>
      <c r="G56" s="69">
        <v>1</v>
      </c>
      <c r="H56" s="68">
        <v>22</v>
      </c>
      <c r="I56" s="68">
        <v>6</v>
      </c>
      <c r="J56" s="68">
        <v>16</v>
      </c>
      <c r="K56" s="67">
        <v>17</v>
      </c>
      <c r="L56" s="79">
        <v>7</v>
      </c>
      <c r="M56" s="80">
        <v>10</v>
      </c>
    </row>
    <row r="57" spans="1:13">
      <c r="A57" s="15" t="s">
        <v>104</v>
      </c>
      <c r="B57" s="67">
        <v>-1</v>
      </c>
      <c r="C57" s="68">
        <v>-1</v>
      </c>
      <c r="D57" s="68">
        <v>0</v>
      </c>
      <c r="E57" s="67">
        <v>1</v>
      </c>
      <c r="F57" s="68">
        <v>0</v>
      </c>
      <c r="G57" s="69">
        <v>1</v>
      </c>
      <c r="H57" s="68">
        <v>19</v>
      </c>
      <c r="I57" s="68">
        <v>8</v>
      </c>
      <c r="J57" s="68">
        <v>11</v>
      </c>
      <c r="K57" s="67">
        <v>19</v>
      </c>
      <c r="L57" s="79">
        <v>9</v>
      </c>
      <c r="M57" s="80">
        <v>10</v>
      </c>
    </row>
    <row r="58" spans="1:13">
      <c r="A58" s="15" t="s">
        <v>106</v>
      </c>
      <c r="B58" s="67">
        <v>19</v>
      </c>
      <c r="C58" s="68">
        <v>10</v>
      </c>
      <c r="D58" s="68">
        <v>9</v>
      </c>
      <c r="E58" s="67">
        <v>0</v>
      </c>
      <c r="F58" s="68">
        <v>0</v>
      </c>
      <c r="G58" s="69">
        <v>0</v>
      </c>
      <c r="H58" s="68">
        <v>30</v>
      </c>
      <c r="I58" s="68">
        <v>15</v>
      </c>
      <c r="J58" s="68">
        <v>15</v>
      </c>
      <c r="K58" s="67">
        <v>11</v>
      </c>
      <c r="L58" s="79">
        <v>5</v>
      </c>
      <c r="M58" s="80">
        <v>6</v>
      </c>
    </row>
    <row r="59" spans="1:13">
      <c r="A59" s="15" t="s">
        <v>108</v>
      </c>
      <c r="B59" s="67">
        <v>5</v>
      </c>
      <c r="C59" s="68">
        <v>4</v>
      </c>
      <c r="D59" s="68">
        <v>1</v>
      </c>
      <c r="E59" s="67">
        <v>0</v>
      </c>
      <c r="F59" s="68">
        <v>0</v>
      </c>
      <c r="G59" s="69">
        <v>0</v>
      </c>
      <c r="H59" s="68">
        <v>23</v>
      </c>
      <c r="I59" s="68">
        <v>15</v>
      </c>
      <c r="J59" s="68">
        <v>8</v>
      </c>
      <c r="K59" s="67">
        <v>18</v>
      </c>
      <c r="L59" s="79">
        <v>11</v>
      </c>
      <c r="M59" s="80">
        <v>7</v>
      </c>
    </row>
    <row r="60" spans="1:13" ht="21" customHeight="1">
      <c r="A60" s="36" t="s">
        <v>110</v>
      </c>
      <c r="B60" s="64">
        <v>-7</v>
      </c>
      <c r="C60" s="65">
        <v>6</v>
      </c>
      <c r="D60" s="65">
        <v>-13</v>
      </c>
      <c r="E60" s="64">
        <v>6</v>
      </c>
      <c r="F60" s="65">
        <v>3</v>
      </c>
      <c r="G60" s="66">
        <v>3</v>
      </c>
      <c r="H60" s="65">
        <v>78</v>
      </c>
      <c r="I60" s="65">
        <v>40</v>
      </c>
      <c r="J60" s="65">
        <v>38</v>
      </c>
      <c r="K60" s="64">
        <v>79</v>
      </c>
      <c r="L60" s="77">
        <v>31</v>
      </c>
      <c r="M60" s="78">
        <v>48</v>
      </c>
    </row>
    <row r="61" spans="1:13">
      <c r="A61" s="15" t="s">
        <v>112</v>
      </c>
      <c r="B61" s="67">
        <v>3</v>
      </c>
      <c r="C61" s="68">
        <v>1</v>
      </c>
      <c r="D61" s="68">
        <v>2</v>
      </c>
      <c r="E61" s="67">
        <v>0</v>
      </c>
      <c r="F61" s="68">
        <v>0</v>
      </c>
      <c r="G61" s="69">
        <v>0</v>
      </c>
      <c r="H61" s="68">
        <v>17</v>
      </c>
      <c r="I61" s="68">
        <v>6</v>
      </c>
      <c r="J61" s="68">
        <v>11</v>
      </c>
      <c r="K61" s="67">
        <v>14</v>
      </c>
      <c r="L61" s="79">
        <v>5</v>
      </c>
      <c r="M61" s="80">
        <v>9</v>
      </c>
    </row>
    <row r="62" spans="1:13">
      <c r="A62" s="15" t="s">
        <v>114</v>
      </c>
      <c r="B62" s="67">
        <v>-1</v>
      </c>
      <c r="C62" s="68">
        <v>5</v>
      </c>
      <c r="D62" s="68">
        <v>-6</v>
      </c>
      <c r="E62" s="67">
        <v>2</v>
      </c>
      <c r="F62" s="68">
        <v>1</v>
      </c>
      <c r="G62" s="69">
        <v>1</v>
      </c>
      <c r="H62" s="68">
        <v>15</v>
      </c>
      <c r="I62" s="68">
        <v>11</v>
      </c>
      <c r="J62" s="68">
        <v>4</v>
      </c>
      <c r="K62" s="67">
        <v>14</v>
      </c>
      <c r="L62" s="79">
        <v>5</v>
      </c>
      <c r="M62" s="80">
        <v>9</v>
      </c>
    </row>
    <row r="63" spans="1:13">
      <c r="A63" s="15" t="s">
        <v>116</v>
      </c>
      <c r="B63" s="67">
        <v>-5</v>
      </c>
      <c r="C63" s="68">
        <v>-7</v>
      </c>
      <c r="D63" s="68">
        <v>2</v>
      </c>
      <c r="E63" s="67">
        <v>0</v>
      </c>
      <c r="F63" s="68">
        <v>0</v>
      </c>
      <c r="G63" s="69">
        <v>0</v>
      </c>
      <c r="H63" s="68">
        <v>14</v>
      </c>
      <c r="I63" s="68">
        <v>2</v>
      </c>
      <c r="J63" s="68">
        <v>12</v>
      </c>
      <c r="K63" s="67">
        <v>19</v>
      </c>
      <c r="L63" s="79">
        <v>9</v>
      </c>
      <c r="M63" s="80">
        <v>10</v>
      </c>
    </row>
    <row r="64" spans="1:13">
      <c r="A64" s="15" t="s">
        <v>118</v>
      </c>
      <c r="B64" s="67">
        <v>-3</v>
      </c>
      <c r="C64" s="68">
        <v>5</v>
      </c>
      <c r="D64" s="68">
        <v>-8</v>
      </c>
      <c r="E64" s="67">
        <v>2</v>
      </c>
      <c r="F64" s="68">
        <v>1</v>
      </c>
      <c r="G64" s="69">
        <v>1</v>
      </c>
      <c r="H64" s="68">
        <v>14</v>
      </c>
      <c r="I64" s="68">
        <v>10</v>
      </c>
      <c r="J64" s="68">
        <v>4</v>
      </c>
      <c r="K64" s="67">
        <v>15</v>
      </c>
      <c r="L64" s="79">
        <v>4</v>
      </c>
      <c r="M64" s="80">
        <v>11</v>
      </c>
    </row>
    <row r="65" spans="1:13">
      <c r="A65" s="19" t="s">
        <v>120</v>
      </c>
      <c r="B65" s="70">
        <v>-1</v>
      </c>
      <c r="C65" s="71">
        <v>2</v>
      </c>
      <c r="D65" s="71">
        <v>-3</v>
      </c>
      <c r="E65" s="70">
        <v>2</v>
      </c>
      <c r="F65" s="71">
        <v>1</v>
      </c>
      <c r="G65" s="72">
        <v>1</v>
      </c>
      <c r="H65" s="71">
        <v>18</v>
      </c>
      <c r="I65" s="71">
        <v>11</v>
      </c>
      <c r="J65" s="71">
        <v>7</v>
      </c>
      <c r="K65" s="70">
        <v>17</v>
      </c>
      <c r="L65" s="81">
        <v>8</v>
      </c>
      <c r="M65" s="82">
        <v>9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23</v>
      </c>
      <c r="C69" s="50">
        <v>62</v>
      </c>
      <c r="D69" s="84">
        <v>61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93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0</v>
      </c>
      <c r="C75" s="65">
        <v>-12</v>
      </c>
      <c r="D75" s="65">
        <v>2</v>
      </c>
      <c r="E75" s="64">
        <v>3</v>
      </c>
      <c r="F75" s="65">
        <v>2</v>
      </c>
      <c r="G75" s="66">
        <v>1</v>
      </c>
      <c r="H75" s="65">
        <v>83</v>
      </c>
      <c r="I75" s="65">
        <v>38</v>
      </c>
      <c r="J75" s="65">
        <v>45</v>
      </c>
      <c r="K75" s="64">
        <v>90</v>
      </c>
      <c r="L75" s="77">
        <v>48</v>
      </c>
      <c r="M75" s="78">
        <v>42</v>
      </c>
    </row>
    <row r="76" spans="1:13">
      <c r="A76" s="27" t="s">
        <v>5</v>
      </c>
      <c r="B76" s="67">
        <v>2</v>
      </c>
      <c r="C76" s="68">
        <v>1</v>
      </c>
      <c r="D76" s="68">
        <v>1</v>
      </c>
      <c r="E76" s="67">
        <v>1</v>
      </c>
      <c r="F76" s="68">
        <v>0</v>
      </c>
      <c r="G76" s="69">
        <v>1</v>
      </c>
      <c r="H76" s="68">
        <v>18</v>
      </c>
      <c r="I76" s="68">
        <v>6</v>
      </c>
      <c r="J76" s="68">
        <v>12</v>
      </c>
      <c r="K76" s="67">
        <v>15</v>
      </c>
      <c r="L76" s="79">
        <v>5</v>
      </c>
      <c r="M76" s="80">
        <v>10</v>
      </c>
    </row>
    <row r="77" spans="1:13">
      <c r="A77" s="27" t="s">
        <v>7</v>
      </c>
      <c r="B77" s="67">
        <v>-5</v>
      </c>
      <c r="C77" s="68">
        <v>-1</v>
      </c>
      <c r="D77" s="68">
        <v>-4</v>
      </c>
      <c r="E77" s="67">
        <v>1</v>
      </c>
      <c r="F77" s="68">
        <v>1</v>
      </c>
      <c r="G77" s="69">
        <v>0</v>
      </c>
      <c r="H77" s="68">
        <v>17</v>
      </c>
      <c r="I77" s="68">
        <v>12</v>
      </c>
      <c r="J77" s="68">
        <v>5</v>
      </c>
      <c r="K77" s="67">
        <v>21</v>
      </c>
      <c r="L77" s="79">
        <v>12</v>
      </c>
      <c r="M77" s="80">
        <v>9</v>
      </c>
    </row>
    <row r="78" spans="1:13">
      <c r="A78" s="27" t="s">
        <v>9</v>
      </c>
      <c r="B78" s="67">
        <v>-6</v>
      </c>
      <c r="C78" s="68">
        <v>-4</v>
      </c>
      <c r="D78" s="68">
        <v>-2</v>
      </c>
      <c r="E78" s="67">
        <v>0</v>
      </c>
      <c r="F78" s="68">
        <v>0</v>
      </c>
      <c r="G78" s="69">
        <v>0</v>
      </c>
      <c r="H78" s="68">
        <v>19</v>
      </c>
      <c r="I78" s="68">
        <v>10</v>
      </c>
      <c r="J78" s="68">
        <v>9</v>
      </c>
      <c r="K78" s="67">
        <v>25</v>
      </c>
      <c r="L78" s="79">
        <v>14</v>
      </c>
      <c r="M78" s="80">
        <v>11</v>
      </c>
    </row>
    <row r="79" spans="1:13">
      <c r="A79" s="27" t="s">
        <v>11</v>
      </c>
      <c r="B79" s="67">
        <v>5</v>
      </c>
      <c r="C79" s="68">
        <v>-3</v>
      </c>
      <c r="D79" s="68">
        <v>8</v>
      </c>
      <c r="E79" s="67">
        <v>1</v>
      </c>
      <c r="F79" s="68">
        <v>1</v>
      </c>
      <c r="G79" s="69">
        <v>0</v>
      </c>
      <c r="H79" s="68">
        <v>19</v>
      </c>
      <c r="I79" s="68">
        <v>6</v>
      </c>
      <c r="J79" s="68">
        <v>13</v>
      </c>
      <c r="K79" s="67">
        <v>13</v>
      </c>
      <c r="L79" s="79">
        <v>8</v>
      </c>
      <c r="M79" s="80">
        <v>5</v>
      </c>
    </row>
    <row r="80" spans="1:13">
      <c r="A80" s="27" t="s">
        <v>13</v>
      </c>
      <c r="B80" s="67">
        <v>-6</v>
      </c>
      <c r="C80" s="68">
        <v>-5</v>
      </c>
      <c r="D80" s="68">
        <v>-1</v>
      </c>
      <c r="E80" s="67">
        <v>0</v>
      </c>
      <c r="F80" s="68">
        <v>0</v>
      </c>
      <c r="G80" s="69">
        <v>0</v>
      </c>
      <c r="H80" s="68">
        <v>10</v>
      </c>
      <c r="I80" s="68">
        <v>4</v>
      </c>
      <c r="J80" s="68">
        <v>6</v>
      </c>
      <c r="K80" s="67">
        <v>16</v>
      </c>
      <c r="L80" s="79">
        <v>9</v>
      </c>
      <c r="M80" s="80">
        <v>7</v>
      </c>
    </row>
    <row r="81" spans="1:13" ht="21" customHeight="1">
      <c r="A81" s="38" t="s">
        <v>15</v>
      </c>
      <c r="B81" s="64">
        <v>-3</v>
      </c>
      <c r="C81" s="65">
        <v>3</v>
      </c>
      <c r="D81" s="65">
        <v>-6</v>
      </c>
      <c r="E81" s="64">
        <v>7</v>
      </c>
      <c r="F81" s="65">
        <v>5</v>
      </c>
      <c r="G81" s="66">
        <v>2</v>
      </c>
      <c r="H81" s="65">
        <v>61</v>
      </c>
      <c r="I81" s="65">
        <v>36</v>
      </c>
      <c r="J81" s="65">
        <v>25</v>
      </c>
      <c r="K81" s="64">
        <v>57</v>
      </c>
      <c r="L81" s="77">
        <v>28</v>
      </c>
      <c r="M81" s="78">
        <v>29</v>
      </c>
    </row>
    <row r="82" spans="1:13">
      <c r="A82" s="27" t="s">
        <v>17</v>
      </c>
      <c r="B82" s="67">
        <v>-4</v>
      </c>
      <c r="C82" s="68">
        <v>2</v>
      </c>
      <c r="D82" s="68">
        <v>-6</v>
      </c>
      <c r="E82" s="67">
        <v>1</v>
      </c>
      <c r="F82" s="68">
        <v>1</v>
      </c>
      <c r="G82" s="69">
        <v>0</v>
      </c>
      <c r="H82" s="68">
        <v>10</v>
      </c>
      <c r="I82" s="68">
        <v>8</v>
      </c>
      <c r="J82" s="68">
        <v>2</v>
      </c>
      <c r="K82" s="67">
        <v>13</v>
      </c>
      <c r="L82" s="79">
        <v>5</v>
      </c>
      <c r="M82" s="80">
        <v>8</v>
      </c>
    </row>
    <row r="83" spans="1:13">
      <c r="A83" s="27" t="s">
        <v>19</v>
      </c>
      <c r="B83" s="67">
        <v>3</v>
      </c>
      <c r="C83" s="68">
        <v>2</v>
      </c>
      <c r="D83" s="68">
        <v>1</v>
      </c>
      <c r="E83" s="67">
        <v>3</v>
      </c>
      <c r="F83" s="68">
        <v>2</v>
      </c>
      <c r="G83" s="69">
        <v>1</v>
      </c>
      <c r="H83" s="68">
        <v>12</v>
      </c>
      <c r="I83" s="68">
        <v>8</v>
      </c>
      <c r="J83" s="68">
        <v>4</v>
      </c>
      <c r="K83" s="67">
        <v>6</v>
      </c>
      <c r="L83" s="79">
        <v>4</v>
      </c>
      <c r="M83" s="80">
        <v>2</v>
      </c>
    </row>
    <row r="84" spans="1:13">
      <c r="A84" s="27" t="s">
        <v>21</v>
      </c>
      <c r="B84" s="67">
        <v>2</v>
      </c>
      <c r="C84" s="68">
        <v>3</v>
      </c>
      <c r="D84" s="68">
        <v>-1</v>
      </c>
      <c r="E84" s="67">
        <v>1</v>
      </c>
      <c r="F84" s="68">
        <v>1</v>
      </c>
      <c r="G84" s="69">
        <v>0</v>
      </c>
      <c r="H84" s="68">
        <v>15</v>
      </c>
      <c r="I84" s="68">
        <v>8</v>
      </c>
      <c r="J84" s="68">
        <v>7</v>
      </c>
      <c r="K84" s="67">
        <v>12</v>
      </c>
      <c r="L84" s="79">
        <v>4</v>
      </c>
      <c r="M84" s="80">
        <v>8</v>
      </c>
    </row>
    <row r="85" spans="1:13">
      <c r="A85" s="27" t="s">
        <v>23</v>
      </c>
      <c r="B85" s="67">
        <v>2</v>
      </c>
      <c r="C85" s="68">
        <v>2</v>
      </c>
      <c r="D85" s="68">
        <v>0</v>
      </c>
      <c r="E85" s="67">
        <v>1</v>
      </c>
      <c r="F85" s="68">
        <v>1</v>
      </c>
      <c r="G85" s="69">
        <v>0</v>
      </c>
      <c r="H85" s="68">
        <v>13</v>
      </c>
      <c r="I85" s="68">
        <v>8</v>
      </c>
      <c r="J85" s="68">
        <v>5</v>
      </c>
      <c r="K85" s="67">
        <v>10</v>
      </c>
      <c r="L85" s="79">
        <v>5</v>
      </c>
      <c r="M85" s="80">
        <v>5</v>
      </c>
    </row>
    <row r="86" spans="1:13">
      <c r="A86" s="27" t="s">
        <v>25</v>
      </c>
      <c r="B86" s="67">
        <v>-6</v>
      </c>
      <c r="C86" s="68">
        <v>-6</v>
      </c>
      <c r="D86" s="68">
        <v>0</v>
      </c>
      <c r="E86" s="67">
        <v>1</v>
      </c>
      <c r="F86" s="68">
        <v>0</v>
      </c>
      <c r="G86" s="69">
        <v>1</v>
      </c>
      <c r="H86" s="68">
        <v>11</v>
      </c>
      <c r="I86" s="68">
        <v>4</v>
      </c>
      <c r="J86" s="68">
        <v>7</v>
      </c>
      <c r="K86" s="67">
        <v>16</v>
      </c>
      <c r="L86" s="79">
        <v>10</v>
      </c>
      <c r="M86" s="80">
        <v>6</v>
      </c>
    </row>
    <row r="87" spans="1:13" ht="21" customHeight="1">
      <c r="A87" s="38" t="s">
        <v>27</v>
      </c>
      <c r="B87" s="64">
        <v>9</v>
      </c>
      <c r="C87" s="65">
        <v>8</v>
      </c>
      <c r="D87" s="65">
        <v>1</v>
      </c>
      <c r="E87" s="64">
        <v>10</v>
      </c>
      <c r="F87" s="65">
        <v>5</v>
      </c>
      <c r="G87" s="66">
        <v>5</v>
      </c>
      <c r="H87" s="65">
        <v>55</v>
      </c>
      <c r="I87" s="65">
        <v>32</v>
      </c>
      <c r="J87" s="65">
        <v>23</v>
      </c>
      <c r="K87" s="64">
        <v>36</v>
      </c>
      <c r="L87" s="77">
        <v>19</v>
      </c>
      <c r="M87" s="78">
        <v>17</v>
      </c>
    </row>
    <row r="88" spans="1:13">
      <c r="A88" s="27" t="s">
        <v>29</v>
      </c>
      <c r="B88" s="67">
        <v>2</v>
      </c>
      <c r="C88" s="68">
        <v>0</v>
      </c>
      <c r="D88" s="68">
        <v>2</v>
      </c>
      <c r="E88" s="67">
        <v>4</v>
      </c>
      <c r="F88" s="68">
        <v>2</v>
      </c>
      <c r="G88" s="69">
        <v>2</v>
      </c>
      <c r="H88" s="68">
        <v>19</v>
      </c>
      <c r="I88" s="68">
        <v>10</v>
      </c>
      <c r="J88" s="68">
        <v>9</v>
      </c>
      <c r="K88" s="67">
        <v>13</v>
      </c>
      <c r="L88" s="79">
        <v>8</v>
      </c>
      <c r="M88" s="80">
        <v>5</v>
      </c>
    </row>
    <row r="89" spans="1:13">
      <c r="A89" s="27" t="s">
        <v>31</v>
      </c>
      <c r="B89" s="67">
        <v>5</v>
      </c>
      <c r="C89" s="68">
        <v>5</v>
      </c>
      <c r="D89" s="68">
        <v>0</v>
      </c>
      <c r="E89" s="67">
        <v>1</v>
      </c>
      <c r="F89" s="68">
        <v>0</v>
      </c>
      <c r="G89" s="69">
        <v>1</v>
      </c>
      <c r="H89" s="68">
        <v>13</v>
      </c>
      <c r="I89" s="68">
        <v>7</v>
      </c>
      <c r="J89" s="68">
        <v>6</v>
      </c>
      <c r="K89" s="67">
        <v>7</v>
      </c>
      <c r="L89" s="79">
        <v>2</v>
      </c>
      <c r="M89" s="80">
        <v>5</v>
      </c>
    </row>
    <row r="90" spans="1:13">
      <c r="A90" s="27" t="s">
        <v>33</v>
      </c>
      <c r="B90" s="67">
        <v>2</v>
      </c>
      <c r="C90" s="68">
        <v>2</v>
      </c>
      <c r="D90" s="68">
        <v>0</v>
      </c>
      <c r="E90" s="67">
        <v>3</v>
      </c>
      <c r="F90" s="68">
        <v>3</v>
      </c>
      <c r="G90" s="69">
        <v>0</v>
      </c>
      <c r="H90" s="68">
        <v>10</v>
      </c>
      <c r="I90" s="68">
        <v>6</v>
      </c>
      <c r="J90" s="68">
        <v>4</v>
      </c>
      <c r="K90" s="67">
        <v>5</v>
      </c>
      <c r="L90" s="79">
        <v>1</v>
      </c>
      <c r="M90" s="80">
        <v>4</v>
      </c>
    </row>
    <row r="91" spans="1:13">
      <c r="A91" s="27" t="s">
        <v>35</v>
      </c>
      <c r="B91" s="67">
        <v>-2</v>
      </c>
      <c r="C91" s="68">
        <v>1</v>
      </c>
      <c r="D91" s="68">
        <v>-3</v>
      </c>
      <c r="E91" s="67">
        <v>2</v>
      </c>
      <c r="F91" s="68">
        <v>0</v>
      </c>
      <c r="G91" s="69">
        <v>2</v>
      </c>
      <c r="H91" s="68">
        <v>6</v>
      </c>
      <c r="I91" s="68">
        <v>4</v>
      </c>
      <c r="J91" s="68">
        <v>2</v>
      </c>
      <c r="K91" s="67">
        <v>6</v>
      </c>
      <c r="L91" s="79">
        <v>3</v>
      </c>
      <c r="M91" s="80">
        <v>3</v>
      </c>
    </row>
    <row r="92" spans="1:13">
      <c r="A92" s="27" t="s">
        <v>37</v>
      </c>
      <c r="B92" s="67">
        <v>2</v>
      </c>
      <c r="C92" s="68">
        <v>0</v>
      </c>
      <c r="D92" s="68">
        <v>2</v>
      </c>
      <c r="E92" s="67">
        <v>0</v>
      </c>
      <c r="F92" s="68">
        <v>0</v>
      </c>
      <c r="G92" s="69">
        <v>0</v>
      </c>
      <c r="H92" s="68">
        <v>7</v>
      </c>
      <c r="I92" s="68">
        <v>5</v>
      </c>
      <c r="J92" s="68">
        <v>2</v>
      </c>
      <c r="K92" s="67">
        <v>5</v>
      </c>
      <c r="L92" s="79">
        <v>5</v>
      </c>
      <c r="M92" s="80">
        <v>0</v>
      </c>
    </row>
    <row r="93" spans="1:13" ht="21" customHeight="1">
      <c r="A93" s="38" t="s">
        <v>39</v>
      </c>
      <c r="B93" s="64">
        <v>-15</v>
      </c>
      <c r="C93" s="65">
        <v>-13</v>
      </c>
      <c r="D93" s="65">
        <v>-2</v>
      </c>
      <c r="E93" s="64">
        <v>6</v>
      </c>
      <c r="F93" s="65">
        <v>5</v>
      </c>
      <c r="G93" s="66">
        <v>1</v>
      </c>
      <c r="H93" s="65">
        <v>15</v>
      </c>
      <c r="I93" s="65">
        <v>6</v>
      </c>
      <c r="J93" s="65">
        <v>9</v>
      </c>
      <c r="K93" s="64">
        <v>24</v>
      </c>
      <c r="L93" s="77">
        <v>14</v>
      </c>
      <c r="M93" s="78">
        <v>10</v>
      </c>
    </row>
    <row r="94" spans="1:13">
      <c r="A94" s="27" t="s">
        <v>41</v>
      </c>
      <c r="B94" s="67">
        <v>-2</v>
      </c>
      <c r="C94" s="68">
        <v>-2</v>
      </c>
      <c r="D94" s="68">
        <v>0</v>
      </c>
      <c r="E94" s="67">
        <v>1</v>
      </c>
      <c r="F94" s="68">
        <v>0</v>
      </c>
      <c r="G94" s="69">
        <v>1</v>
      </c>
      <c r="H94" s="68">
        <v>5</v>
      </c>
      <c r="I94" s="68">
        <v>1</v>
      </c>
      <c r="J94" s="68">
        <v>4</v>
      </c>
      <c r="K94" s="67">
        <v>6</v>
      </c>
      <c r="L94" s="79">
        <v>3</v>
      </c>
      <c r="M94" s="80">
        <v>3</v>
      </c>
    </row>
    <row r="95" spans="1:13">
      <c r="A95" s="27" t="s">
        <v>43</v>
      </c>
      <c r="B95" s="67">
        <v>-1</v>
      </c>
      <c r="C95" s="68">
        <v>-1</v>
      </c>
      <c r="D95" s="68">
        <v>0</v>
      </c>
      <c r="E95" s="67">
        <v>0</v>
      </c>
      <c r="F95" s="68">
        <v>0</v>
      </c>
      <c r="G95" s="69">
        <v>0</v>
      </c>
      <c r="H95" s="68">
        <v>1</v>
      </c>
      <c r="I95" s="68">
        <v>0</v>
      </c>
      <c r="J95" s="68">
        <v>1</v>
      </c>
      <c r="K95" s="67">
        <v>2</v>
      </c>
      <c r="L95" s="79">
        <v>1</v>
      </c>
      <c r="M95" s="80">
        <v>1</v>
      </c>
    </row>
    <row r="96" spans="1:13">
      <c r="A96" s="27" t="s">
        <v>45</v>
      </c>
      <c r="B96" s="67">
        <v>-4</v>
      </c>
      <c r="C96" s="68">
        <v>-2</v>
      </c>
      <c r="D96" s="68">
        <v>-2</v>
      </c>
      <c r="E96" s="67">
        <v>1</v>
      </c>
      <c r="F96" s="68">
        <v>1</v>
      </c>
      <c r="G96" s="69">
        <v>0</v>
      </c>
      <c r="H96" s="68">
        <v>2</v>
      </c>
      <c r="I96" s="68">
        <v>2</v>
      </c>
      <c r="J96" s="68">
        <v>0</v>
      </c>
      <c r="K96" s="67">
        <v>5</v>
      </c>
      <c r="L96" s="79">
        <v>3</v>
      </c>
      <c r="M96" s="80">
        <v>2</v>
      </c>
    </row>
    <row r="97" spans="1:13">
      <c r="A97" s="27" t="s">
        <v>47</v>
      </c>
      <c r="B97" s="67">
        <v>-3</v>
      </c>
      <c r="C97" s="68">
        <v>-5</v>
      </c>
      <c r="D97" s="68">
        <v>2</v>
      </c>
      <c r="E97" s="67">
        <v>2</v>
      </c>
      <c r="F97" s="68">
        <v>2</v>
      </c>
      <c r="G97" s="69">
        <v>0</v>
      </c>
      <c r="H97" s="68">
        <v>5</v>
      </c>
      <c r="I97" s="68">
        <v>2</v>
      </c>
      <c r="J97" s="68">
        <v>3</v>
      </c>
      <c r="K97" s="67">
        <v>6</v>
      </c>
      <c r="L97" s="79">
        <v>5</v>
      </c>
      <c r="M97" s="80">
        <v>1</v>
      </c>
    </row>
    <row r="98" spans="1:13">
      <c r="A98" s="27" t="s">
        <v>49</v>
      </c>
      <c r="B98" s="67">
        <v>-5</v>
      </c>
      <c r="C98" s="68">
        <v>-3</v>
      </c>
      <c r="D98" s="68">
        <v>-2</v>
      </c>
      <c r="E98" s="67">
        <v>2</v>
      </c>
      <c r="F98" s="68">
        <v>2</v>
      </c>
      <c r="G98" s="69">
        <v>0</v>
      </c>
      <c r="H98" s="68">
        <v>2</v>
      </c>
      <c r="I98" s="68">
        <v>1</v>
      </c>
      <c r="J98" s="68">
        <v>1</v>
      </c>
      <c r="K98" s="67">
        <v>5</v>
      </c>
      <c r="L98" s="79">
        <v>2</v>
      </c>
      <c r="M98" s="80">
        <v>3</v>
      </c>
    </row>
    <row r="99" spans="1:13" ht="21" customHeight="1">
      <c r="A99" s="38" t="s">
        <v>51</v>
      </c>
      <c r="B99" s="64">
        <v>-34</v>
      </c>
      <c r="C99" s="65">
        <v>-10</v>
      </c>
      <c r="D99" s="65">
        <v>-24</v>
      </c>
      <c r="E99" s="64">
        <v>26</v>
      </c>
      <c r="F99" s="65">
        <v>17</v>
      </c>
      <c r="G99" s="66">
        <v>9</v>
      </c>
      <c r="H99" s="65">
        <v>20</v>
      </c>
      <c r="I99" s="65">
        <v>13</v>
      </c>
      <c r="J99" s="65">
        <v>7</v>
      </c>
      <c r="K99" s="64">
        <v>28</v>
      </c>
      <c r="L99" s="77">
        <v>6</v>
      </c>
      <c r="M99" s="78">
        <v>22</v>
      </c>
    </row>
    <row r="100" spans="1:13">
      <c r="A100" s="27" t="s">
        <v>53</v>
      </c>
      <c r="B100" s="67">
        <v>-1</v>
      </c>
      <c r="C100" s="68">
        <v>2</v>
      </c>
      <c r="D100" s="68">
        <v>-3</v>
      </c>
      <c r="E100" s="67">
        <v>2</v>
      </c>
      <c r="F100" s="68">
        <v>2</v>
      </c>
      <c r="G100" s="69">
        <v>0</v>
      </c>
      <c r="H100" s="68">
        <v>5</v>
      </c>
      <c r="I100" s="68">
        <v>4</v>
      </c>
      <c r="J100" s="68">
        <v>1</v>
      </c>
      <c r="K100" s="67">
        <v>4</v>
      </c>
      <c r="L100" s="79">
        <v>0</v>
      </c>
      <c r="M100" s="80">
        <v>4</v>
      </c>
    </row>
    <row r="101" spans="1:13">
      <c r="A101" s="27" t="s">
        <v>55</v>
      </c>
      <c r="B101" s="67">
        <v>-9</v>
      </c>
      <c r="C101" s="68">
        <v>-4</v>
      </c>
      <c r="D101" s="68">
        <v>-5</v>
      </c>
      <c r="E101" s="67">
        <v>7</v>
      </c>
      <c r="F101" s="68">
        <v>5</v>
      </c>
      <c r="G101" s="69">
        <v>2</v>
      </c>
      <c r="H101" s="68">
        <v>3</v>
      </c>
      <c r="I101" s="68">
        <v>2</v>
      </c>
      <c r="J101" s="68">
        <v>1</v>
      </c>
      <c r="K101" s="67">
        <v>5</v>
      </c>
      <c r="L101" s="79">
        <v>1</v>
      </c>
      <c r="M101" s="80">
        <v>4</v>
      </c>
    </row>
    <row r="102" spans="1:13">
      <c r="A102" s="27" t="s">
        <v>57</v>
      </c>
      <c r="B102" s="67">
        <v>-9</v>
      </c>
      <c r="C102" s="68">
        <v>-4</v>
      </c>
      <c r="D102" s="68">
        <v>-5</v>
      </c>
      <c r="E102" s="67">
        <v>8</v>
      </c>
      <c r="F102" s="68">
        <v>6</v>
      </c>
      <c r="G102" s="69">
        <v>2</v>
      </c>
      <c r="H102" s="68">
        <v>3</v>
      </c>
      <c r="I102" s="68">
        <v>3</v>
      </c>
      <c r="J102" s="68">
        <v>0</v>
      </c>
      <c r="K102" s="67">
        <v>4</v>
      </c>
      <c r="L102" s="79">
        <v>1</v>
      </c>
      <c r="M102" s="80">
        <v>3</v>
      </c>
    </row>
    <row r="103" spans="1:13">
      <c r="A103" s="27" t="s">
        <v>59</v>
      </c>
      <c r="B103" s="67">
        <v>-1</v>
      </c>
      <c r="C103" s="68">
        <v>0</v>
      </c>
      <c r="D103" s="68">
        <v>-1</v>
      </c>
      <c r="E103" s="67">
        <v>1</v>
      </c>
      <c r="F103" s="68">
        <v>1</v>
      </c>
      <c r="G103" s="69">
        <v>0</v>
      </c>
      <c r="H103" s="68">
        <v>5</v>
      </c>
      <c r="I103" s="68">
        <v>3</v>
      </c>
      <c r="J103" s="68">
        <v>2</v>
      </c>
      <c r="K103" s="67">
        <v>5</v>
      </c>
      <c r="L103" s="79">
        <v>2</v>
      </c>
      <c r="M103" s="80">
        <v>3</v>
      </c>
    </row>
    <row r="104" spans="1:13">
      <c r="A104" s="27" t="s">
        <v>61</v>
      </c>
      <c r="B104" s="67">
        <v>-14</v>
      </c>
      <c r="C104" s="68">
        <v>-4</v>
      </c>
      <c r="D104" s="68">
        <v>-10</v>
      </c>
      <c r="E104" s="67">
        <v>8</v>
      </c>
      <c r="F104" s="68">
        <v>3</v>
      </c>
      <c r="G104" s="69">
        <v>5</v>
      </c>
      <c r="H104" s="68">
        <v>4</v>
      </c>
      <c r="I104" s="68">
        <v>1</v>
      </c>
      <c r="J104" s="68">
        <v>3</v>
      </c>
      <c r="K104" s="67">
        <v>10</v>
      </c>
      <c r="L104" s="79">
        <v>2</v>
      </c>
      <c r="M104" s="80">
        <v>8</v>
      </c>
    </row>
    <row r="105" spans="1:13" ht="21" customHeight="1">
      <c r="A105" s="38" t="s">
        <v>63</v>
      </c>
      <c r="B105" s="64">
        <v>-45</v>
      </c>
      <c r="C105" s="65">
        <v>-26</v>
      </c>
      <c r="D105" s="65">
        <v>-19</v>
      </c>
      <c r="E105" s="64">
        <v>36</v>
      </c>
      <c r="F105" s="65">
        <v>18</v>
      </c>
      <c r="G105" s="66">
        <v>18</v>
      </c>
      <c r="H105" s="65">
        <v>22</v>
      </c>
      <c r="I105" s="65">
        <v>5</v>
      </c>
      <c r="J105" s="65">
        <v>17</v>
      </c>
      <c r="K105" s="64">
        <v>31</v>
      </c>
      <c r="L105" s="77">
        <v>13</v>
      </c>
      <c r="M105" s="78">
        <v>18</v>
      </c>
    </row>
    <row r="106" spans="1:13">
      <c r="A106" s="27" t="s">
        <v>65</v>
      </c>
      <c r="B106" s="67">
        <v>-5</v>
      </c>
      <c r="C106" s="68">
        <v>1</v>
      </c>
      <c r="D106" s="68">
        <v>-6</v>
      </c>
      <c r="E106" s="67">
        <v>7</v>
      </c>
      <c r="F106" s="68">
        <v>1</v>
      </c>
      <c r="G106" s="69">
        <v>6</v>
      </c>
      <c r="H106" s="68">
        <v>5</v>
      </c>
      <c r="I106" s="68">
        <v>2</v>
      </c>
      <c r="J106" s="68">
        <v>3</v>
      </c>
      <c r="K106" s="67">
        <v>3</v>
      </c>
      <c r="L106" s="79">
        <v>0</v>
      </c>
      <c r="M106" s="80">
        <v>3</v>
      </c>
    </row>
    <row r="107" spans="1:13">
      <c r="A107" s="27" t="s">
        <v>67</v>
      </c>
      <c r="B107" s="67">
        <v>-5</v>
      </c>
      <c r="C107" s="68">
        <v>-4</v>
      </c>
      <c r="D107" s="68">
        <v>-1</v>
      </c>
      <c r="E107" s="67">
        <v>5</v>
      </c>
      <c r="F107" s="68">
        <v>2</v>
      </c>
      <c r="G107" s="69">
        <v>3</v>
      </c>
      <c r="H107" s="68">
        <v>8</v>
      </c>
      <c r="I107" s="68">
        <v>2</v>
      </c>
      <c r="J107" s="68">
        <v>6</v>
      </c>
      <c r="K107" s="67">
        <v>8</v>
      </c>
      <c r="L107" s="79">
        <v>4</v>
      </c>
      <c r="M107" s="80">
        <v>4</v>
      </c>
    </row>
    <row r="108" spans="1:13">
      <c r="A108" s="27" t="s">
        <v>69</v>
      </c>
      <c r="B108" s="67">
        <v>-11</v>
      </c>
      <c r="C108" s="68">
        <v>-6</v>
      </c>
      <c r="D108" s="68">
        <v>-5</v>
      </c>
      <c r="E108" s="67">
        <v>6</v>
      </c>
      <c r="F108" s="68">
        <v>3</v>
      </c>
      <c r="G108" s="69">
        <v>3</v>
      </c>
      <c r="H108" s="68">
        <v>2</v>
      </c>
      <c r="I108" s="68">
        <v>0</v>
      </c>
      <c r="J108" s="68">
        <v>2</v>
      </c>
      <c r="K108" s="67">
        <v>7</v>
      </c>
      <c r="L108" s="79">
        <v>3</v>
      </c>
      <c r="M108" s="80">
        <v>4</v>
      </c>
    </row>
    <row r="109" spans="1:13">
      <c r="A109" s="27" t="s">
        <v>71</v>
      </c>
      <c r="B109" s="67">
        <v>-14</v>
      </c>
      <c r="C109" s="68">
        <v>-10</v>
      </c>
      <c r="D109" s="68">
        <v>-4</v>
      </c>
      <c r="E109" s="67">
        <v>8</v>
      </c>
      <c r="F109" s="68">
        <v>6</v>
      </c>
      <c r="G109" s="69">
        <v>2</v>
      </c>
      <c r="H109" s="68">
        <v>3</v>
      </c>
      <c r="I109" s="68">
        <v>1</v>
      </c>
      <c r="J109" s="68">
        <v>2</v>
      </c>
      <c r="K109" s="67">
        <v>9</v>
      </c>
      <c r="L109" s="79">
        <v>5</v>
      </c>
      <c r="M109" s="80">
        <v>4</v>
      </c>
    </row>
    <row r="110" spans="1:13">
      <c r="A110" s="27" t="s">
        <v>73</v>
      </c>
      <c r="B110" s="67">
        <v>-10</v>
      </c>
      <c r="C110" s="68">
        <v>-7</v>
      </c>
      <c r="D110" s="68">
        <v>-3</v>
      </c>
      <c r="E110" s="67">
        <v>10</v>
      </c>
      <c r="F110" s="68">
        <v>6</v>
      </c>
      <c r="G110" s="69">
        <v>4</v>
      </c>
      <c r="H110" s="68">
        <v>4</v>
      </c>
      <c r="I110" s="68">
        <v>0</v>
      </c>
      <c r="J110" s="68">
        <v>4</v>
      </c>
      <c r="K110" s="67">
        <v>4</v>
      </c>
      <c r="L110" s="79">
        <v>1</v>
      </c>
      <c r="M110" s="80">
        <v>3</v>
      </c>
    </row>
    <row r="111" spans="1:13" ht="21" customHeight="1">
      <c r="A111" s="38" t="s">
        <v>75</v>
      </c>
      <c r="B111" s="64">
        <v>-67</v>
      </c>
      <c r="C111" s="65">
        <v>-44</v>
      </c>
      <c r="D111" s="65">
        <v>-23</v>
      </c>
      <c r="E111" s="64">
        <v>66</v>
      </c>
      <c r="F111" s="65">
        <v>45</v>
      </c>
      <c r="G111" s="66">
        <v>21</v>
      </c>
      <c r="H111" s="65">
        <v>29</v>
      </c>
      <c r="I111" s="65">
        <v>12</v>
      </c>
      <c r="J111" s="65">
        <v>17</v>
      </c>
      <c r="K111" s="64">
        <v>30</v>
      </c>
      <c r="L111" s="77">
        <v>11</v>
      </c>
      <c r="M111" s="78">
        <v>19</v>
      </c>
    </row>
    <row r="112" spans="1:13">
      <c r="A112" s="27" t="s">
        <v>77</v>
      </c>
      <c r="B112" s="67">
        <v>-13</v>
      </c>
      <c r="C112" s="68">
        <v>-9</v>
      </c>
      <c r="D112" s="68">
        <v>-4</v>
      </c>
      <c r="E112" s="67">
        <v>13</v>
      </c>
      <c r="F112" s="68">
        <v>10</v>
      </c>
      <c r="G112" s="69">
        <v>3</v>
      </c>
      <c r="H112" s="68">
        <v>6</v>
      </c>
      <c r="I112" s="68">
        <v>3</v>
      </c>
      <c r="J112" s="68">
        <v>3</v>
      </c>
      <c r="K112" s="67">
        <v>6</v>
      </c>
      <c r="L112" s="79">
        <v>2</v>
      </c>
      <c r="M112" s="80">
        <v>4</v>
      </c>
    </row>
    <row r="113" spans="1:13">
      <c r="A113" s="27" t="s">
        <v>79</v>
      </c>
      <c r="B113" s="67">
        <v>-12</v>
      </c>
      <c r="C113" s="68">
        <v>-6</v>
      </c>
      <c r="D113" s="68">
        <v>-6</v>
      </c>
      <c r="E113" s="67">
        <v>12</v>
      </c>
      <c r="F113" s="68">
        <v>7</v>
      </c>
      <c r="G113" s="69">
        <v>5</v>
      </c>
      <c r="H113" s="68">
        <v>4</v>
      </c>
      <c r="I113" s="68">
        <v>2</v>
      </c>
      <c r="J113" s="68">
        <v>2</v>
      </c>
      <c r="K113" s="67">
        <v>4</v>
      </c>
      <c r="L113" s="79">
        <v>1</v>
      </c>
      <c r="M113" s="80">
        <v>3</v>
      </c>
    </row>
    <row r="114" spans="1:13">
      <c r="A114" s="27" t="s">
        <v>81</v>
      </c>
      <c r="B114" s="67">
        <v>-9</v>
      </c>
      <c r="C114" s="68">
        <v>-6</v>
      </c>
      <c r="D114" s="68">
        <v>-3</v>
      </c>
      <c r="E114" s="67">
        <v>12</v>
      </c>
      <c r="F114" s="68">
        <v>10</v>
      </c>
      <c r="G114" s="69">
        <v>2</v>
      </c>
      <c r="H114" s="68">
        <v>9</v>
      </c>
      <c r="I114" s="68">
        <v>4</v>
      </c>
      <c r="J114" s="68">
        <v>5</v>
      </c>
      <c r="K114" s="67">
        <v>6</v>
      </c>
      <c r="L114" s="79">
        <v>0</v>
      </c>
      <c r="M114" s="80">
        <v>6</v>
      </c>
    </row>
    <row r="115" spans="1:13">
      <c r="A115" s="27" t="s">
        <v>83</v>
      </c>
      <c r="B115" s="67">
        <v>-18</v>
      </c>
      <c r="C115" s="68">
        <v>-16</v>
      </c>
      <c r="D115" s="68">
        <v>-2</v>
      </c>
      <c r="E115" s="67">
        <v>18</v>
      </c>
      <c r="F115" s="68">
        <v>13</v>
      </c>
      <c r="G115" s="69">
        <v>5</v>
      </c>
      <c r="H115" s="68">
        <v>8</v>
      </c>
      <c r="I115" s="68">
        <v>2</v>
      </c>
      <c r="J115" s="68">
        <v>6</v>
      </c>
      <c r="K115" s="67">
        <v>8</v>
      </c>
      <c r="L115" s="79">
        <v>5</v>
      </c>
      <c r="M115" s="80">
        <v>3</v>
      </c>
    </row>
    <row r="116" spans="1:13">
      <c r="A116" s="27" t="s">
        <v>85</v>
      </c>
      <c r="B116" s="67">
        <v>-15</v>
      </c>
      <c r="C116" s="68">
        <v>-7</v>
      </c>
      <c r="D116" s="68">
        <v>-8</v>
      </c>
      <c r="E116" s="67">
        <v>11</v>
      </c>
      <c r="F116" s="68">
        <v>5</v>
      </c>
      <c r="G116" s="69">
        <v>6</v>
      </c>
      <c r="H116" s="68">
        <v>2</v>
      </c>
      <c r="I116" s="68">
        <v>1</v>
      </c>
      <c r="J116" s="68">
        <v>1</v>
      </c>
      <c r="K116" s="67">
        <v>6</v>
      </c>
      <c r="L116" s="79">
        <v>3</v>
      </c>
      <c r="M116" s="80">
        <v>3</v>
      </c>
    </row>
    <row r="117" spans="1:13" ht="21" customHeight="1">
      <c r="A117" s="38" t="s">
        <v>87</v>
      </c>
      <c r="B117" s="64">
        <v>-84</v>
      </c>
      <c r="C117" s="65">
        <v>-53</v>
      </c>
      <c r="D117" s="65">
        <v>-31</v>
      </c>
      <c r="E117" s="64">
        <v>87</v>
      </c>
      <c r="F117" s="65">
        <v>51</v>
      </c>
      <c r="G117" s="66">
        <v>36</v>
      </c>
      <c r="H117" s="65">
        <v>30</v>
      </c>
      <c r="I117" s="65">
        <v>4</v>
      </c>
      <c r="J117" s="65">
        <v>26</v>
      </c>
      <c r="K117" s="64">
        <v>27</v>
      </c>
      <c r="L117" s="77">
        <v>6</v>
      </c>
      <c r="M117" s="78">
        <v>21</v>
      </c>
    </row>
    <row r="118" spans="1:13">
      <c r="A118" s="27" t="s">
        <v>89</v>
      </c>
      <c r="B118" s="67">
        <v>-6</v>
      </c>
      <c r="C118" s="68">
        <v>-4</v>
      </c>
      <c r="D118" s="68">
        <v>-2</v>
      </c>
      <c r="E118" s="67">
        <v>11</v>
      </c>
      <c r="F118" s="68">
        <v>5</v>
      </c>
      <c r="G118" s="69">
        <v>6</v>
      </c>
      <c r="H118" s="68">
        <v>8</v>
      </c>
      <c r="I118" s="68">
        <v>1</v>
      </c>
      <c r="J118" s="68">
        <v>7</v>
      </c>
      <c r="K118" s="67">
        <v>3</v>
      </c>
      <c r="L118" s="79">
        <v>0</v>
      </c>
      <c r="M118" s="80">
        <v>3</v>
      </c>
    </row>
    <row r="119" spans="1:13">
      <c r="A119" s="27" t="s">
        <v>91</v>
      </c>
      <c r="B119" s="67">
        <v>-33</v>
      </c>
      <c r="C119" s="68">
        <v>-15</v>
      </c>
      <c r="D119" s="68">
        <v>-18</v>
      </c>
      <c r="E119" s="67">
        <v>21</v>
      </c>
      <c r="F119" s="68">
        <v>12</v>
      </c>
      <c r="G119" s="69">
        <v>9</v>
      </c>
      <c r="H119" s="68">
        <v>0</v>
      </c>
      <c r="I119" s="68">
        <v>0</v>
      </c>
      <c r="J119" s="68">
        <v>0</v>
      </c>
      <c r="K119" s="67">
        <v>12</v>
      </c>
      <c r="L119" s="79">
        <v>3</v>
      </c>
      <c r="M119" s="80">
        <v>9</v>
      </c>
    </row>
    <row r="120" spans="1:13">
      <c r="A120" s="27" t="s">
        <v>93</v>
      </c>
      <c r="B120" s="67">
        <v>-17</v>
      </c>
      <c r="C120" s="68">
        <v>-12</v>
      </c>
      <c r="D120" s="68">
        <v>-5</v>
      </c>
      <c r="E120" s="67">
        <v>22</v>
      </c>
      <c r="F120" s="68">
        <v>10</v>
      </c>
      <c r="G120" s="69">
        <v>12</v>
      </c>
      <c r="H120" s="68">
        <v>9</v>
      </c>
      <c r="I120" s="68">
        <v>0</v>
      </c>
      <c r="J120" s="68">
        <v>9</v>
      </c>
      <c r="K120" s="67">
        <v>4</v>
      </c>
      <c r="L120" s="79">
        <v>2</v>
      </c>
      <c r="M120" s="80">
        <v>2</v>
      </c>
    </row>
    <row r="121" spans="1:13">
      <c r="A121" s="27" t="s">
        <v>95</v>
      </c>
      <c r="B121" s="67">
        <v>-14</v>
      </c>
      <c r="C121" s="68">
        <v>-11</v>
      </c>
      <c r="D121" s="68">
        <v>-3</v>
      </c>
      <c r="E121" s="67">
        <v>15</v>
      </c>
      <c r="F121" s="68">
        <v>11</v>
      </c>
      <c r="G121" s="69">
        <v>4</v>
      </c>
      <c r="H121" s="68">
        <v>4</v>
      </c>
      <c r="I121" s="68">
        <v>1</v>
      </c>
      <c r="J121" s="68">
        <v>3</v>
      </c>
      <c r="K121" s="67">
        <v>3</v>
      </c>
      <c r="L121" s="79">
        <v>1</v>
      </c>
      <c r="M121" s="80">
        <v>2</v>
      </c>
    </row>
    <row r="122" spans="1:13">
      <c r="A122" s="27" t="s">
        <v>97</v>
      </c>
      <c r="B122" s="67">
        <v>-14</v>
      </c>
      <c r="C122" s="68">
        <v>-11</v>
      </c>
      <c r="D122" s="68">
        <v>-3</v>
      </c>
      <c r="E122" s="67">
        <v>18</v>
      </c>
      <c r="F122" s="68">
        <v>13</v>
      </c>
      <c r="G122" s="69">
        <v>5</v>
      </c>
      <c r="H122" s="68">
        <v>9</v>
      </c>
      <c r="I122" s="68">
        <v>2</v>
      </c>
      <c r="J122" s="68">
        <v>7</v>
      </c>
      <c r="K122" s="67">
        <v>5</v>
      </c>
      <c r="L122" s="79">
        <v>0</v>
      </c>
      <c r="M122" s="80">
        <v>5</v>
      </c>
    </row>
    <row r="123" spans="1:13" ht="21" customHeight="1">
      <c r="A123" s="38" t="s">
        <v>99</v>
      </c>
      <c r="B123" s="64">
        <v>-103</v>
      </c>
      <c r="C123" s="65">
        <v>-39</v>
      </c>
      <c r="D123" s="65">
        <v>-64</v>
      </c>
      <c r="E123" s="64">
        <v>102</v>
      </c>
      <c r="F123" s="65">
        <v>37</v>
      </c>
      <c r="G123" s="66">
        <v>65</v>
      </c>
      <c r="H123" s="65">
        <v>16</v>
      </c>
      <c r="I123" s="65">
        <v>5</v>
      </c>
      <c r="J123" s="65">
        <v>11</v>
      </c>
      <c r="K123" s="64">
        <v>17</v>
      </c>
      <c r="L123" s="77">
        <v>7</v>
      </c>
      <c r="M123" s="78">
        <v>10</v>
      </c>
    </row>
    <row r="124" spans="1:13">
      <c r="A124" s="27" t="s">
        <v>101</v>
      </c>
      <c r="B124" s="67">
        <v>-31</v>
      </c>
      <c r="C124" s="68">
        <v>-11</v>
      </c>
      <c r="D124" s="68">
        <v>-20</v>
      </c>
      <c r="E124" s="67">
        <v>30</v>
      </c>
      <c r="F124" s="68">
        <v>12</v>
      </c>
      <c r="G124" s="69">
        <v>18</v>
      </c>
      <c r="H124" s="68">
        <v>5</v>
      </c>
      <c r="I124" s="68">
        <v>3</v>
      </c>
      <c r="J124" s="68">
        <v>2</v>
      </c>
      <c r="K124" s="67">
        <v>6</v>
      </c>
      <c r="L124" s="79">
        <v>2</v>
      </c>
      <c r="M124" s="80">
        <v>4</v>
      </c>
    </row>
    <row r="125" spans="1:13">
      <c r="A125" s="27" t="s">
        <v>103</v>
      </c>
      <c r="B125" s="67">
        <v>-16</v>
      </c>
      <c r="C125" s="68">
        <v>-7</v>
      </c>
      <c r="D125" s="68">
        <v>-9</v>
      </c>
      <c r="E125" s="67">
        <v>17</v>
      </c>
      <c r="F125" s="68">
        <v>6</v>
      </c>
      <c r="G125" s="69">
        <v>11</v>
      </c>
      <c r="H125" s="68">
        <v>4</v>
      </c>
      <c r="I125" s="68">
        <v>1</v>
      </c>
      <c r="J125" s="68">
        <v>3</v>
      </c>
      <c r="K125" s="67">
        <v>3</v>
      </c>
      <c r="L125" s="79">
        <v>2</v>
      </c>
      <c r="M125" s="80">
        <v>1</v>
      </c>
    </row>
    <row r="126" spans="1:13">
      <c r="A126" s="27" t="s">
        <v>105</v>
      </c>
      <c r="B126" s="67">
        <v>-16</v>
      </c>
      <c r="C126" s="68">
        <v>-7</v>
      </c>
      <c r="D126" s="68">
        <v>-9</v>
      </c>
      <c r="E126" s="67">
        <v>15</v>
      </c>
      <c r="F126" s="68">
        <v>5</v>
      </c>
      <c r="G126" s="69">
        <v>10</v>
      </c>
      <c r="H126" s="68">
        <v>4</v>
      </c>
      <c r="I126" s="68">
        <v>0</v>
      </c>
      <c r="J126" s="68">
        <v>4</v>
      </c>
      <c r="K126" s="67">
        <v>5</v>
      </c>
      <c r="L126" s="79">
        <v>2</v>
      </c>
      <c r="M126" s="80">
        <v>3</v>
      </c>
    </row>
    <row r="127" spans="1:13">
      <c r="A127" s="27" t="s">
        <v>107</v>
      </c>
      <c r="B127" s="67">
        <v>-17</v>
      </c>
      <c r="C127" s="68">
        <v>-6</v>
      </c>
      <c r="D127" s="68">
        <v>-11</v>
      </c>
      <c r="E127" s="67">
        <v>17</v>
      </c>
      <c r="F127" s="68">
        <v>7</v>
      </c>
      <c r="G127" s="69">
        <v>10</v>
      </c>
      <c r="H127" s="68">
        <v>1</v>
      </c>
      <c r="I127" s="68">
        <v>1</v>
      </c>
      <c r="J127" s="68">
        <v>0</v>
      </c>
      <c r="K127" s="67">
        <v>1</v>
      </c>
      <c r="L127" s="79">
        <v>0</v>
      </c>
      <c r="M127" s="80">
        <v>1</v>
      </c>
    </row>
    <row r="128" spans="1:13">
      <c r="A128" s="27" t="s">
        <v>109</v>
      </c>
      <c r="B128" s="67">
        <v>-23</v>
      </c>
      <c r="C128" s="68">
        <v>-8</v>
      </c>
      <c r="D128" s="68">
        <v>-15</v>
      </c>
      <c r="E128" s="67">
        <v>23</v>
      </c>
      <c r="F128" s="68">
        <v>7</v>
      </c>
      <c r="G128" s="69">
        <v>16</v>
      </c>
      <c r="H128" s="68">
        <v>2</v>
      </c>
      <c r="I128" s="68">
        <v>0</v>
      </c>
      <c r="J128" s="68">
        <v>2</v>
      </c>
      <c r="K128" s="67">
        <v>2</v>
      </c>
      <c r="L128" s="79">
        <v>1</v>
      </c>
      <c r="M128" s="80">
        <v>1</v>
      </c>
    </row>
    <row r="129" spans="1:14" ht="21" customHeight="1">
      <c r="A129" s="38" t="s">
        <v>111</v>
      </c>
      <c r="B129" s="64">
        <v>-44</v>
      </c>
      <c r="C129" s="65">
        <v>-16</v>
      </c>
      <c r="D129" s="65">
        <v>-28</v>
      </c>
      <c r="E129" s="64">
        <v>47</v>
      </c>
      <c r="F129" s="65">
        <v>18</v>
      </c>
      <c r="G129" s="66">
        <v>29</v>
      </c>
      <c r="H129" s="65">
        <v>6</v>
      </c>
      <c r="I129" s="65">
        <v>3</v>
      </c>
      <c r="J129" s="65">
        <v>3</v>
      </c>
      <c r="K129" s="64">
        <v>3</v>
      </c>
      <c r="L129" s="77">
        <v>1</v>
      </c>
      <c r="M129" s="78">
        <v>2</v>
      </c>
    </row>
    <row r="130" spans="1:14">
      <c r="A130" s="27" t="s">
        <v>113</v>
      </c>
      <c r="B130" s="67">
        <v>-4</v>
      </c>
      <c r="C130" s="68">
        <v>-4</v>
      </c>
      <c r="D130" s="68">
        <v>0</v>
      </c>
      <c r="E130" s="67">
        <v>7</v>
      </c>
      <c r="F130" s="68">
        <v>5</v>
      </c>
      <c r="G130" s="69">
        <v>2</v>
      </c>
      <c r="H130" s="68">
        <v>4</v>
      </c>
      <c r="I130" s="68">
        <v>2</v>
      </c>
      <c r="J130" s="68">
        <v>2</v>
      </c>
      <c r="K130" s="67">
        <v>1</v>
      </c>
      <c r="L130" s="79">
        <v>1</v>
      </c>
      <c r="M130" s="80">
        <v>0</v>
      </c>
    </row>
    <row r="131" spans="1:14">
      <c r="A131" s="27" t="s">
        <v>115</v>
      </c>
      <c r="B131" s="67">
        <v>-14</v>
      </c>
      <c r="C131" s="68">
        <v>-3</v>
      </c>
      <c r="D131" s="68">
        <v>-11</v>
      </c>
      <c r="E131" s="67">
        <v>15</v>
      </c>
      <c r="F131" s="68">
        <v>3</v>
      </c>
      <c r="G131" s="69">
        <v>12</v>
      </c>
      <c r="H131" s="68">
        <v>1</v>
      </c>
      <c r="I131" s="68">
        <v>0</v>
      </c>
      <c r="J131" s="68">
        <v>1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-12</v>
      </c>
      <c r="C132" s="68">
        <v>-3</v>
      </c>
      <c r="D132" s="68">
        <v>-9</v>
      </c>
      <c r="E132" s="67">
        <v>12</v>
      </c>
      <c r="F132" s="68">
        <v>4</v>
      </c>
      <c r="G132" s="69">
        <v>8</v>
      </c>
      <c r="H132" s="68">
        <v>1</v>
      </c>
      <c r="I132" s="68">
        <v>1</v>
      </c>
      <c r="J132" s="68">
        <v>0</v>
      </c>
      <c r="K132" s="67">
        <v>1</v>
      </c>
      <c r="L132" s="79">
        <v>0</v>
      </c>
      <c r="M132" s="80">
        <v>1</v>
      </c>
    </row>
    <row r="133" spans="1:14">
      <c r="A133" s="27" t="s">
        <v>119</v>
      </c>
      <c r="B133" s="67">
        <v>-9</v>
      </c>
      <c r="C133" s="68">
        <v>-5</v>
      </c>
      <c r="D133" s="68">
        <v>-4</v>
      </c>
      <c r="E133" s="67">
        <v>8</v>
      </c>
      <c r="F133" s="68">
        <v>5</v>
      </c>
      <c r="G133" s="69">
        <v>3</v>
      </c>
      <c r="H133" s="68">
        <v>0</v>
      </c>
      <c r="I133" s="68">
        <v>0</v>
      </c>
      <c r="J133" s="68">
        <v>0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5</v>
      </c>
      <c r="C134" s="68">
        <v>-1</v>
      </c>
      <c r="D134" s="68">
        <v>-4</v>
      </c>
      <c r="E134" s="67">
        <v>5</v>
      </c>
      <c r="F134" s="68">
        <v>1</v>
      </c>
      <c r="G134" s="69">
        <v>4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11</v>
      </c>
      <c r="C135" s="40">
        <v>-2</v>
      </c>
      <c r="D135" s="40">
        <v>-9</v>
      </c>
      <c r="E135" s="42">
        <v>13</v>
      </c>
      <c r="F135" s="40">
        <v>2</v>
      </c>
      <c r="G135" s="43">
        <v>11</v>
      </c>
      <c r="H135" s="40">
        <v>2</v>
      </c>
      <c r="I135" s="40">
        <v>0</v>
      </c>
      <c r="J135" s="40">
        <v>2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82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3504</v>
      </c>
      <c r="C5" s="62">
        <v>1037</v>
      </c>
      <c r="D5" s="63">
        <v>2467</v>
      </c>
      <c r="E5" s="61">
        <v>17064</v>
      </c>
      <c r="F5" s="62">
        <v>9462</v>
      </c>
      <c r="G5" s="63">
        <v>7602</v>
      </c>
      <c r="H5" s="61">
        <v>80988</v>
      </c>
      <c r="I5" s="62">
        <v>43926</v>
      </c>
      <c r="J5" s="63">
        <v>37062</v>
      </c>
      <c r="K5" s="61">
        <v>70354</v>
      </c>
      <c r="L5" s="62">
        <v>38526</v>
      </c>
      <c r="M5" s="63">
        <v>31828</v>
      </c>
    </row>
    <row r="6" spans="1:13" ht="23.25" customHeight="1">
      <c r="A6" s="36" t="s">
        <v>2</v>
      </c>
      <c r="B6" s="64">
        <v>10612</v>
      </c>
      <c r="C6" s="65">
        <v>5456</v>
      </c>
      <c r="D6" s="66">
        <v>5156</v>
      </c>
      <c r="E6" s="64">
        <v>27</v>
      </c>
      <c r="F6" s="65">
        <v>14</v>
      </c>
      <c r="G6" s="66">
        <v>13</v>
      </c>
      <c r="H6" s="64">
        <v>4269</v>
      </c>
      <c r="I6" s="65">
        <v>2202</v>
      </c>
      <c r="J6" s="66">
        <v>2067</v>
      </c>
      <c r="K6" s="64">
        <v>3564</v>
      </c>
      <c r="L6" s="65">
        <v>1831</v>
      </c>
      <c r="M6" s="66">
        <v>1733</v>
      </c>
    </row>
    <row r="7" spans="1:13">
      <c r="A7" s="15" t="s">
        <v>4</v>
      </c>
      <c r="B7" s="67">
        <v>10087</v>
      </c>
      <c r="C7" s="68">
        <v>5161</v>
      </c>
      <c r="D7" s="69">
        <v>4926</v>
      </c>
      <c r="E7" s="67">
        <v>17</v>
      </c>
      <c r="F7" s="68">
        <v>11</v>
      </c>
      <c r="G7" s="69">
        <v>6</v>
      </c>
      <c r="H7" s="67">
        <v>834</v>
      </c>
      <c r="I7" s="68">
        <v>417</v>
      </c>
      <c r="J7" s="69">
        <v>417</v>
      </c>
      <c r="K7" s="67">
        <v>664</v>
      </c>
      <c r="L7" s="68">
        <v>344</v>
      </c>
      <c r="M7" s="69">
        <v>320</v>
      </c>
    </row>
    <row r="8" spans="1:13">
      <c r="A8" s="15" t="s">
        <v>6</v>
      </c>
      <c r="B8" s="67">
        <v>247</v>
      </c>
      <c r="C8" s="68">
        <v>152</v>
      </c>
      <c r="D8" s="69">
        <v>95</v>
      </c>
      <c r="E8" s="67">
        <v>5</v>
      </c>
      <c r="F8" s="68">
        <v>1</v>
      </c>
      <c r="G8" s="69">
        <v>4</v>
      </c>
      <c r="H8" s="67">
        <v>1132</v>
      </c>
      <c r="I8" s="68">
        <v>613</v>
      </c>
      <c r="J8" s="69">
        <v>519</v>
      </c>
      <c r="K8" s="67">
        <v>880</v>
      </c>
      <c r="L8" s="68">
        <v>460</v>
      </c>
      <c r="M8" s="69">
        <v>420</v>
      </c>
    </row>
    <row r="9" spans="1:13">
      <c r="A9" s="15" t="s">
        <v>8</v>
      </c>
      <c r="B9" s="67">
        <v>138</v>
      </c>
      <c r="C9" s="68">
        <v>47</v>
      </c>
      <c r="D9" s="69">
        <v>91</v>
      </c>
      <c r="E9" s="67">
        <v>4</v>
      </c>
      <c r="F9" s="68">
        <v>2</v>
      </c>
      <c r="G9" s="69">
        <v>2</v>
      </c>
      <c r="H9" s="67">
        <v>925</v>
      </c>
      <c r="I9" s="68">
        <v>461</v>
      </c>
      <c r="J9" s="69">
        <v>464</v>
      </c>
      <c r="K9" s="67">
        <v>783</v>
      </c>
      <c r="L9" s="68">
        <v>412</v>
      </c>
      <c r="M9" s="69">
        <v>371</v>
      </c>
    </row>
    <row r="10" spans="1:13">
      <c r="A10" s="15" t="s">
        <v>10</v>
      </c>
      <c r="B10" s="67">
        <v>64</v>
      </c>
      <c r="C10" s="68">
        <v>54</v>
      </c>
      <c r="D10" s="69">
        <v>10</v>
      </c>
      <c r="E10" s="67">
        <v>0</v>
      </c>
      <c r="F10" s="68">
        <v>0</v>
      </c>
      <c r="G10" s="69">
        <v>0</v>
      </c>
      <c r="H10" s="67">
        <v>781</v>
      </c>
      <c r="I10" s="68">
        <v>395</v>
      </c>
      <c r="J10" s="69">
        <v>386</v>
      </c>
      <c r="K10" s="67">
        <v>717</v>
      </c>
      <c r="L10" s="68">
        <v>341</v>
      </c>
      <c r="M10" s="69">
        <v>376</v>
      </c>
    </row>
    <row r="11" spans="1:13">
      <c r="A11" s="15" t="s">
        <v>12</v>
      </c>
      <c r="B11" s="67">
        <v>76</v>
      </c>
      <c r="C11" s="68">
        <v>42</v>
      </c>
      <c r="D11" s="69">
        <v>34</v>
      </c>
      <c r="E11" s="67">
        <v>1</v>
      </c>
      <c r="F11" s="68">
        <v>0</v>
      </c>
      <c r="G11" s="69">
        <v>1</v>
      </c>
      <c r="H11" s="67">
        <v>597</v>
      </c>
      <c r="I11" s="68">
        <v>316</v>
      </c>
      <c r="J11" s="69">
        <v>281</v>
      </c>
      <c r="K11" s="67">
        <v>520</v>
      </c>
      <c r="L11" s="68">
        <v>274</v>
      </c>
      <c r="M11" s="69">
        <v>246</v>
      </c>
    </row>
    <row r="12" spans="1:13" ht="21" customHeight="1">
      <c r="A12" s="36" t="s">
        <v>14</v>
      </c>
      <c r="B12" s="64">
        <v>267</v>
      </c>
      <c r="C12" s="65">
        <v>110</v>
      </c>
      <c r="D12" s="66">
        <v>157</v>
      </c>
      <c r="E12" s="64">
        <v>5</v>
      </c>
      <c r="F12" s="65">
        <v>2</v>
      </c>
      <c r="G12" s="66">
        <v>3</v>
      </c>
      <c r="H12" s="64">
        <v>1930</v>
      </c>
      <c r="I12" s="65">
        <v>964</v>
      </c>
      <c r="J12" s="66">
        <v>966</v>
      </c>
      <c r="K12" s="64">
        <v>1658</v>
      </c>
      <c r="L12" s="65">
        <v>852</v>
      </c>
      <c r="M12" s="66">
        <v>806</v>
      </c>
    </row>
    <row r="13" spans="1:13">
      <c r="A13" s="15" t="s">
        <v>16</v>
      </c>
      <c r="B13" s="67">
        <v>60</v>
      </c>
      <c r="C13" s="68">
        <v>-3</v>
      </c>
      <c r="D13" s="69">
        <v>63</v>
      </c>
      <c r="E13" s="67">
        <v>1</v>
      </c>
      <c r="F13" s="68">
        <v>0</v>
      </c>
      <c r="G13" s="69">
        <v>1</v>
      </c>
      <c r="H13" s="67">
        <v>502</v>
      </c>
      <c r="I13" s="68">
        <v>241</v>
      </c>
      <c r="J13" s="69">
        <v>261</v>
      </c>
      <c r="K13" s="67">
        <v>441</v>
      </c>
      <c r="L13" s="68">
        <v>244</v>
      </c>
      <c r="M13" s="69">
        <v>197</v>
      </c>
    </row>
    <row r="14" spans="1:13">
      <c r="A14" s="15" t="s">
        <v>18</v>
      </c>
      <c r="B14" s="67">
        <v>97</v>
      </c>
      <c r="C14" s="68">
        <v>49</v>
      </c>
      <c r="D14" s="69">
        <v>48</v>
      </c>
      <c r="E14" s="67">
        <v>1</v>
      </c>
      <c r="F14" s="68">
        <v>0</v>
      </c>
      <c r="G14" s="69">
        <v>1</v>
      </c>
      <c r="H14" s="67">
        <v>490</v>
      </c>
      <c r="I14" s="68">
        <v>260</v>
      </c>
      <c r="J14" s="69">
        <v>230</v>
      </c>
      <c r="K14" s="67">
        <v>392</v>
      </c>
      <c r="L14" s="68">
        <v>211</v>
      </c>
      <c r="M14" s="69">
        <v>181</v>
      </c>
    </row>
    <row r="15" spans="1:13">
      <c r="A15" s="15" t="s">
        <v>20</v>
      </c>
      <c r="B15" s="67">
        <v>5</v>
      </c>
      <c r="C15" s="68">
        <v>9</v>
      </c>
      <c r="D15" s="69">
        <v>-4</v>
      </c>
      <c r="E15" s="67">
        <v>1</v>
      </c>
      <c r="F15" s="68">
        <v>1</v>
      </c>
      <c r="G15" s="69">
        <v>0</v>
      </c>
      <c r="H15" s="67">
        <v>376</v>
      </c>
      <c r="I15" s="68">
        <v>191</v>
      </c>
      <c r="J15" s="69">
        <v>185</v>
      </c>
      <c r="K15" s="67">
        <v>370</v>
      </c>
      <c r="L15" s="68">
        <v>181</v>
      </c>
      <c r="M15" s="69">
        <v>189</v>
      </c>
    </row>
    <row r="16" spans="1:13">
      <c r="A16" s="15" t="s">
        <v>22</v>
      </c>
      <c r="B16" s="67">
        <v>78</v>
      </c>
      <c r="C16" s="68">
        <v>37</v>
      </c>
      <c r="D16" s="69">
        <v>41</v>
      </c>
      <c r="E16" s="67">
        <v>1</v>
      </c>
      <c r="F16" s="68">
        <v>0</v>
      </c>
      <c r="G16" s="69">
        <v>1</v>
      </c>
      <c r="H16" s="67">
        <v>313</v>
      </c>
      <c r="I16" s="68">
        <v>155</v>
      </c>
      <c r="J16" s="69">
        <v>158</v>
      </c>
      <c r="K16" s="67">
        <v>234</v>
      </c>
      <c r="L16" s="68">
        <v>118</v>
      </c>
      <c r="M16" s="69">
        <v>116</v>
      </c>
    </row>
    <row r="17" spans="1:13">
      <c r="A17" s="15" t="s">
        <v>24</v>
      </c>
      <c r="B17" s="67">
        <v>27</v>
      </c>
      <c r="C17" s="68">
        <v>18</v>
      </c>
      <c r="D17" s="69">
        <v>9</v>
      </c>
      <c r="E17" s="67">
        <v>1</v>
      </c>
      <c r="F17" s="68">
        <v>1</v>
      </c>
      <c r="G17" s="69">
        <v>0</v>
      </c>
      <c r="H17" s="67">
        <v>249</v>
      </c>
      <c r="I17" s="68">
        <v>117</v>
      </c>
      <c r="J17" s="69">
        <v>132</v>
      </c>
      <c r="K17" s="67">
        <v>221</v>
      </c>
      <c r="L17" s="68">
        <v>98</v>
      </c>
      <c r="M17" s="69">
        <v>123</v>
      </c>
    </row>
    <row r="18" spans="1:13" ht="21" customHeight="1">
      <c r="A18" s="36" t="s">
        <v>26</v>
      </c>
      <c r="B18" s="64">
        <v>195</v>
      </c>
      <c r="C18" s="65">
        <v>106</v>
      </c>
      <c r="D18" s="66">
        <v>89</v>
      </c>
      <c r="E18" s="64">
        <v>4</v>
      </c>
      <c r="F18" s="65">
        <v>3</v>
      </c>
      <c r="G18" s="66">
        <v>1</v>
      </c>
      <c r="H18" s="64">
        <v>1065</v>
      </c>
      <c r="I18" s="65">
        <v>539</v>
      </c>
      <c r="J18" s="66">
        <v>526</v>
      </c>
      <c r="K18" s="64">
        <v>866</v>
      </c>
      <c r="L18" s="65">
        <v>430</v>
      </c>
      <c r="M18" s="66">
        <v>436</v>
      </c>
    </row>
    <row r="19" spans="1:13">
      <c r="A19" s="15" t="s">
        <v>28</v>
      </c>
      <c r="B19" s="67">
        <v>12</v>
      </c>
      <c r="C19" s="68">
        <v>13</v>
      </c>
      <c r="D19" s="69">
        <v>-1</v>
      </c>
      <c r="E19" s="67">
        <v>1</v>
      </c>
      <c r="F19" s="68">
        <v>0</v>
      </c>
      <c r="G19" s="69">
        <v>1</v>
      </c>
      <c r="H19" s="67">
        <v>219</v>
      </c>
      <c r="I19" s="68">
        <v>111</v>
      </c>
      <c r="J19" s="69">
        <v>108</v>
      </c>
      <c r="K19" s="67">
        <v>206</v>
      </c>
      <c r="L19" s="68">
        <v>98</v>
      </c>
      <c r="M19" s="69">
        <v>108</v>
      </c>
    </row>
    <row r="20" spans="1:13">
      <c r="A20" s="15" t="s">
        <v>30</v>
      </c>
      <c r="B20" s="67">
        <v>49</v>
      </c>
      <c r="C20" s="68">
        <v>33</v>
      </c>
      <c r="D20" s="69">
        <v>16</v>
      </c>
      <c r="E20" s="67">
        <v>1</v>
      </c>
      <c r="F20" s="68">
        <v>1</v>
      </c>
      <c r="G20" s="69">
        <v>0</v>
      </c>
      <c r="H20" s="67">
        <v>217</v>
      </c>
      <c r="I20" s="68">
        <v>117</v>
      </c>
      <c r="J20" s="69">
        <v>100</v>
      </c>
      <c r="K20" s="67">
        <v>167</v>
      </c>
      <c r="L20" s="68">
        <v>83</v>
      </c>
      <c r="M20" s="69">
        <v>84</v>
      </c>
    </row>
    <row r="21" spans="1:13">
      <c r="A21" s="15" t="s">
        <v>32</v>
      </c>
      <c r="B21" s="67">
        <v>60</v>
      </c>
      <c r="C21" s="68">
        <v>25</v>
      </c>
      <c r="D21" s="69">
        <v>35</v>
      </c>
      <c r="E21" s="67">
        <v>0</v>
      </c>
      <c r="F21" s="68">
        <v>0</v>
      </c>
      <c r="G21" s="69">
        <v>0</v>
      </c>
      <c r="H21" s="67">
        <v>233</v>
      </c>
      <c r="I21" s="68">
        <v>118</v>
      </c>
      <c r="J21" s="69">
        <v>115</v>
      </c>
      <c r="K21" s="67">
        <v>173</v>
      </c>
      <c r="L21" s="68">
        <v>93</v>
      </c>
      <c r="M21" s="69">
        <v>80</v>
      </c>
    </row>
    <row r="22" spans="1:13">
      <c r="A22" s="15" t="s">
        <v>34</v>
      </c>
      <c r="B22" s="67">
        <v>23</v>
      </c>
      <c r="C22" s="68">
        <v>10</v>
      </c>
      <c r="D22" s="69">
        <v>13</v>
      </c>
      <c r="E22" s="67">
        <v>1</v>
      </c>
      <c r="F22" s="68">
        <v>1</v>
      </c>
      <c r="G22" s="69">
        <v>0</v>
      </c>
      <c r="H22" s="67">
        <v>211</v>
      </c>
      <c r="I22" s="68">
        <v>99</v>
      </c>
      <c r="J22" s="69">
        <v>112</v>
      </c>
      <c r="K22" s="67">
        <v>187</v>
      </c>
      <c r="L22" s="68">
        <v>88</v>
      </c>
      <c r="M22" s="69">
        <v>99</v>
      </c>
    </row>
    <row r="23" spans="1:13">
      <c r="A23" s="15" t="s">
        <v>36</v>
      </c>
      <c r="B23" s="67">
        <v>51</v>
      </c>
      <c r="C23" s="68">
        <v>25</v>
      </c>
      <c r="D23" s="69">
        <v>26</v>
      </c>
      <c r="E23" s="67">
        <v>1</v>
      </c>
      <c r="F23" s="68">
        <v>1</v>
      </c>
      <c r="G23" s="69">
        <v>0</v>
      </c>
      <c r="H23" s="67">
        <v>185</v>
      </c>
      <c r="I23" s="68">
        <v>94</v>
      </c>
      <c r="J23" s="69">
        <v>91</v>
      </c>
      <c r="K23" s="67">
        <v>133</v>
      </c>
      <c r="L23" s="68">
        <v>68</v>
      </c>
      <c r="M23" s="69">
        <v>65</v>
      </c>
    </row>
    <row r="24" spans="1:13" ht="21" customHeight="1">
      <c r="A24" s="36" t="s">
        <v>38</v>
      </c>
      <c r="B24" s="64">
        <v>1155</v>
      </c>
      <c r="C24" s="65">
        <v>514</v>
      </c>
      <c r="D24" s="66">
        <v>641</v>
      </c>
      <c r="E24" s="64">
        <v>17</v>
      </c>
      <c r="F24" s="65">
        <v>13</v>
      </c>
      <c r="G24" s="66">
        <v>4</v>
      </c>
      <c r="H24" s="64">
        <v>2907</v>
      </c>
      <c r="I24" s="65">
        <v>1467</v>
      </c>
      <c r="J24" s="66">
        <v>1440</v>
      </c>
      <c r="K24" s="64">
        <v>1735</v>
      </c>
      <c r="L24" s="65">
        <v>940</v>
      </c>
      <c r="M24" s="66">
        <v>795</v>
      </c>
    </row>
    <row r="25" spans="1:13">
      <c r="A25" s="15" t="s">
        <v>40</v>
      </c>
      <c r="B25" s="67">
        <v>28</v>
      </c>
      <c r="C25" s="68">
        <v>16</v>
      </c>
      <c r="D25" s="69">
        <v>12</v>
      </c>
      <c r="E25" s="67">
        <v>4</v>
      </c>
      <c r="F25" s="68">
        <v>3</v>
      </c>
      <c r="G25" s="69">
        <v>1</v>
      </c>
      <c r="H25" s="67">
        <v>231</v>
      </c>
      <c r="I25" s="68">
        <v>120</v>
      </c>
      <c r="J25" s="69">
        <v>111</v>
      </c>
      <c r="K25" s="67">
        <v>199</v>
      </c>
      <c r="L25" s="68">
        <v>101</v>
      </c>
      <c r="M25" s="69">
        <v>98</v>
      </c>
    </row>
    <row r="26" spans="1:13">
      <c r="A26" s="15" t="s">
        <v>42</v>
      </c>
      <c r="B26" s="67">
        <v>17</v>
      </c>
      <c r="C26" s="68">
        <v>-12</v>
      </c>
      <c r="D26" s="69">
        <v>29</v>
      </c>
      <c r="E26" s="67">
        <v>2</v>
      </c>
      <c r="F26" s="68">
        <v>1</v>
      </c>
      <c r="G26" s="69">
        <v>1</v>
      </c>
      <c r="H26" s="67">
        <v>257</v>
      </c>
      <c r="I26" s="68">
        <v>110</v>
      </c>
      <c r="J26" s="69">
        <v>147</v>
      </c>
      <c r="K26" s="67">
        <v>238</v>
      </c>
      <c r="L26" s="68">
        <v>121</v>
      </c>
      <c r="M26" s="69">
        <v>117</v>
      </c>
    </row>
    <row r="27" spans="1:13">
      <c r="A27" s="15" t="s">
        <v>44</v>
      </c>
      <c r="B27" s="67">
        <v>23</v>
      </c>
      <c r="C27" s="68">
        <v>4</v>
      </c>
      <c r="D27" s="69">
        <v>19</v>
      </c>
      <c r="E27" s="67">
        <v>4</v>
      </c>
      <c r="F27" s="68">
        <v>3</v>
      </c>
      <c r="G27" s="69">
        <v>1</v>
      </c>
      <c r="H27" s="67">
        <v>187</v>
      </c>
      <c r="I27" s="68">
        <v>84</v>
      </c>
      <c r="J27" s="69">
        <v>103</v>
      </c>
      <c r="K27" s="67">
        <v>160</v>
      </c>
      <c r="L27" s="68">
        <v>77</v>
      </c>
      <c r="M27" s="69">
        <v>83</v>
      </c>
    </row>
    <row r="28" spans="1:13">
      <c r="A28" s="15" t="s">
        <v>46</v>
      </c>
      <c r="B28" s="67">
        <v>315</v>
      </c>
      <c r="C28" s="68">
        <v>141</v>
      </c>
      <c r="D28" s="69">
        <v>174</v>
      </c>
      <c r="E28" s="67">
        <v>4</v>
      </c>
      <c r="F28" s="68">
        <v>4</v>
      </c>
      <c r="G28" s="69">
        <v>0</v>
      </c>
      <c r="H28" s="67">
        <v>744</v>
      </c>
      <c r="I28" s="68">
        <v>381</v>
      </c>
      <c r="J28" s="69">
        <v>363</v>
      </c>
      <c r="K28" s="67">
        <v>425</v>
      </c>
      <c r="L28" s="68">
        <v>236</v>
      </c>
      <c r="M28" s="69">
        <v>189</v>
      </c>
    </row>
    <row r="29" spans="1:13">
      <c r="A29" s="15" t="s">
        <v>48</v>
      </c>
      <c r="B29" s="67">
        <v>772</v>
      </c>
      <c r="C29" s="68">
        <v>365</v>
      </c>
      <c r="D29" s="69">
        <v>407</v>
      </c>
      <c r="E29" s="67">
        <v>3</v>
      </c>
      <c r="F29" s="68">
        <v>2</v>
      </c>
      <c r="G29" s="69">
        <v>1</v>
      </c>
      <c r="H29" s="67">
        <v>1488</v>
      </c>
      <c r="I29" s="68">
        <v>772</v>
      </c>
      <c r="J29" s="69">
        <v>716</v>
      </c>
      <c r="K29" s="67">
        <v>713</v>
      </c>
      <c r="L29" s="68">
        <v>405</v>
      </c>
      <c r="M29" s="69">
        <v>308</v>
      </c>
    </row>
    <row r="30" spans="1:13" ht="21" customHeight="1">
      <c r="A30" s="36" t="s">
        <v>50</v>
      </c>
      <c r="B30" s="64">
        <v>2366</v>
      </c>
      <c r="C30" s="65">
        <v>1295</v>
      </c>
      <c r="D30" s="66">
        <v>1071</v>
      </c>
      <c r="E30" s="64">
        <v>24</v>
      </c>
      <c r="F30" s="65">
        <v>15</v>
      </c>
      <c r="G30" s="66">
        <v>9</v>
      </c>
      <c r="H30" s="64">
        <v>14047</v>
      </c>
      <c r="I30" s="65">
        <v>7323</v>
      </c>
      <c r="J30" s="66">
        <v>6724</v>
      </c>
      <c r="K30" s="64">
        <v>11657</v>
      </c>
      <c r="L30" s="65">
        <v>6013</v>
      </c>
      <c r="M30" s="66">
        <v>5644</v>
      </c>
    </row>
    <row r="31" spans="1:13">
      <c r="A31" s="15" t="s">
        <v>52</v>
      </c>
      <c r="B31" s="67">
        <v>526</v>
      </c>
      <c r="C31" s="68">
        <v>315</v>
      </c>
      <c r="D31" s="69">
        <v>211</v>
      </c>
      <c r="E31" s="67">
        <v>7</v>
      </c>
      <c r="F31" s="68">
        <v>4</v>
      </c>
      <c r="G31" s="69">
        <v>3</v>
      </c>
      <c r="H31" s="67">
        <v>1535</v>
      </c>
      <c r="I31" s="68">
        <v>804</v>
      </c>
      <c r="J31" s="69">
        <v>731</v>
      </c>
      <c r="K31" s="67">
        <v>1002</v>
      </c>
      <c r="L31" s="68">
        <v>485</v>
      </c>
      <c r="M31" s="69">
        <v>517</v>
      </c>
    </row>
    <row r="32" spans="1:13">
      <c r="A32" s="15" t="s">
        <v>54</v>
      </c>
      <c r="B32" s="67">
        <v>593</v>
      </c>
      <c r="C32" s="68">
        <v>316</v>
      </c>
      <c r="D32" s="69">
        <v>277</v>
      </c>
      <c r="E32" s="67">
        <v>2</v>
      </c>
      <c r="F32" s="68">
        <v>2</v>
      </c>
      <c r="G32" s="69">
        <v>0</v>
      </c>
      <c r="H32" s="67">
        <v>1978</v>
      </c>
      <c r="I32" s="68">
        <v>969</v>
      </c>
      <c r="J32" s="69">
        <v>1009</v>
      </c>
      <c r="K32" s="67">
        <v>1383</v>
      </c>
      <c r="L32" s="68">
        <v>651</v>
      </c>
      <c r="M32" s="69">
        <v>732</v>
      </c>
    </row>
    <row r="33" spans="1:13">
      <c r="A33" s="15" t="s">
        <v>56</v>
      </c>
      <c r="B33" s="67">
        <v>436</v>
      </c>
      <c r="C33" s="68">
        <v>234</v>
      </c>
      <c r="D33" s="69">
        <v>202</v>
      </c>
      <c r="E33" s="67">
        <v>5</v>
      </c>
      <c r="F33" s="68">
        <v>3</v>
      </c>
      <c r="G33" s="69">
        <v>2</v>
      </c>
      <c r="H33" s="67">
        <v>3016</v>
      </c>
      <c r="I33" s="68">
        <v>1553</v>
      </c>
      <c r="J33" s="69">
        <v>1463</v>
      </c>
      <c r="K33" s="67">
        <v>2575</v>
      </c>
      <c r="L33" s="68">
        <v>1316</v>
      </c>
      <c r="M33" s="69">
        <v>1259</v>
      </c>
    </row>
    <row r="34" spans="1:13">
      <c r="A34" s="15" t="s">
        <v>58</v>
      </c>
      <c r="B34" s="67">
        <v>489</v>
      </c>
      <c r="C34" s="68">
        <v>206</v>
      </c>
      <c r="D34" s="69">
        <v>283</v>
      </c>
      <c r="E34" s="67">
        <v>3</v>
      </c>
      <c r="F34" s="68">
        <v>3</v>
      </c>
      <c r="G34" s="69">
        <v>0</v>
      </c>
      <c r="H34" s="67">
        <v>3868</v>
      </c>
      <c r="I34" s="68">
        <v>1997</v>
      </c>
      <c r="J34" s="69">
        <v>1871</v>
      </c>
      <c r="K34" s="67">
        <v>3376</v>
      </c>
      <c r="L34" s="68">
        <v>1788</v>
      </c>
      <c r="M34" s="69">
        <v>1588</v>
      </c>
    </row>
    <row r="35" spans="1:13">
      <c r="A35" s="15" t="s">
        <v>60</v>
      </c>
      <c r="B35" s="67">
        <v>322</v>
      </c>
      <c r="C35" s="68">
        <v>224</v>
      </c>
      <c r="D35" s="69">
        <v>98</v>
      </c>
      <c r="E35" s="67">
        <v>7</v>
      </c>
      <c r="F35" s="68">
        <v>3</v>
      </c>
      <c r="G35" s="69">
        <v>4</v>
      </c>
      <c r="H35" s="67">
        <v>3650</v>
      </c>
      <c r="I35" s="68">
        <v>2000</v>
      </c>
      <c r="J35" s="69">
        <v>1650</v>
      </c>
      <c r="K35" s="67">
        <v>3321</v>
      </c>
      <c r="L35" s="68">
        <v>1773</v>
      </c>
      <c r="M35" s="69">
        <v>1548</v>
      </c>
    </row>
    <row r="36" spans="1:13" ht="21" customHeight="1">
      <c r="A36" s="36" t="s">
        <v>62</v>
      </c>
      <c r="B36" s="64">
        <v>1588</v>
      </c>
      <c r="C36" s="65">
        <v>969</v>
      </c>
      <c r="D36" s="66">
        <v>619</v>
      </c>
      <c r="E36" s="64">
        <v>31</v>
      </c>
      <c r="F36" s="65">
        <v>19</v>
      </c>
      <c r="G36" s="66">
        <v>12</v>
      </c>
      <c r="H36" s="64">
        <v>17576</v>
      </c>
      <c r="I36" s="65">
        <v>9480</v>
      </c>
      <c r="J36" s="66">
        <v>8096</v>
      </c>
      <c r="K36" s="64">
        <v>15957</v>
      </c>
      <c r="L36" s="65">
        <v>8492</v>
      </c>
      <c r="M36" s="66">
        <v>7465</v>
      </c>
    </row>
    <row r="37" spans="1:13">
      <c r="A37" s="15" t="s">
        <v>64</v>
      </c>
      <c r="B37" s="67">
        <v>404</v>
      </c>
      <c r="C37" s="68">
        <v>253</v>
      </c>
      <c r="D37" s="69">
        <v>151</v>
      </c>
      <c r="E37" s="67">
        <v>7</v>
      </c>
      <c r="F37" s="68">
        <v>4</v>
      </c>
      <c r="G37" s="69">
        <v>3</v>
      </c>
      <c r="H37" s="67">
        <v>3909</v>
      </c>
      <c r="I37" s="68">
        <v>2111</v>
      </c>
      <c r="J37" s="69">
        <v>1798</v>
      </c>
      <c r="K37" s="67">
        <v>3498</v>
      </c>
      <c r="L37" s="68">
        <v>1854</v>
      </c>
      <c r="M37" s="69">
        <v>1644</v>
      </c>
    </row>
    <row r="38" spans="1:13">
      <c r="A38" s="15" t="s">
        <v>66</v>
      </c>
      <c r="B38" s="67">
        <v>294</v>
      </c>
      <c r="C38" s="68">
        <v>212</v>
      </c>
      <c r="D38" s="69">
        <v>82</v>
      </c>
      <c r="E38" s="67">
        <v>5</v>
      </c>
      <c r="F38" s="68">
        <v>3</v>
      </c>
      <c r="G38" s="69">
        <v>2</v>
      </c>
      <c r="H38" s="67">
        <v>3782</v>
      </c>
      <c r="I38" s="68">
        <v>2042</v>
      </c>
      <c r="J38" s="69">
        <v>1740</v>
      </c>
      <c r="K38" s="67">
        <v>3483</v>
      </c>
      <c r="L38" s="68">
        <v>1827</v>
      </c>
      <c r="M38" s="69">
        <v>1656</v>
      </c>
    </row>
    <row r="39" spans="1:13">
      <c r="A39" s="15" t="s">
        <v>68</v>
      </c>
      <c r="B39" s="67">
        <v>402</v>
      </c>
      <c r="C39" s="68">
        <v>238</v>
      </c>
      <c r="D39" s="69">
        <v>164</v>
      </c>
      <c r="E39" s="67">
        <v>5</v>
      </c>
      <c r="F39" s="68">
        <v>3</v>
      </c>
      <c r="G39" s="69">
        <v>2</v>
      </c>
      <c r="H39" s="67">
        <v>3592</v>
      </c>
      <c r="I39" s="68">
        <v>1893</v>
      </c>
      <c r="J39" s="69">
        <v>1699</v>
      </c>
      <c r="K39" s="67">
        <v>3185</v>
      </c>
      <c r="L39" s="68">
        <v>1652</v>
      </c>
      <c r="M39" s="69">
        <v>1533</v>
      </c>
    </row>
    <row r="40" spans="1:13">
      <c r="A40" s="15" t="s">
        <v>70</v>
      </c>
      <c r="B40" s="67">
        <v>231</v>
      </c>
      <c r="C40" s="68">
        <v>113</v>
      </c>
      <c r="D40" s="69">
        <v>118</v>
      </c>
      <c r="E40" s="67">
        <v>8</v>
      </c>
      <c r="F40" s="68">
        <v>6</v>
      </c>
      <c r="G40" s="69">
        <v>2</v>
      </c>
      <c r="H40" s="67">
        <v>3314</v>
      </c>
      <c r="I40" s="68">
        <v>1809</v>
      </c>
      <c r="J40" s="69">
        <v>1505</v>
      </c>
      <c r="K40" s="67">
        <v>3075</v>
      </c>
      <c r="L40" s="68">
        <v>1690</v>
      </c>
      <c r="M40" s="69">
        <v>1385</v>
      </c>
    </row>
    <row r="41" spans="1:13">
      <c r="A41" s="15" t="s">
        <v>72</v>
      </c>
      <c r="B41" s="67">
        <v>257</v>
      </c>
      <c r="C41" s="68">
        <v>153</v>
      </c>
      <c r="D41" s="69">
        <v>104</v>
      </c>
      <c r="E41" s="67">
        <v>6</v>
      </c>
      <c r="F41" s="68">
        <v>3</v>
      </c>
      <c r="G41" s="69">
        <v>3</v>
      </c>
      <c r="H41" s="67">
        <v>2979</v>
      </c>
      <c r="I41" s="68">
        <v>1625</v>
      </c>
      <c r="J41" s="69">
        <v>1354</v>
      </c>
      <c r="K41" s="67">
        <v>2716</v>
      </c>
      <c r="L41" s="68">
        <v>1469</v>
      </c>
      <c r="M41" s="69">
        <v>1247</v>
      </c>
    </row>
    <row r="42" spans="1:13" ht="21" customHeight="1">
      <c r="A42" s="36" t="s">
        <v>74</v>
      </c>
      <c r="B42" s="64">
        <v>1387</v>
      </c>
      <c r="C42" s="65">
        <v>775</v>
      </c>
      <c r="D42" s="66">
        <v>612</v>
      </c>
      <c r="E42" s="64">
        <v>27</v>
      </c>
      <c r="F42" s="65">
        <v>17</v>
      </c>
      <c r="G42" s="66">
        <v>10</v>
      </c>
      <c r="H42" s="64">
        <v>11326</v>
      </c>
      <c r="I42" s="65">
        <v>6414</v>
      </c>
      <c r="J42" s="66">
        <v>4912</v>
      </c>
      <c r="K42" s="64">
        <v>9912</v>
      </c>
      <c r="L42" s="65">
        <v>5622</v>
      </c>
      <c r="M42" s="66">
        <v>4290</v>
      </c>
    </row>
    <row r="43" spans="1:13">
      <c r="A43" s="15" t="s">
        <v>76</v>
      </c>
      <c r="B43" s="67">
        <v>353</v>
      </c>
      <c r="C43" s="68">
        <v>154</v>
      </c>
      <c r="D43" s="69">
        <v>199</v>
      </c>
      <c r="E43" s="67">
        <v>6</v>
      </c>
      <c r="F43" s="68">
        <v>3</v>
      </c>
      <c r="G43" s="69">
        <v>3</v>
      </c>
      <c r="H43" s="67">
        <v>2829</v>
      </c>
      <c r="I43" s="68">
        <v>1537</v>
      </c>
      <c r="J43" s="69">
        <v>1292</v>
      </c>
      <c r="K43" s="67">
        <v>2470</v>
      </c>
      <c r="L43" s="68">
        <v>1380</v>
      </c>
      <c r="M43" s="69">
        <v>1090</v>
      </c>
    </row>
    <row r="44" spans="1:13">
      <c r="A44" s="15" t="s">
        <v>78</v>
      </c>
      <c r="B44" s="67">
        <v>365</v>
      </c>
      <c r="C44" s="68">
        <v>173</v>
      </c>
      <c r="D44" s="69">
        <v>192</v>
      </c>
      <c r="E44" s="67">
        <v>8</v>
      </c>
      <c r="F44" s="68">
        <v>6</v>
      </c>
      <c r="G44" s="69">
        <v>2</v>
      </c>
      <c r="H44" s="67">
        <v>2499</v>
      </c>
      <c r="I44" s="68">
        <v>1361</v>
      </c>
      <c r="J44" s="69">
        <v>1138</v>
      </c>
      <c r="K44" s="67">
        <v>2126</v>
      </c>
      <c r="L44" s="68">
        <v>1182</v>
      </c>
      <c r="M44" s="69">
        <v>944</v>
      </c>
    </row>
    <row r="45" spans="1:13">
      <c r="A45" s="15" t="s">
        <v>80</v>
      </c>
      <c r="B45" s="67">
        <v>212</v>
      </c>
      <c r="C45" s="68">
        <v>157</v>
      </c>
      <c r="D45" s="69">
        <v>55</v>
      </c>
      <c r="E45" s="67">
        <v>2</v>
      </c>
      <c r="F45" s="68">
        <v>1</v>
      </c>
      <c r="G45" s="69">
        <v>1</v>
      </c>
      <c r="H45" s="67">
        <v>2119</v>
      </c>
      <c r="I45" s="68">
        <v>1227</v>
      </c>
      <c r="J45" s="69">
        <v>892</v>
      </c>
      <c r="K45" s="67">
        <v>1905</v>
      </c>
      <c r="L45" s="68">
        <v>1069</v>
      </c>
      <c r="M45" s="69">
        <v>836</v>
      </c>
    </row>
    <row r="46" spans="1:13">
      <c r="A46" s="15" t="s">
        <v>82</v>
      </c>
      <c r="B46" s="67">
        <v>237</v>
      </c>
      <c r="C46" s="68">
        <v>187</v>
      </c>
      <c r="D46" s="69">
        <v>50</v>
      </c>
      <c r="E46" s="67">
        <v>6</v>
      </c>
      <c r="F46" s="68">
        <v>4</v>
      </c>
      <c r="G46" s="69">
        <v>2</v>
      </c>
      <c r="H46" s="67">
        <v>2028</v>
      </c>
      <c r="I46" s="68">
        <v>1220</v>
      </c>
      <c r="J46" s="69">
        <v>808</v>
      </c>
      <c r="K46" s="67">
        <v>1785</v>
      </c>
      <c r="L46" s="68">
        <v>1029</v>
      </c>
      <c r="M46" s="69">
        <v>756</v>
      </c>
    </row>
    <row r="47" spans="1:13">
      <c r="A47" s="15" t="s">
        <v>84</v>
      </c>
      <c r="B47" s="67">
        <v>220</v>
      </c>
      <c r="C47" s="68">
        <v>104</v>
      </c>
      <c r="D47" s="69">
        <v>116</v>
      </c>
      <c r="E47" s="67">
        <v>5</v>
      </c>
      <c r="F47" s="68">
        <v>3</v>
      </c>
      <c r="G47" s="69">
        <v>2</v>
      </c>
      <c r="H47" s="67">
        <v>1851</v>
      </c>
      <c r="I47" s="68">
        <v>1069</v>
      </c>
      <c r="J47" s="69">
        <v>782</v>
      </c>
      <c r="K47" s="67">
        <v>1626</v>
      </c>
      <c r="L47" s="68">
        <v>962</v>
      </c>
      <c r="M47" s="69">
        <v>664</v>
      </c>
    </row>
    <row r="48" spans="1:13" ht="21" customHeight="1">
      <c r="A48" s="36" t="s">
        <v>86</v>
      </c>
      <c r="B48" s="64">
        <v>813</v>
      </c>
      <c r="C48" s="65">
        <v>371</v>
      </c>
      <c r="D48" s="66">
        <v>442</v>
      </c>
      <c r="E48" s="64">
        <v>46</v>
      </c>
      <c r="F48" s="65">
        <v>30</v>
      </c>
      <c r="G48" s="66">
        <v>16</v>
      </c>
      <c r="H48" s="64">
        <v>6925</v>
      </c>
      <c r="I48" s="65">
        <v>4038</v>
      </c>
      <c r="J48" s="66">
        <v>2887</v>
      </c>
      <c r="K48" s="64">
        <v>6066</v>
      </c>
      <c r="L48" s="65">
        <v>3637</v>
      </c>
      <c r="M48" s="66">
        <v>2429</v>
      </c>
    </row>
    <row r="49" spans="1:13">
      <c r="A49" s="15" t="s">
        <v>88</v>
      </c>
      <c r="B49" s="67">
        <v>221</v>
      </c>
      <c r="C49" s="68">
        <v>112</v>
      </c>
      <c r="D49" s="69">
        <v>109</v>
      </c>
      <c r="E49" s="67">
        <v>9</v>
      </c>
      <c r="F49" s="68">
        <v>4</v>
      </c>
      <c r="G49" s="69">
        <v>5</v>
      </c>
      <c r="H49" s="67">
        <v>1624</v>
      </c>
      <c r="I49" s="68">
        <v>938</v>
      </c>
      <c r="J49" s="69">
        <v>686</v>
      </c>
      <c r="K49" s="67">
        <v>1394</v>
      </c>
      <c r="L49" s="68">
        <v>822</v>
      </c>
      <c r="M49" s="69">
        <v>572</v>
      </c>
    </row>
    <row r="50" spans="1:13">
      <c r="A50" s="15" t="s">
        <v>90</v>
      </c>
      <c r="B50" s="67">
        <v>125</v>
      </c>
      <c r="C50" s="68">
        <v>68</v>
      </c>
      <c r="D50" s="69">
        <v>57</v>
      </c>
      <c r="E50" s="67">
        <v>6</v>
      </c>
      <c r="F50" s="68">
        <v>4</v>
      </c>
      <c r="G50" s="69">
        <v>2</v>
      </c>
      <c r="H50" s="67">
        <v>1505</v>
      </c>
      <c r="I50" s="68">
        <v>894</v>
      </c>
      <c r="J50" s="69">
        <v>611</v>
      </c>
      <c r="K50" s="67">
        <v>1374</v>
      </c>
      <c r="L50" s="68">
        <v>822</v>
      </c>
      <c r="M50" s="69">
        <v>552</v>
      </c>
    </row>
    <row r="51" spans="1:13">
      <c r="A51" s="15" t="s">
        <v>92</v>
      </c>
      <c r="B51" s="67">
        <v>179</v>
      </c>
      <c r="C51" s="68">
        <v>56</v>
      </c>
      <c r="D51" s="69">
        <v>123</v>
      </c>
      <c r="E51" s="67">
        <v>4</v>
      </c>
      <c r="F51" s="68">
        <v>4</v>
      </c>
      <c r="G51" s="69">
        <v>0</v>
      </c>
      <c r="H51" s="67">
        <v>1373</v>
      </c>
      <c r="I51" s="68">
        <v>792</v>
      </c>
      <c r="J51" s="69">
        <v>581</v>
      </c>
      <c r="K51" s="67">
        <v>1190</v>
      </c>
      <c r="L51" s="68">
        <v>732</v>
      </c>
      <c r="M51" s="69">
        <v>458</v>
      </c>
    </row>
    <row r="52" spans="1:13">
      <c r="A52" s="15" t="s">
        <v>94</v>
      </c>
      <c r="B52" s="67">
        <v>160</v>
      </c>
      <c r="C52" s="68">
        <v>70</v>
      </c>
      <c r="D52" s="69">
        <v>90</v>
      </c>
      <c r="E52" s="67">
        <v>16</v>
      </c>
      <c r="F52" s="68">
        <v>10</v>
      </c>
      <c r="G52" s="69">
        <v>6</v>
      </c>
      <c r="H52" s="67">
        <v>1264</v>
      </c>
      <c r="I52" s="68">
        <v>738</v>
      </c>
      <c r="J52" s="69">
        <v>526</v>
      </c>
      <c r="K52" s="67">
        <v>1088</v>
      </c>
      <c r="L52" s="68">
        <v>658</v>
      </c>
      <c r="M52" s="69">
        <v>430</v>
      </c>
    </row>
    <row r="53" spans="1:13">
      <c r="A53" s="15" t="s">
        <v>96</v>
      </c>
      <c r="B53" s="67">
        <v>128</v>
      </c>
      <c r="C53" s="68">
        <v>65</v>
      </c>
      <c r="D53" s="69">
        <v>63</v>
      </c>
      <c r="E53" s="67">
        <v>11</v>
      </c>
      <c r="F53" s="68">
        <v>8</v>
      </c>
      <c r="G53" s="69">
        <v>3</v>
      </c>
      <c r="H53" s="67">
        <v>1159</v>
      </c>
      <c r="I53" s="68">
        <v>676</v>
      </c>
      <c r="J53" s="69">
        <v>483</v>
      </c>
      <c r="K53" s="67">
        <v>1020</v>
      </c>
      <c r="L53" s="68">
        <v>603</v>
      </c>
      <c r="M53" s="69">
        <v>417</v>
      </c>
    </row>
    <row r="54" spans="1:13" ht="21" customHeight="1">
      <c r="A54" s="36" t="s">
        <v>98</v>
      </c>
      <c r="B54" s="64">
        <v>412</v>
      </c>
      <c r="C54" s="65">
        <v>231</v>
      </c>
      <c r="D54" s="66">
        <v>181</v>
      </c>
      <c r="E54" s="64">
        <v>84</v>
      </c>
      <c r="F54" s="65">
        <v>57</v>
      </c>
      <c r="G54" s="66">
        <v>27</v>
      </c>
      <c r="H54" s="64">
        <v>4560</v>
      </c>
      <c r="I54" s="65">
        <v>2765</v>
      </c>
      <c r="J54" s="66">
        <v>1795</v>
      </c>
      <c r="K54" s="64">
        <v>4064</v>
      </c>
      <c r="L54" s="65">
        <v>2477</v>
      </c>
      <c r="M54" s="66">
        <v>1587</v>
      </c>
    </row>
    <row r="55" spans="1:13">
      <c r="A55" s="15" t="s">
        <v>100</v>
      </c>
      <c r="B55" s="67">
        <v>51</v>
      </c>
      <c r="C55" s="68">
        <v>32</v>
      </c>
      <c r="D55" s="69">
        <v>19</v>
      </c>
      <c r="E55" s="67">
        <v>14</v>
      </c>
      <c r="F55" s="68">
        <v>10</v>
      </c>
      <c r="G55" s="69">
        <v>4</v>
      </c>
      <c r="H55" s="67">
        <v>1026</v>
      </c>
      <c r="I55" s="68">
        <v>626</v>
      </c>
      <c r="J55" s="69">
        <v>400</v>
      </c>
      <c r="K55" s="67">
        <v>961</v>
      </c>
      <c r="L55" s="68">
        <v>584</v>
      </c>
      <c r="M55" s="69">
        <v>377</v>
      </c>
    </row>
    <row r="56" spans="1:13">
      <c r="A56" s="15" t="s">
        <v>102</v>
      </c>
      <c r="B56" s="67">
        <v>107</v>
      </c>
      <c r="C56" s="68">
        <v>59</v>
      </c>
      <c r="D56" s="69">
        <v>48</v>
      </c>
      <c r="E56" s="67">
        <v>13</v>
      </c>
      <c r="F56" s="68">
        <v>9</v>
      </c>
      <c r="G56" s="69">
        <v>4</v>
      </c>
      <c r="H56" s="67">
        <v>998</v>
      </c>
      <c r="I56" s="68">
        <v>610</v>
      </c>
      <c r="J56" s="69">
        <v>388</v>
      </c>
      <c r="K56" s="67">
        <v>878</v>
      </c>
      <c r="L56" s="68">
        <v>542</v>
      </c>
      <c r="M56" s="69">
        <v>336</v>
      </c>
    </row>
    <row r="57" spans="1:13">
      <c r="A57" s="15" t="s">
        <v>104</v>
      </c>
      <c r="B57" s="67">
        <v>53</v>
      </c>
      <c r="C57" s="68">
        <v>31</v>
      </c>
      <c r="D57" s="69">
        <v>22</v>
      </c>
      <c r="E57" s="67">
        <v>19</v>
      </c>
      <c r="F57" s="68">
        <v>12</v>
      </c>
      <c r="G57" s="69">
        <v>7</v>
      </c>
      <c r="H57" s="67">
        <v>849</v>
      </c>
      <c r="I57" s="68">
        <v>516</v>
      </c>
      <c r="J57" s="69">
        <v>333</v>
      </c>
      <c r="K57" s="67">
        <v>777</v>
      </c>
      <c r="L57" s="68">
        <v>473</v>
      </c>
      <c r="M57" s="69">
        <v>304</v>
      </c>
    </row>
    <row r="58" spans="1:13">
      <c r="A58" s="15" t="s">
        <v>106</v>
      </c>
      <c r="B58" s="67">
        <v>114</v>
      </c>
      <c r="C58" s="68">
        <v>72</v>
      </c>
      <c r="D58" s="69">
        <v>42</v>
      </c>
      <c r="E58" s="67">
        <v>16</v>
      </c>
      <c r="F58" s="68">
        <v>10</v>
      </c>
      <c r="G58" s="69">
        <v>6</v>
      </c>
      <c r="H58" s="67">
        <v>857</v>
      </c>
      <c r="I58" s="68">
        <v>513</v>
      </c>
      <c r="J58" s="69">
        <v>344</v>
      </c>
      <c r="K58" s="67">
        <v>727</v>
      </c>
      <c r="L58" s="68">
        <v>431</v>
      </c>
      <c r="M58" s="69">
        <v>296</v>
      </c>
    </row>
    <row r="59" spans="1:13">
      <c r="A59" s="15" t="s">
        <v>108</v>
      </c>
      <c r="B59" s="67">
        <v>87</v>
      </c>
      <c r="C59" s="68">
        <v>37</v>
      </c>
      <c r="D59" s="69">
        <v>50</v>
      </c>
      <c r="E59" s="67">
        <v>22</v>
      </c>
      <c r="F59" s="68">
        <v>16</v>
      </c>
      <c r="G59" s="69">
        <v>6</v>
      </c>
      <c r="H59" s="67">
        <v>830</v>
      </c>
      <c r="I59" s="68">
        <v>500</v>
      </c>
      <c r="J59" s="69">
        <v>330</v>
      </c>
      <c r="K59" s="67">
        <v>721</v>
      </c>
      <c r="L59" s="68">
        <v>447</v>
      </c>
      <c r="M59" s="69">
        <v>274</v>
      </c>
    </row>
    <row r="60" spans="1:13" ht="21" customHeight="1">
      <c r="A60" s="36" t="s">
        <v>110</v>
      </c>
      <c r="B60" s="64">
        <v>147</v>
      </c>
      <c r="C60" s="65">
        <v>45</v>
      </c>
      <c r="D60" s="66">
        <v>102</v>
      </c>
      <c r="E60" s="64">
        <v>220</v>
      </c>
      <c r="F60" s="65">
        <v>132</v>
      </c>
      <c r="G60" s="66">
        <v>88</v>
      </c>
      <c r="H60" s="64">
        <v>3862</v>
      </c>
      <c r="I60" s="65">
        <v>2278</v>
      </c>
      <c r="J60" s="66">
        <v>1584</v>
      </c>
      <c r="K60" s="64">
        <v>3495</v>
      </c>
      <c r="L60" s="65">
        <v>2101</v>
      </c>
      <c r="M60" s="66">
        <v>1394</v>
      </c>
    </row>
    <row r="61" spans="1:13">
      <c r="A61" s="15" t="s">
        <v>112</v>
      </c>
      <c r="B61" s="67">
        <v>55</v>
      </c>
      <c r="C61" s="68">
        <v>22</v>
      </c>
      <c r="D61" s="69">
        <v>33</v>
      </c>
      <c r="E61" s="67">
        <v>33</v>
      </c>
      <c r="F61" s="68">
        <v>20</v>
      </c>
      <c r="G61" s="69">
        <v>13</v>
      </c>
      <c r="H61" s="67">
        <v>781</v>
      </c>
      <c r="I61" s="68">
        <v>472</v>
      </c>
      <c r="J61" s="69">
        <v>309</v>
      </c>
      <c r="K61" s="67">
        <v>693</v>
      </c>
      <c r="L61" s="68">
        <v>430</v>
      </c>
      <c r="M61" s="69">
        <v>263</v>
      </c>
    </row>
    <row r="62" spans="1:13">
      <c r="A62" s="15" t="s">
        <v>114</v>
      </c>
      <c r="B62" s="67">
        <v>42</v>
      </c>
      <c r="C62" s="68">
        <v>37</v>
      </c>
      <c r="D62" s="69">
        <v>5</v>
      </c>
      <c r="E62" s="67">
        <v>35</v>
      </c>
      <c r="F62" s="68">
        <v>20</v>
      </c>
      <c r="G62" s="69">
        <v>15</v>
      </c>
      <c r="H62" s="67">
        <v>765</v>
      </c>
      <c r="I62" s="68">
        <v>470</v>
      </c>
      <c r="J62" s="69">
        <v>295</v>
      </c>
      <c r="K62" s="67">
        <v>688</v>
      </c>
      <c r="L62" s="68">
        <v>413</v>
      </c>
      <c r="M62" s="69">
        <v>275</v>
      </c>
    </row>
    <row r="63" spans="1:13">
      <c r="A63" s="15" t="s">
        <v>116</v>
      </c>
      <c r="B63" s="67">
        <v>47</v>
      </c>
      <c r="C63" s="68">
        <v>8</v>
      </c>
      <c r="D63" s="69">
        <v>39</v>
      </c>
      <c r="E63" s="67">
        <v>37</v>
      </c>
      <c r="F63" s="68">
        <v>22</v>
      </c>
      <c r="G63" s="69">
        <v>15</v>
      </c>
      <c r="H63" s="67">
        <v>802</v>
      </c>
      <c r="I63" s="68">
        <v>473</v>
      </c>
      <c r="J63" s="69">
        <v>329</v>
      </c>
      <c r="K63" s="67">
        <v>718</v>
      </c>
      <c r="L63" s="68">
        <v>443</v>
      </c>
      <c r="M63" s="69">
        <v>275</v>
      </c>
    </row>
    <row r="64" spans="1:13">
      <c r="A64" s="15" t="s">
        <v>118</v>
      </c>
      <c r="B64" s="67">
        <v>56</v>
      </c>
      <c r="C64" s="68">
        <v>-9</v>
      </c>
      <c r="D64" s="69">
        <v>65</v>
      </c>
      <c r="E64" s="67">
        <v>49</v>
      </c>
      <c r="F64" s="68">
        <v>29</v>
      </c>
      <c r="G64" s="69">
        <v>20</v>
      </c>
      <c r="H64" s="67">
        <v>772</v>
      </c>
      <c r="I64" s="68">
        <v>422</v>
      </c>
      <c r="J64" s="69">
        <v>350</v>
      </c>
      <c r="K64" s="67">
        <v>667</v>
      </c>
      <c r="L64" s="68">
        <v>402</v>
      </c>
      <c r="M64" s="69">
        <v>265</v>
      </c>
    </row>
    <row r="65" spans="1:13">
      <c r="A65" s="19" t="s">
        <v>120</v>
      </c>
      <c r="B65" s="70">
        <v>-53</v>
      </c>
      <c r="C65" s="71">
        <v>-13</v>
      </c>
      <c r="D65" s="72">
        <v>-40</v>
      </c>
      <c r="E65" s="70">
        <v>66</v>
      </c>
      <c r="F65" s="71">
        <v>41</v>
      </c>
      <c r="G65" s="72">
        <v>25</v>
      </c>
      <c r="H65" s="70">
        <v>742</v>
      </c>
      <c r="I65" s="71">
        <v>441</v>
      </c>
      <c r="J65" s="72">
        <v>301</v>
      </c>
      <c r="K65" s="70">
        <v>729</v>
      </c>
      <c r="L65" s="71">
        <v>413</v>
      </c>
      <c r="M65" s="72">
        <v>316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73">
        <v>9934</v>
      </c>
      <c r="C69" s="41">
        <v>5099</v>
      </c>
      <c r="D69" s="74">
        <v>483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82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2</v>
      </c>
      <c r="D73" s="9" t="s">
        <v>134</v>
      </c>
      <c r="E73" s="9" t="s">
        <v>136</v>
      </c>
      <c r="F73" s="9" t="s">
        <v>132</v>
      </c>
      <c r="G73" s="9" t="s">
        <v>134</v>
      </c>
      <c r="H73" s="9" t="s">
        <v>131</v>
      </c>
      <c r="I73" s="9" t="s">
        <v>132</v>
      </c>
      <c r="J73" s="9" t="s">
        <v>134</v>
      </c>
      <c r="K73" s="9" t="s">
        <v>131</v>
      </c>
      <c r="L73" s="9" t="s">
        <v>132</v>
      </c>
      <c r="M73" s="11" t="s">
        <v>134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-162</v>
      </c>
      <c r="C75" s="65">
        <v>-172</v>
      </c>
      <c r="D75" s="66">
        <v>10</v>
      </c>
      <c r="E75" s="64">
        <v>337</v>
      </c>
      <c r="F75" s="65">
        <v>237</v>
      </c>
      <c r="G75" s="66">
        <v>100</v>
      </c>
      <c r="H75" s="64">
        <v>3271</v>
      </c>
      <c r="I75" s="65">
        <v>1873</v>
      </c>
      <c r="J75" s="66">
        <v>1398</v>
      </c>
      <c r="K75" s="64">
        <v>3096</v>
      </c>
      <c r="L75" s="65">
        <v>1808</v>
      </c>
      <c r="M75" s="66">
        <v>1288</v>
      </c>
    </row>
    <row r="76" spans="1:13">
      <c r="A76" s="27" t="s">
        <v>5</v>
      </c>
      <c r="B76" s="67">
        <v>22</v>
      </c>
      <c r="C76" s="68">
        <v>5</v>
      </c>
      <c r="D76" s="69">
        <v>17</v>
      </c>
      <c r="E76" s="67">
        <v>55</v>
      </c>
      <c r="F76" s="68">
        <v>37</v>
      </c>
      <c r="G76" s="69">
        <v>18</v>
      </c>
      <c r="H76" s="67">
        <v>715</v>
      </c>
      <c r="I76" s="68">
        <v>421</v>
      </c>
      <c r="J76" s="69">
        <v>294</v>
      </c>
      <c r="K76" s="67">
        <v>638</v>
      </c>
      <c r="L76" s="68">
        <v>379</v>
      </c>
      <c r="M76" s="69">
        <v>259</v>
      </c>
    </row>
    <row r="77" spans="1:13">
      <c r="A77" s="27" t="s">
        <v>7</v>
      </c>
      <c r="B77" s="67">
        <v>-21</v>
      </c>
      <c r="C77" s="68">
        <v>5</v>
      </c>
      <c r="D77" s="69">
        <v>-26</v>
      </c>
      <c r="E77" s="67">
        <v>67</v>
      </c>
      <c r="F77" s="68">
        <v>43</v>
      </c>
      <c r="G77" s="69">
        <v>24</v>
      </c>
      <c r="H77" s="67">
        <v>758</v>
      </c>
      <c r="I77" s="68">
        <v>447</v>
      </c>
      <c r="J77" s="69">
        <v>311</v>
      </c>
      <c r="K77" s="67">
        <v>712</v>
      </c>
      <c r="L77" s="68">
        <v>399</v>
      </c>
      <c r="M77" s="69">
        <v>313</v>
      </c>
    </row>
    <row r="78" spans="1:13">
      <c r="A78" s="27" t="s">
        <v>9</v>
      </c>
      <c r="B78" s="67">
        <v>-13</v>
      </c>
      <c r="C78" s="68">
        <v>-29</v>
      </c>
      <c r="D78" s="69">
        <v>16</v>
      </c>
      <c r="E78" s="67">
        <v>61</v>
      </c>
      <c r="F78" s="68">
        <v>44</v>
      </c>
      <c r="G78" s="69">
        <v>17</v>
      </c>
      <c r="H78" s="67">
        <v>665</v>
      </c>
      <c r="I78" s="68">
        <v>383</v>
      </c>
      <c r="J78" s="69">
        <v>282</v>
      </c>
      <c r="K78" s="67">
        <v>617</v>
      </c>
      <c r="L78" s="68">
        <v>368</v>
      </c>
      <c r="M78" s="69">
        <v>249</v>
      </c>
    </row>
    <row r="79" spans="1:13">
      <c r="A79" s="27" t="s">
        <v>11</v>
      </c>
      <c r="B79" s="67">
        <v>-32</v>
      </c>
      <c r="C79" s="68">
        <v>-50</v>
      </c>
      <c r="D79" s="69">
        <v>18</v>
      </c>
      <c r="E79" s="67">
        <v>76</v>
      </c>
      <c r="F79" s="68">
        <v>59</v>
      </c>
      <c r="G79" s="69">
        <v>17</v>
      </c>
      <c r="H79" s="67">
        <v>602</v>
      </c>
      <c r="I79" s="68">
        <v>332</v>
      </c>
      <c r="J79" s="69">
        <v>270</v>
      </c>
      <c r="K79" s="67">
        <v>558</v>
      </c>
      <c r="L79" s="68">
        <v>323</v>
      </c>
      <c r="M79" s="69">
        <v>235</v>
      </c>
    </row>
    <row r="80" spans="1:13">
      <c r="A80" s="27" t="s">
        <v>13</v>
      </c>
      <c r="B80" s="67">
        <v>-118</v>
      </c>
      <c r="C80" s="68">
        <v>-103</v>
      </c>
      <c r="D80" s="69">
        <v>-15</v>
      </c>
      <c r="E80" s="67">
        <v>78</v>
      </c>
      <c r="F80" s="68">
        <v>54</v>
      </c>
      <c r="G80" s="69">
        <v>24</v>
      </c>
      <c r="H80" s="67">
        <v>531</v>
      </c>
      <c r="I80" s="68">
        <v>290</v>
      </c>
      <c r="J80" s="69">
        <v>241</v>
      </c>
      <c r="K80" s="67">
        <v>571</v>
      </c>
      <c r="L80" s="68">
        <v>339</v>
      </c>
      <c r="M80" s="69">
        <v>232</v>
      </c>
    </row>
    <row r="81" spans="1:13" ht="21" customHeight="1">
      <c r="A81" s="38" t="s">
        <v>15</v>
      </c>
      <c r="B81" s="64">
        <v>-334</v>
      </c>
      <c r="C81" s="65">
        <v>-285</v>
      </c>
      <c r="D81" s="66">
        <v>-49</v>
      </c>
      <c r="E81" s="64">
        <v>438</v>
      </c>
      <c r="F81" s="65">
        <v>306</v>
      </c>
      <c r="G81" s="66">
        <v>132</v>
      </c>
      <c r="H81" s="64">
        <v>2285</v>
      </c>
      <c r="I81" s="65">
        <v>1287</v>
      </c>
      <c r="J81" s="66">
        <v>998</v>
      </c>
      <c r="K81" s="64">
        <v>2181</v>
      </c>
      <c r="L81" s="65">
        <v>1266</v>
      </c>
      <c r="M81" s="66">
        <v>915</v>
      </c>
    </row>
    <row r="82" spans="1:13">
      <c r="A82" s="27" t="s">
        <v>17</v>
      </c>
      <c r="B82" s="67">
        <v>-86</v>
      </c>
      <c r="C82" s="68">
        <v>-90</v>
      </c>
      <c r="D82" s="69">
        <v>4</v>
      </c>
      <c r="E82" s="67">
        <v>90</v>
      </c>
      <c r="F82" s="68">
        <v>58</v>
      </c>
      <c r="G82" s="69">
        <v>32</v>
      </c>
      <c r="H82" s="67">
        <v>564</v>
      </c>
      <c r="I82" s="68">
        <v>323</v>
      </c>
      <c r="J82" s="69">
        <v>241</v>
      </c>
      <c r="K82" s="67">
        <v>560</v>
      </c>
      <c r="L82" s="68">
        <v>355</v>
      </c>
      <c r="M82" s="69">
        <v>205</v>
      </c>
    </row>
    <row r="83" spans="1:13">
      <c r="A83" s="27" t="s">
        <v>19</v>
      </c>
      <c r="B83" s="67">
        <v>-33</v>
      </c>
      <c r="C83" s="68">
        <v>-34</v>
      </c>
      <c r="D83" s="69">
        <v>1</v>
      </c>
      <c r="E83" s="67">
        <v>65</v>
      </c>
      <c r="F83" s="68">
        <v>47</v>
      </c>
      <c r="G83" s="69">
        <v>18</v>
      </c>
      <c r="H83" s="67">
        <v>445</v>
      </c>
      <c r="I83" s="68">
        <v>245</v>
      </c>
      <c r="J83" s="69">
        <v>200</v>
      </c>
      <c r="K83" s="67">
        <v>413</v>
      </c>
      <c r="L83" s="68">
        <v>232</v>
      </c>
      <c r="M83" s="69">
        <v>181</v>
      </c>
    </row>
    <row r="84" spans="1:13">
      <c r="A84" s="27" t="s">
        <v>21</v>
      </c>
      <c r="B84" s="67">
        <v>-78</v>
      </c>
      <c r="C84" s="68">
        <v>-59</v>
      </c>
      <c r="D84" s="69">
        <v>-19</v>
      </c>
      <c r="E84" s="67">
        <v>94</v>
      </c>
      <c r="F84" s="68">
        <v>67</v>
      </c>
      <c r="G84" s="69">
        <v>27</v>
      </c>
      <c r="H84" s="67">
        <v>465</v>
      </c>
      <c r="I84" s="68">
        <v>271</v>
      </c>
      <c r="J84" s="69">
        <v>194</v>
      </c>
      <c r="K84" s="67">
        <v>449</v>
      </c>
      <c r="L84" s="68">
        <v>263</v>
      </c>
      <c r="M84" s="69">
        <v>186</v>
      </c>
    </row>
    <row r="85" spans="1:13">
      <c r="A85" s="27" t="s">
        <v>23</v>
      </c>
      <c r="B85" s="67">
        <v>-69</v>
      </c>
      <c r="C85" s="68">
        <v>-32</v>
      </c>
      <c r="D85" s="69">
        <v>-37</v>
      </c>
      <c r="E85" s="67">
        <v>89</v>
      </c>
      <c r="F85" s="68">
        <v>64</v>
      </c>
      <c r="G85" s="69">
        <v>25</v>
      </c>
      <c r="H85" s="67">
        <v>417</v>
      </c>
      <c r="I85" s="68">
        <v>230</v>
      </c>
      <c r="J85" s="69">
        <v>187</v>
      </c>
      <c r="K85" s="67">
        <v>397</v>
      </c>
      <c r="L85" s="68">
        <v>198</v>
      </c>
      <c r="M85" s="69">
        <v>199</v>
      </c>
    </row>
    <row r="86" spans="1:13">
      <c r="A86" s="27" t="s">
        <v>25</v>
      </c>
      <c r="B86" s="67">
        <v>-68</v>
      </c>
      <c r="C86" s="68">
        <v>-70</v>
      </c>
      <c r="D86" s="69">
        <v>2</v>
      </c>
      <c r="E86" s="67">
        <v>100</v>
      </c>
      <c r="F86" s="68">
        <v>70</v>
      </c>
      <c r="G86" s="69">
        <v>30</v>
      </c>
      <c r="H86" s="67">
        <v>394</v>
      </c>
      <c r="I86" s="68">
        <v>218</v>
      </c>
      <c r="J86" s="69">
        <v>176</v>
      </c>
      <c r="K86" s="67">
        <v>362</v>
      </c>
      <c r="L86" s="68">
        <v>218</v>
      </c>
      <c r="M86" s="69">
        <v>144</v>
      </c>
    </row>
    <row r="87" spans="1:13" ht="21" customHeight="1">
      <c r="A87" s="38" t="s">
        <v>27</v>
      </c>
      <c r="B87" s="64">
        <v>-486</v>
      </c>
      <c r="C87" s="65">
        <v>-418</v>
      </c>
      <c r="D87" s="66">
        <v>-68</v>
      </c>
      <c r="E87" s="64">
        <v>498</v>
      </c>
      <c r="F87" s="65">
        <v>364</v>
      </c>
      <c r="G87" s="66">
        <v>134</v>
      </c>
      <c r="H87" s="64">
        <v>1561</v>
      </c>
      <c r="I87" s="65">
        <v>880</v>
      </c>
      <c r="J87" s="66">
        <v>681</v>
      </c>
      <c r="K87" s="64">
        <v>1549</v>
      </c>
      <c r="L87" s="65">
        <v>934</v>
      </c>
      <c r="M87" s="66">
        <v>615</v>
      </c>
    </row>
    <row r="88" spans="1:13">
      <c r="A88" s="27" t="s">
        <v>29</v>
      </c>
      <c r="B88" s="67">
        <v>-66</v>
      </c>
      <c r="C88" s="68">
        <v>-60</v>
      </c>
      <c r="D88" s="69">
        <v>-6</v>
      </c>
      <c r="E88" s="67">
        <v>95</v>
      </c>
      <c r="F88" s="68">
        <v>68</v>
      </c>
      <c r="G88" s="69">
        <v>27</v>
      </c>
      <c r="H88" s="67">
        <v>409</v>
      </c>
      <c r="I88" s="68">
        <v>247</v>
      </c>
      <c r="J88" s="69">
        <v>162</v>
      </c>
      <c r="K88" s="67">
        <v>380</v>
      </c>
      <c r="L88" s="68">
        <v>239</v>
      </c>
      <c r="M88" s="69">
        <v>141</v>
      </c>
    </row>
    <row r="89" spans="1:13">
      <c r="A89" s="27" t="s">
        <v>31</v>
      </c>
      <c r="B89" s="67">
        <v>-101</v>
      </c>
      <c r="C89" s="68">
        <v>-79</v>
      </c>
      <c r="D89" s="69">
        <v>-22</v>
      </c>
      <c r="E89" s="67">
        <v>89</v>
      </c>
      <c r="F89" s="68">
        <v>64</v>
      </c>
      <c r="G89" s="69">
        <v>25</v>
      </c>
      <c r="H89" s="67">
        <v>327</v>
      </c>
      <c r="I89" s="68">
        <v>189</v>
      </c>
      <c r="J89" s="69">
        <v>138</v>
      </c>
      <c r="K89" s="67">
        <v>339</v>
      </c>
      <c r="L89" s="68">
        <v>204</v>
      </c>
      <c r="M89" s="69">
        <v>135</v>
      </c>
    </row>
    <row r="90" spans="1:13">
      <c r="A90" s="27" t="s">
        <v>33</v>
      </c>
      <c r="B90" s="67">
        <v>-81</v>
      </c>
      <c r="C90" s="68">
        <v>-69</v>
      </c>
      <c r="D90" s="69">
        <v>-12</v>
      </c>
      <c r="E90" s="67">
        <v>88</v>
      </c>
      <c r="F90" s="68">
        <v>60</v>
      </c>
      <c r="G90" s="69">
        <v>28</v>
      </c>
      <c r="H90" s="67">
        <v>279</v>
      </c>
      <c r="I90" s="68">
        <v>154</v>
      </c>
      <c r="J90" s="69">
        <v>125</v>
      </c>
      <c r="K90" s="67">
        <v>272</v>
      </c>
      <c r="L90" s="68">
        <v>163</v>
      </c>
      <c r="M90" s="69">
        <v>109</v>
      </c>
    </row>
    <row r="91" spans="1:13">
      <c r="A91" s="27" t="s">
        <v>35</v>
      </c>
      <c r="B91" s="67">
        <v>-130</v>
      </c>
      <c r="C91" s="68">
        <v>-114</v>
      </c>
      <c r="D91" s="69">
        <v>-16</v>
      </c>
      <c r="E91" s="67">
        <v>108</v>
      </c>
      <c r="F91" s="68">
        <v>83</v>
      </c>
      <c r="G91" s="69">
        <v>25</v>
      </c>
      <c r="H91" s="67">
        <v>259</v>
      </c>
      <c r="I91" s="68">
        <v>141</v>
      </c>
      <c r="J91" s="69">
        <v>118</v>
      </c>
      <c r="K91" s="67">
        <v>281</v>
      </c>
      <c r="L91" s="68">
        <v>172</v>
      </c>
      <c r="M91" s="69">
        <v>109</v>
      </c>
    </row>
    <row r="92" spans="1:13">
      <c r="A92" s="27" t="s">
        <v>37</v>
      </c>
      <c r="B92" s="67">
        <v>-108</v>
      </c>
      <c r="C92" s="68">
        <v>-96</v>
      </c>
      <c r="D92" s="69">
        <v>-12</v>
      </c>
      <c r="E92" s="67">
        <v>118</v>
      </c>
      <c r="F92" s="68">
        <v>89</v>
      </c>
      <c r="G92" s="69">
        <v>29</v>
      </c>
      <c r="H92" s="67">
        <v>287</v>
      </c>
      <c r="I92" s="68">
        <v>149</v>
      </c>
      <c r="J92" s="69">
        <v>138</v>
      </c>
      <c r="K92" s="67">
        <v>277</v>
      </c>
      <c r="L92" s="68">
        <v>156</v>
      </c>
      <c r="M92" s="69">
        <v>121</v>
      </c>
    </row>
    <row r="93" spans="1:13" ht="21" customHeight="1">
      <c r="A93" s="38" t="s">
        <v>39</v>
      </c>
      <c r="B93" s="64">
        <v>-716</v>
      </c>
      <c r="C93" s="65">
        <v>-529</v>
      </c>
      <c r="D93" s="66">
        <v>-187</v>
      </c>
      <c r="E93" s="64">
        <v>759</v>
      </c>
      <c r="F93" s="65">
        <v>515</v>
      </c>
      <c r="G93" s="66">
        <v>244</v>
      </c>
      <c r="H93" s="64">
        <v>1179</v>
      </c>
      <c r="I93" s="65">
        <v>659</v>
      </c>
      <c r="J93" s="66">
        <v>520</v>
      </c>
      <c r="K93" s="64">
        <v>1136</v>
      </c>
      <c r="L93" s="65">
        <v>673</v>
      </c>
      <c r="M93" s="66">
        <v>463</v>
      </c>
    </row>
    <row r="94" spans="1:13">
      <c r="A94" s="27" t="s">
        <v>41</v>
      </c>
      <c r="B94" s="67">
        <v>-107</v>
      </c>
      <c r="C94" s="68">
        <v>-96</v>
      </c>
      <c r="D94" s="69">
        <v>-11</v>
      </c>
      <c r="E94" s="67">
        <v>108</v>
      </c>
      <c r="F94" s="68">
        <v>79</v>
      </c>
      <c r="G94" s="69">
        <v>29</v>
      </c>
      <c r="H94" s="67">
        <v>270</v>
      </c>
      <c r="I94" s="68">
        <v>151</v>
      </c>
      <c r="J94" s="69">
        <v>119</v>
      </c>
      <c r="K94" s="67">
        <v>269</v>
      </c>
      <c r="L94" s="68">
        <v>168</v>
      </c>
      <c r="M94" s="69">
        <v>101</v>
      </c>
    </row>
    <row r="95" spans="1:13">
      <c r="A95" s="27" t="s">
        <v>43</v>
      </c>
      <c r="B95" s="67">
        <v>-116</v>
      </c>
      <c r="C95" s="68">
        <v>-96</v>
      </c>
      <c r="D95" s="69">
        <v>-20</v>
      </c>
      <c r="E95" s="67">
        <v>147</v>
      </c>
      <c r="F95" s="68">
        <v>108</v>
      </c>
      <c r="G95" s="69">
        <v>39</v>
      </c>
      <c r="H95" s="67">
        <v>256</v>
      </c>
      <c r="I95" s="68">
        <v>152</v>
      </c>
      <c r="J95" s="69">
        <v>104</v>
      </c>
      <c r="K95" s="67">
        <v>225</v>
      </c>
      <c r="L95" s="68">
        <v>140</v>
      </c>
      <c r="M95" s="69">
        <v>85</v>
      </c>
    </row>
    <row r="96" spans="1:13">
      <c r="A96" s="27" t="s">
        <v>45</v>
      </c>
      <c r="B96" s="67">
        <v>-170</v>
      </c>
      <c r="C96" s="68">
        <v>-103</v>
      </c>
      <c r="D96" s="69">
        <v>-67</v>
      </c>
      <c r="E96" s="67">
        <v>149</v>
      </c>
      <c r="F96" s="68">
        <v>94</v>
      </c>
      <c r="G96" s="69">
        <v>55</v>
      </c>
      <c r="H96" s="67">
        <v>209</v>
      </c>
      <c r="I96" s="68">
        <v>128</v>
      </c>
      <c r="J96" s="69">
        <v>81</v>
      </c>
      <c r="K96" s="67">
        <v>230</v>
      </c>
      <c r="L96" s="68">
        <v>137</v>
      </c>
      <c r="M96" s="69">
        <v>93</v>
      </c>
    </row>
    <row r="97" spans="1:13">
      <c r="A97" s="27" t="s">
        <v>47</v>
      </c>
      <c r="B97" s="67">
        <v>-152</v>
      </c>
      <c r="C97" s="68">
        <v>-105</v>
      </c>
      <c r="D97" s="69">
        <v>-47</v>
      </c>
      <c r="E97" s="67">
        <v>173</v>
      </c>
      <c r="F97" s="68">
        <v>109</v>
      </c>
      <c r="G97" s="69">
        <v>64</v>
      </c>
      <c r="H97" s="67">
        <v>234</v>
      </c>
      <c r="I97" s="68">
        <v>119</v>
      </c>
      <c r="J97" s="69">
        <v>115</v>
      </c>
      <c r="K97" s="67">
        <v>213</v>
      </c>
      <c r="L97" s="68">
        <v>115</v>
      </c>
      <c r="M97" s="69">
        <v>98</v>
      </c>
    </row>
    <row r="98" spans="1:13">
      <c r="A98" s="27" t="s">
        <v>49</v>
      </c>
      <c r="B98" s="67">
        <v>-171</v>
      </c>
      <c r="C98" s="68">
        <v>-129</v>
      </c>
      <c r="D98" s="69">
        <v>-42</v>
      </c>
      <c r="E98" s="67">
        <v>182</v>
      </c>
      <c r="F98" s="68">
        <v>125</v>
      </c>
      <c r="G98" s="69">
        <v>57</v>
      </c>
      <c r="H98" s="67">
        <v>210</v>
      </c>
      <c r="I98" s="68">
        <v>109</v>
      </c>
      <c r="J98" s="69">
        <v>101</v>
      </c>
      <c r="K98" s="67">
        <v>199</v>
      </c>
      <c r="L98" s="68">
        <v>113</v>
      </c>
      <c r="M98" s="69">
        <v>86</v>
      </c>
    </row>
    <row r="99" spans="1:13" ht="21" customHeight="1">
      <c r="A99" s="38" t="s">
        <v>51</v>
      </c>
      <c r="B99" s="64">
        <v>-1651</v>
      </c>
      <c r="C99" s="65">
        <v>-1112</v>
      </c>
      <c r="D99" s="66">
        <v>-539</v>
      </c>
      <c r="E99" s="64">
        <v>1688</v>
      </c>
      <c r="F99" s="65">
        <v>1138</v>
      </c>
      <c r="G99" s="66">
        <v>550</v>
      </c>
      <c r="H99" s="64">
        <v>1142</v>
      </c>
      <c r="I99" s="65">
        <v>613</v>
      </c>
      <c r="J99" s="66">
        <v>529</v>
      </c>
      <c r="K99" s="64">
        <v>1105</v>
      </c>
      <c r="L99" s="65">
        <v>587</v>
      </c>
      <c r="M99" s="66">
        <v>518</v>
      </c>
    </row>
    <row r="100" spans="1:13">
      <c r="A100" s="27" t="s">
        <v>53</v>
      </c>
      <c r="B100" s="67">
        <v>-253</v>
      </c>
      <c r="C100" s="68">
        <v>-174</v>
      </c>
      <c r="D100" s="69">
        <v>-79</v>
      </c>
      <c r="E100" s="67">
        <v>243</v>
      </c>
      <c r="F100" s="68">
        <v>158</v>
      </c>
      <c r="G100" s="69">
        <v>85</v>
      </c>
      <c r="H100" s="67">
        <v>200</v>
      </c>
      <c r="I100" s="68">
        <v>105</v>
      </c>
      <c r="J100" s="69">
        <v>95</v>
      </c>
      <c r="K100" s="67">
        <v>210</v>
      </c>
      <c r="L100" s="68">
        <v>121</v>
      </c>
      <c r="M100" s="69">
        <v>89</v>
      </c>
    </row>
    <row r="101" spans="1:13">
      <c r="A101" s="27" t="s">
        <v>55</v>
      </c>
      <c r="B101" s="67">
        <v>-271</v>
      </c>
      <c r="C101" s="68">
        <v>-180</v>
      </c>
      <c r="D101" s="69">
        <v>-91</v>
      </c>
      <c r="E101" s="67">
        <v>270</v>
      </c>
      <c r="F101" s="68">
        <v>187</v>
      </c>
      <c r="G101" s="69">
        <v>83</v>
      </c>
      <c r="H101" s="67">
        <v>237</v>
      </c>
      <c r="I101" s="68">
        <v>132</v>
      </c>
      <c r="J101" s="69">
        <v>105</v>
      </c>
      <c r="K101" s="67">
        <v>238</v>
      </c>
      <c r="L101" s="68">
        <v>125</v>
      </c>
      <c r="M101" s="69">
        <v>113</v>
      </c>
    </row>
    <row r="102" spans="1:13">
      <c r="A102" s="27" t="s">
        <v>57</v>
      </c>
      <c r="B102" s="67">
        <v>-319</v>
      </c>
      <c r="C102" s="68">
        <v>-228</v>
      </c>
      <c r="D102" s="69">
        <v>-91</v>
      </c>
      <c r="E102" s="67">
        <v>331</v>
      </c>
      <c r="F102" s="68">
        <v>226</v>
      </c>
      <c r="G102" s="69">
        <v>105</v>
      </c>
      <c r="H102" s="67">
        <v>217</v>
      </c>
      <c r="I102" s="68">
        <v>109</v>
      </c>
      <c r="J102" s="69">
        <v>108</v>
      </c>
      <c r="K102" s="67">
        <v>205</v>
      </c>
      <c r="L102" s="68">
        <v>111</v>
      </c>
      <c r="M102" s="69">
        <v>94</v>
      </c>
    </row>
    <row r="103" spans="1:13">
      <c r="A103" s="27" t="s">
        <v>59</v>
      </c>
      <c r="B103" s="67">
        <v>-395</v>
      </c>
      <c r="C103" s="68">
        <v>-268</v>
      </c>
      <c r="D103" s="69">
        <v>-127</v>
      </c>
      <c r="E103" s="67">
        <v>393</v>
      </c>
      <c r="F103" s="68">
        <v>271</v>
      </c>
      <c r="G103" s="69">
        <v>122</v>
      </c>
      <c r="H103" s="67">
        <v>232</v>
      </c>
      <c r="I103" s="68">
        <v>131</v>
      </c>
      <c r="J103" s="69">
        <v>101</v>
      </c>
      <c r="K103" s="67">
        <v>234</v>
      </c>
      <c r="L103" s="68">
        <v>128</v>
      </c>
      <c r="M103" s="69">
        <v>106</v>
      </c>
    </row>
    <row r="104" spans="1:13">
      <c r="A104" s="27" t="s">
        <v>61</v>
      </c>
      <c r="B104" s="67">
        <v>-413</v>
      </c>
      <c r="C104" s="68">
        <v>-262</v>
      </c>
      <c r="D104" s="69">
        <v>-151</v>
      </c>
      <c r="E104" s="67">
        <v>451</v>
      </c>
      <c r="F104" s="68">
        <v>296</v>
      </c>
      <c r="G104" s="69">
        <v>155</v>
      </c>
      <c r="H104" s="67">
        <v>256</v>
      </c>
      <c r="I104" s="68">
        <v>136</v>
      </c>
      <c r="J104" s="69">
        <v>120</v>
      </c>
      <c r="K104" s="67">
        <v>218</v>
      </c>
      <c r="L104" s="68">
        <v>102</v>
      </c>
      <c r="M104" s="69">
        <v>116</v>
      </c>
    </row>
    <row r="105" spans="1:13" ht="21" customHeight="1">
      <c r="A105" s="38" t="s">
        <v>63</v>
      </c>
      <c r="B105" s="64">
        <v>-1961</v>
      </c>
      <c r="C105" s="65">
        <v>-1287</v>
      </c>
      <c r="D105" s="66">
        <v>-674</v>
      </c>
      <c r="E105" s="64">
        <v>2108</v>
      </c>
      <c r="F105" s="65">
        <v>1362</v>
      </c>
      <c r="G105" s="66">
        <v>746</v>
      </c>
      <c r="H105" s="64">
        <v>922</v>
      </c>
      <c r="I105" s="65">
        <v>426</v>
      </c>
      <c r="J105" s="66">
        <v>496</v>
      </c>
      <c r="K105" s="64">
        <v>775</v>
      </c>
      <c r="L105" s="65">
        <v>351</v>
      </c>
      <c r="M105" s="66">
        <v>424</v>
      </c>
    </row>
    <row r="106" spans="1:13">
      <c r="A106" s="27" t="s">
        <v>65</v>
      </c>
      <c r="B106" s="67">
        <v>-410</v>
      </c>
      <c r="C106" s="68">
        <v>-285</v>
      </c>
      <c r="D106" s="69">
        <v>-125</v>
      </c>
      <c r="E106" s="67">
        <v>435</v>
      </c>
      <c r="F106" s="68">
        <v>293</v>
      </c>
      <c r="G106" s="69">
        <v>142</v>
      </c>
      <c r="H106" s="67">
        <v>231</v>
      </c>
      <c r="I106" s="68">
        <v>109</v>
      </c>
      <c r="J106" s="69">
        <v>122</v>
      </c>
      <c r="K106" s="67">
        <v>206</v>
      </c>
      <c r="L106" s="68">
        <v>101</v>
      </c>
      <c r="M106" s="69">
        <v>105</v>
      </c>
    </row>
    <row r="107" spans="1:13">
      <c r="A107" s="27" t="s">
        <v>67</v>
      </c>
      <c r="B107" s="67">
        <v>-328</v>
      </c>
      <c r="C107" s="68">
        <v>-220</v>
      </c>
      <c r="D107" s="69">
        <v>-108</v>
      </c>
      <c r="E107" s="67">
        <v>327</v>
      </c>
      <c r="F107" s="68">
        <v>224</v>
      </c>
      <c r="G107" s="69">
        <v>103</v>
      </c>
      <c r="H107" s="67">
        <v>148</v>
      </c>
      <c r="I107" s="68">
        <v>80</v>
      </c>
      <c r="J107" s="69">
        <v>68</v>
      </c>
      <c r="K107" s="67">
        <v>149</v>
      </c>
      <c r="L107" s="68">
        <v>76</v>
      </c>
      <c r="M107" s="69">
        <v>73</v>
      </c>
    </row>
    <row r="108" spans="1:13">
      <c r="A108" s="27" t="s">
        <v>69</v>
      </c>
      <c r="B108" s="67">
        <v>-339</v>
      </c>
      <c r="C108" s="68">
        <v>-224</v>
      </c>
      <c r="D108" s="69">
        <v>-115</v>
      </c>
      <c r="E108" s="67">
        <v>361</v>
      </c>
      <c r="F108" s="68">
        <v>241</v>
      </c>
      <c r="G108" s="69">
        <v>120</v>
      </c>
      <c r="H108" s="67">
        <v>155</v>
      </c>
      <c r="I108" s="68">
        <v>77</v>
      </c>
      <c r="J108" s="69">
        <v>78</v>
      </c>
      <c r="K108" s="67">
        <v>133</v>
      </c>
      <c r="L108" s="68">
        <v>60</v>
      </c>
      <c r="M108" s="69">
        <v>73</v>
      </c>
    </row>
    <row r="109" spans="1:13">
      <c r="A109" s="27" t="s">
        <v>71</v>
      </c>
      <c r="B109" s="67">
        <v>-406</v>
      </c>
      <c r="C109" s="68">
        <v>-259</v>
      </c>
      <c r="D109" s="69">
        <v>-147</v>
      </c>
      <c r="E109" s="67">
        <v>434</v>
      </c>
      <c r="F109" s="68">
        <v>263</v>
      </c>
      <c r="G109" s="69">
        <v>171</v>
      </c>
      <c r="H109" s="67">
        <v>177</v>
      </c>
      <c r="I109" s="68">
        <v>61</v>
      </c>
      <c r="J109" s="69">
        <v>116</v>
      </c>
      <c r="K109" s="67">
        <v>149</v>
      </c>
      <c r="L109" s="68">
        <v>57</v>
      </c>
      <c r="M109" s="69">
        <v>92</v>
      </c>
    </row>
    <row r="110" spans="1:13">
      <c r="A110" s="27" t="s">
        <v>73</v>
      </c>
      <c r="B110" s="67">
        <v>-478</v>
      </c>
      <c r="C110" s="68">
        <v>-299</v>
      </c>
      <c r="D110" s="69">
        <v>-179</v>
      </c>
      <c r="E110" s="67">
        <v>551</v>
      </c>
      <c r="F110" s="68">
        <v>341</v>
      </c>
      <c r="G110" s="69">
        <v>210</v>
      </c>
      <c r="H110" s="67">
        <v>211</v>
      </c>
      <c r="I110" s="68">
        <v>99</v>
      </c>
      <c r="J110" s="69">
        <v>112</v>
      </c>
      <c r="K110" s="67">
        <v>138</v>
      </c>
      <c r="L110" s="68">
        <v>57</v>
      </c>
      <c r="M110" s="69">
        <v>81</v>
      </c>
    </row>
    <row r="111" spans="1:13" ht="21" customHeight="1">
      <c r="A111" s="38" t="s">
        <v>75</v>
      </c>
      <c r="B111" s="64">
        <v>-2964</v>
      </c>
      <c r="C111" s="65">
        <v>-1842</v>
      </c>
      <c r="D111" s="66">
        <v>-1122</v>
      </c>
      <c r="E111" s="64">
        <v>3165</v>
      </c>
      <c r="F111" s="65">
        <v>1917</v>
      </c>
      <c r="G111" s="66">
        <v>1248</v>
      </c>
      <c r="H111" s="64">
        <v>878</v>
      </c>
      <c r="I111" s="65">
        <v>321</v>
      </c>
      <c r="J111" s="66">
        <v>557</v>
      </c>
      <c r="K111" s="64">
        <v>677</v>
      </c>
      <c r="L111" s="65">
        <v>246</v>
      </c>
      <c r="M111" s="66">
        <v>431</v>
      </c>
    </row>
    <row r="112" spans="1:13">
      <c r="A112" s="27" t="s">
        <v>77</v>
      </c>
      <c r="B112" s="67">
        <v>-562</v>
      </c>
      <c r="C112" s="68">
        <v>-356</v>
      </c>
      <c r="D112" s="69">
        <v>-206</v>
      </c>
      <c r="E112" s="67">
        <v>600</v>
      </c>
      <c r="F112" s="68">
        <v>367</v>
      </c>
      <c r="G112" s="69">
        <v>233</v>
      </c>
      <c r="H112" s="67">
        <v>196</v>
      </c>
      <c r="I112" s="68">
        <v>63</v>
      </c>
      <c r="J112" s="69">
        <v>133</v>
      </c>
      <c r="K112" s="67">
        <v>158</v>
      </c>
      <c r="L112" s="68">
        <v>52</v>
      </c>
      <c r="M112" s="69">
        <v>106</v>
      </c>
    </row>
    <row r="113" spans="1:13">
      <c r="A113" s="27" t="s">
        <v>79</v>
      </c>
      <c r="B113" s="67">
        <v>-608</v>
      </c>
      <c r="C113" s="68">
        <v>-385</v>
      </c>
      <c r="D113" s="69">
        <v>-223</v>
      </c>
      <c r="E113" s="67">
        <v>668</v>
      </c>
      <c r="F113" s="68">
        <v>412</v>
      </c>
      <c r="G113" s="69">
        <v>256</v>
      </c>
      <c r="H113" s="67">
        <v>214</v>
      </c>
      <c r="I113" s="68">
        <v>87</v>
      </c>
      <c r="J113" s="69">
        <v>127</v>
      </c>
      <c r="K113" s="67">
        <v>154</v>
      </c>
      <c r="L113" s="68">
        <v>60</v>
      </c>
      <c r="M113" s="69">
        <v>94</v>
      </c>
    </row>
    <row r="114" spans="1:13">
      <c r="A114" s="27" t="s">
        <v>81</v>
      </c>
      <c r="B114" s="67">
        <v>-624</v>
      </c>
      <c r="C114" s="68">
        <v>-378</v>
      </c>
      <c r="D114" s="69">
        <v>-246</v>
      </c>
      <c r="E114" s="67">
        <v>651</v>
      </c>
      <c r="F114" s="68">
        <v>386</v>
      </c>
      <c r="G114" s="69">
        <v>265</v>
      </c>
      <c r="H114" s="67">
        <v>175</v>
      </c>
      <c r="I114" s="68">
        <v>66</v>
      </c>
      <c r="J114" s="69">
        <v>109</v>
      </c>
      <c r="K114" s="67">
        <v>148</v>
      </c>
      <c r="L114" s="68">
        <v>58</v>
      </c>
      <c r="M114" s="69">
        <v>90</v>
      </c>
    </row>
    <row r="115" spans="1:13">
      <c r="A115" s="27" t="s">
        <v>83</v>
      </c>
      <c r="B115" s="67">
        <v>-590</v>
      </c>
      <c r="C115" s="68">
        <v>-355</v>
      </c>
      <c r="D115" s="69">
        <v>-235</v>
      </c>
      <c r="E115" s="67">
        <v>630</v>
      </c>
      <c r="F115" s="68">
        <v>371</v>
      </c>
      <c r="G115" s="69">
        <v>259</v>
      </c>
      <c r="H115" s="67">
        <v>148</v>
      </c>
      <c r="I115" s="68">
        <v>52</v>
      </c>
      <c r="J115" s="69">
        <v>96</v>
      </c>
      <c r="K115" s="67">
        <v>108</v>
      </c>
      <c r="L115" s="68">
        <v>36</v>
      </c>
      <c r="M115" s="69">
        <v>72</v>
      </c>
    </row>
    <row r="116" spans="1:13">
      <c r="A116" s="27" t="s">
        <v>85</v>
      </c>
      <c r="B116" s="67">
        <v>-580</v>
      </c>
      <c r="C116" s="68">
        <v>-368</v>
      </c>
      <c r="D116" s="69">
        <v>-212</v>
      </c>
      <c r="E116" s="67">
        <v>616</v>
      </c>
      <c r="F116" s="68">
        <v>381</v>
      </c>
      <c r="G116" s="69">
        <v>235</v>
      </c>
      <c r="H116" s="67">
        <v>145</v>
      </c>
      <c r="I116" s="68">
        <v>53</v>
      </c>
      <c r="J116" s="69">
        <v>92</v>
      </c>
      <c r="K116" s="67">
        <v>109</v>
      </c>
      <c r="L116" s="68">
        <v>40</v>
      </c>
      <c r="M116" s="69">
        <v>69</v>
      </c>
    </row>
    <row r="117" spans="1:13" ht="21" customHeight="1">
      <c r="A117" s="38" t="s">
        <v>87</v>
      </c>
      <c r="B117" s="64">
        <v>-3136</v>
      </c>
      <c r="C117" s="65">
        <v>-1767</v>
      </c>
      <c r="D117" s="66">
        <v>-1369</v>
      </c>
      <c r="E117" s="64">
        <v>3390</v>
      </c>
      <c r="F117" s="65">
        <v>1853</v>
      </c>
      <c r="G117" s="66">
        <v>1537</v>
      </c>
      <c r="H117" s="64">
        <v>775</v>
      </c>
      <c r="I117" s="65">
        <v>256</v>
      </c>
      <c r="J117" s="66">
        <v>519</v>
      </c>
      <c r="K117" s="64">
        <v>521</v>
      </c>
      <c r="L117" s="65">
        <v>170</v>
      </c>
      <c r="M117" s="66">
        <v>351</v>
      </c>
    </row>
    <row r="118" spans="1:13">
      <c r="A118" s="27" t="s">
        <v>89</v>
      </c>
      <c r="B118" s="67">
        <v>-619</v>
      </c>
      <c r="C118" s="68">
        <v>-398</v>
      </c>
      <c r="D118" s="69">
        <v>-221</v>
      </c>
      <c r="E118" s="67">
        <v>692</v>
      </c>
      <c r="F118" s="68">
        <v>420</v>
      </c>
      <c r="G118" s="69">
        <v>272</v>
      </c>
      <c r="H118" s="67">
        <v>192</v>
      </c>
      <c r="I118" s="68">
        <v>65</v>
      </c>
      <c r="J118" s="69">
        <v>127</v>
      </c>
      <c r="K118" s="67">
        <v>119</v>
      </c>
      <c r="L118" s="68">
        <v>43</v>
      </c>
      <c r="M118" s="69">
        <v>76</v>
      </c>
    </row>
    <row r="119" spans="1:13">
      <c r="A119" s="27" t="s">
        <v>91</v>
      </c>
      <c r="B119" s="67">
        <v>-647</v>
      </c>
      <c r="C119" s="68">
        <v>-374</v>
      </c>
      <c r="D119" s="69">
        <v>-273</v>
      </c>
      <c r="E119" s="67">
        <v>716</v>
      </c>
      <c r="F119" s="68">
        <v>403</v>
      </c>
      <c r="G119" s="69">
        <v>313</v>
      </c>
      <c r="H119" s="67">
        <v>179</v>
      </c>
      <c r="I119" s="68">
        <v>67</v>
      </c>
      <c r="J119" s="69">
        <v>112</v>
      </c>
      <c r="K119" s="67">
        <v>110</v>
      </c>
      <c r="L119" s="68">
        <v>38</v>
      </c>
      <c r="M119" s="69">
        <v>72</v>
      </c>
    </row>
    <row r="120" spans="1:13">
      <c r="A120" s="27" t="s">
        <v>93</v>
      </c>
      <c r="B120" s="67">
        <v>-634</v>
      </c>
      <c r="C120" s="68">
        <v>-336</v>
      </c>
      <c r="D120" s="69">
        <v>-298</v>
      </c>
      <c r="E120" s="67">
        <v>660</v>
      </c>
      <c r="F120" s="68">
        <v>349</v>
      </c>
      <c r="G120" s="69">
        <v>311</v>
      </c>
      <c r="H120" s="67">
        <v>137</v>
      </c>
      <c r="I120" s="68">
        <v>47</v>
      </c>
      <c r="J120" s="69">
        <v>90</v>
      </c>
      <c r="K120" s="67">
        <v>111</v>
      </c>
      <c r="L120" s="68">
        <v>34</v>
      </c>
      <c r="M120" s="69">
        <v>77</v>
      </c>
    </row>
    <row r="121" spans="1:13">
      <c r="A121" s="27" t="s">
        <v>95</v>
      </c>
      <c r="B121" s="67">
        <v>-645</v>
      </c>
      <c r="C121" s="68">
        <v>-359</v>
      </c>
      <c r="D121" s="69">
        <v>-286</v>
      </c>
      <c r="E121" s="67">
        <v>676</v>
      </c>
      <c r="F121" s="68">
        <v>368</v>
      </c>
      <c r="G121" s="69">
        <v>308</v>
      </c>
      <c r="H121" s="67">
        <v>124</v>
      </c>
      <c r="I121" s="68">
        <v>37</v>
      </c>
      <c r="J121" s="69">
        <v>87</v>
      </c>
      <c r="K121" s="67">
        <v>93</v>
      </c>
      <c r="L121" s="68">
        <v>28</v>
      </c>
      <c r="M121" s="69">
        <v>65</v>
      </c>
    </row>
    <row r="122" spans="1:13">
      <c r="A122" s="27" t="s">
        <v>97</v>
      </c>
      <c r="B122" s="67">
        <v>-591</v>
      </c>
      <c r="C122" s="68">
        <v>-300</v>
      </c>
      <c r="D122" s="69">
        <v>-291</v>
      </c>
      <c r="E122" s="67">
        <v>646</v>
      </c>
      <c r="F122" s="68">
        <v>313</v>
      </c>
      <c r="G122" s="69">
        <v>333</v>
      </c>
      <c r="H122" s="67">
        <v>143</v>
      </c>
      <c r="I122" s="68">
        <v>40</v>
      </c>
      <c r="J122" s="69">
        <v>103</v>
      </c>
      <c r="K122" s="67">
        <v>88</v>
      </c>
      <c r="L122" s="68">
        <v>27</v>
      </c>
      <c r="M122" s="69">
        <v>61</v>
      </c>
    </row>
    <row r="123" spans="1:13" ht="21" customHeight="1">
      <c r="A123" s="38" t="s">
        <v>99</v>
      </c>
      <c r="B123" s="64">
        <v>-2475</v>
      </c>
      <c r="C123" s="65">
        <v>-1032</v>
      </c>
      <c r="D123" s="66">
        <v>-1443</v>
      </c>
      <c r="E123" s="64">
        <v>2585</v>
      </c>
      <c r="F123" s="65">
        <v>1065</v>
      </c>
      <c r="G123" s="66">
        <v>1520</v>
      </c>
      <c r="H123" s="64">
        <v>370</v>
      </c>
      <c r="I123" s="65">
        <v>111</v>
      </c>
      <c r="J123" s="66">
        <v>259</v>
      </c>
      <c r="K123" s="64">
        <v>260</v>
      </c>
      <c r="L123" s="65">
        <v>78</v>
      </c>
      <c r="M123" s="66">
        <v>182</v>
      </c>
    </row>
    <row r="124" spans="1:13">
      <c r="A124" s="27" t="s">
        <v>101</v>
      </c>
      <c r="B124" s="67">
        <v>-567</v>
      </c>
      <c r="C124" s="68">
        <v>-286</v>
      </c>
      <c r="D124" s="69">
        <v>-281</v>
      </c>
      <c r="E124" s="67">
        <v>609</v>
      </c>
      <c r="F124" s="68">
        <v>302</v>
      </c>
      <c r="G124" s="69">
        <v>307</v>
      </c>
      <c r="H124" s="67">
        <v>106</v>
      </c>
      <c r="I124" s="68">
        <v>35</v>
      </c>
      <c r="J124" s="69">
        <v>71</v>
      </c>
      <c r="K124" s="67">
        <v>64</v>
      </c>
      <c r="L124" s="68">
        <v>19</v>
      </c>
      <c r="M124" s="69">
        <v>45</v>
      </c>
    </row>
    <row r="125" spans="1:13">
      <c r="A125" s="27" t="s">
        <v>103</v>
      </c>
      <c r="B125" s="67">
        <v>-517</v>
      </c>
      <c r="C125" s="68">
        <v>-218</v>
      </c>
      <c r="D125" s="69">
        <v>-299</v>
      </c>
      <c r="E125" s="67">
        <v>548</v>
      </c>
      <c r="F125" s="68">
        <v>232</v>
      </c>
      <c r="G125" s="69">
        <v>316</v>
      </c>
      <c r="H125" s="67">
        <v>92</v>
      </c>
      <c r="I125" s="68">
        <v>28</v>
      </c>
      <c r="J125" s="69">
        <v>64</v>
      </c>
      <c r="K125" s="67">
        <v>61</v>
      </c>
      <c r="L125" s="68">
        <v>14</v>
      </c>
      <c r="M125" s="69">
        <v>47</v>
      </c>
    </row>
    <row r="126" spans="1:13">
      <c r="A126" s="27" t="s">
        <v>105</v>
      </c>
      <c r="B126" s="67">
        <v>-512</v>
      </c>
      <c r="C126" s="68">
        <v>-203</v>
      </c>
      <c r="D126" s="69">
        <v>-309</v>
      </c>
      <c r="E126" s="67">
        <v>545</v>
      </c>
      <c r="F126" s="68">
        <v>213</v>
      </c>
      <c r="G126" s="69">
        <v>332</v>
      </c>
      <c r="H126" s="67">
        <v>85</v>
      </c>
      <c r="I126" s="68">
        <v>23</v>
      </c>
      <c r="J126" s="69">
        <v>62</v>
      </c>
      <c r="K126" s="67">
        <v>52</v>
      </c>
      <c r="L126" s="68">
        <v>13</v>
      </c>
      <c r="M126" s="69">
        <v>39</v>
      </c>
    </row>
    <row r="127" spans="1:13">
      <c r="A127" s="27" t="s">
        <v>107</v>
      </c>
      <c r="B127" s="67">
        <v>-487</v>
      </c>
      <c r="C127" s="68">
        <v>-192</v>
      </c>
      <c r="D127" s="69">
        <v>-295</v>
      </c>
      <c r="E127" s="67">
        <v>488</v>
      </c>
      <c r="F127" s="68">
        <v>184</v>
      </c>
      <c r="G127" s="69">
        <v>304</v>
      </c>
      <c r="H127" s="67">
        <v>43</v>
      </c>
      <c r="I127" s="68">
        <v>12</v>
      </c>
      <c r="J127" s="69">
        <v>31</v>
      </c>
      <c r="K127" s="67">
        <v>42</v>
      </c>
      <c r="L127" s="68">
        <v>20</v>
      </c>
      <c r="M127" s="69">
        <v>22</v>
      </c>
    </row>
    <row r="128" spans="1:13">
      <c r="A128" s="27" t="s">
        <v>109</v>
      </c>
      <c r="B128" s="67">
        <v>-392</v>
      </c>
      <c r="C128" s="68">
        <v>-133</v>
      </c>
      <c r="D128" s="69">
        <v>-259</v>
      </c>
      <c r="E128" s="67">
        <v>395</v>
      </c>
      <c r="F128" s="68">
        <v>134</v>
      </c>
      <c r="G128" s="69">
        <v>261</v>
      </c>
      <c r="H128" s="67">
        <v>44</v>
      </c>
      <c r="I128" s="68">
        <v>13</v>
      </c>
      <c r="J128" s="69">
        <v>31</v>
      </c>
      <c r="K128" s="67">
        <v>41</v>
      </c>
      <c r="L128" s="68">
        <v>12</v>
      </c>
      <c r="M128" s="69">
        <v>29</v>
      </c>
    </row>
    <row r="129" spans="1:13" ht="21" customHeight="1">
      <c r="A129" s="38" t="s">
        <v>111</v>
      </c>
      <c r="B129" s="64">
        <v>-1225</v>
      </c>
      <c r="C129" s="65">
        <v>-342</v>
      </c>
      <c r="D129" s="66">
        <v>-883</v>
      </c>
      <c r="E129" s="64">
        <v>1275</v>
      </c>
      <c r="F129" s="65">
        <v>352</v>
      </c>
      <c r="G129" s="66">
        <v>923</v>
      </c>
      <c r="H129" s="64">
        <v>120</v>
      </c>
      <c r="I129" s="65">
        <v>27</v>
      </c>
      <c r="J129" s="66">
        <v>93</v>
      </c>
      <c r="K129" s="64">
        <v>70</v>
      </c>
      <c r="L129" s="65">
        <v>17</v>
      </c>
      <c r="M129" s="66">
        <v>53</v>
      </c>
    </row>
    <row r="130" spans="1:13">
      <c r="A130" s="27" t="s">
        <v>113</v>
      </c>
      <c r="B130" s="67">
        <v>-332</v>
      </c>
      <c r="C130" s="68">
        <v>-118</v>
      </c>
      <c r="D130" s="69">
        <v>-214</v>
      </c>
      <c r="E130" s="67">
        <v>351</v>
      </c>
      <c r="F130" s="68">
        <v>123</v>
      </c>
      <c r="G130" s="69">
        <v>228</v>
      </c>
      <c r="H130" s="67">
        <v>42</v>
      </c>
      <c r="I130" s="68">
        <v>11</v>
      </c>
      <c r="J130" s="69">
        <v>31</v>
      </c>
      <c r="K130" s="67">
        <v>23</v>
      </c>
      <c r="L130" s="68">
        <v>6</v>
      </c>
      <c r="M130" s="69">
        <v>17</v>
      </c>
    </row>
    <row r="131" spans="1:13">
      <c r="A131" s="27" t="s">
        <v>115</v>
      </c>
      <c r="B131" s="67">
        <v>-308</v>
      </c>
      <c r="C131" s="68">
        <v>-77</v>
      </c>
      <c r="D131" s="69">
        <v>-231</v>
      </c>
      <c r="E131" s="67">
        <v>317</v>
      </c>
      <c r="F131" s="68">
        <v>79</v>
      </c>
      <c r="G131" s="69">
        <v>238</v>
      </c>
      <c r="H131" s="67">
        <v>30</v>
      </c>
      <c r="I131" s="68">
        <v>6</v>
      </c>
      <c r="J131" s="69">
        <v>24</v>
      </c>
      <c r="K131" s="67">
        <v>21</v>
      </c>
      <c r="L131" s="68">
        <v>4</v>
      </c>
      <c r="M131" s="69">
        <v>17</v>
      </c>
    </row>
    <row r="132" spans="1:13">
      <c r="A132" s="27" t="s">
        <v>117</v>
      </c>
      <c r="B132" s="67">
        <v>-256</v>
      </c>
      <c r="C132" s="68">
        <v>-78</v>
      </c>
      <c r="D132" s="69">
        <v>-178</v>
      </c>
      <c r="E132" s="67">
        <v>273</v>
      </c>
      <c r="F132" s="68">
        <v>81</v>
      </c>
      <c r="G132" s="69">
        <v>192</v>
      </c>
      <c r="H132" s="67">
        <v>31</v>
      </c>
      <c r="I132" s="68">
        <v>7</v>
      </c>
      <c r="J132" s="69">
        <v>24</v>
      </c>
      <c r="K132" s="67">
        <v>14</v>
      </c>
      <c r="L132" s="68">
        <v>4</v>
      </c>
      <c r="M132" s="69">
        <v>10</v>
      </c>
    </row>
    <row r="133" spans="1:13">
      <c r="A133" s="27" t="s">
        <v>119</v>
      </c>
      <c r="B133" s="67">
        <v>-176</v>
      </c>
      <c r="C133" s="68">
        <v>-43</v>
      </c>
      <c r="D133" s="69">
        <v>-133</v>
      </c>
      <c r="E133" s="67">
        <v>181</v>
      </c>
      <c r="F133" s="68">
        <v>44</v>
      </c>
      <c r="G133" s="69">
        <v>137</v>
      </c>
      <c r="H133" s="67">
        <v>9</v>
      </c>
      <c r="I133" s="68">
        <v>2</v>
      </c>
      <c r="J133" s="69">
        <v>7</v>
      </c>
      <c r="K133" s="67">
        <v>4</v>
      </c>
      <c r="L133" s="68">
        <v>1</v>
      </c>
      <c r="M133" s="69">
        <v>3</v>
      </c>
    </row>
    <row r="134" spans="1:13">
      <c r="A134" s="27" t="s">
        <v>121</v>
      </c>
      <c r="B134" s="67">
        <v>-153</v>
      </c>
      <c r="C134" s="68">
        <v>-26</v>
      </c>
      <c r="D134" s="69">
        <v>-127</v>
      </c>
      <c r="E134" s="67">
        <v>153</v>
      </c>
      <c r="F134" s="68">
        <v>25</v>
      </c>
      <c r="G134" s="69">
        <v>128</v>
      </c>
      <c r="H134" s="67">
        <v>8</v>
      </c>
      <c r="I134" s="68">
        <v>1</v>
      </c>
      <c r="J134" s="69">
        <v>7</v>
      </c>
      <c r="K134" s="67">
        <v>8</v>
      </c>
      <c r="L134" s="68">
        <v>2</v>
      </c>
      <c r="M134" s="69">
        <v>6</v>
      </c>
    </row>
    <row r="135" spans="1:13" ht="21" customHeight="1">
      <c r="A135" s="39" t="s">
        <v>122</v>
      </c>
      <c r="B135" s="42">
        <v>-327</v>
      </c>
      <c r="C135" s="40">
        <v>-48</v>
      </c>
      <c r="D135" s="43">
        <v>-279</v>
      </c>
      <c r="E135" s="42">
        <v>336</v>
      </c>
      <c r="F135" s="40">
        <v>51</v>
      </c>
      <c r="G135" s="43">
        <v>285</v>
      </c>
      <c r="H135" s="42">
        <v>18</v>
      </c>
      <c r="I135" s="40">
        <v>3</v>
      </c>
      <c r="J135" s="43">
        <v>15</v>
      </c>
      <c r="K135" s="42">
        <v>9</v>
      </c>
      <c r="L135" s="40">
        <v>0</v>
      </c>
      <c r="M135" s="43">
        <v>9</v>
      </c>
    </row>
    <row r="136" spans="1:13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65"/>
      <c r="M136" s="62"/>
    </row>
    <row r="137" spans="1:13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4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4" ht="18" customHeight="1">
      <c r="A2" s="4" t="s">
        <v>124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4" ht="15" customHeight="1">
      <c r="A3" s="22" t="s">
        <v>0</v>
      </c>
      <c r="B3" s="54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4" ht="15" customHeight="1">
      <c r="A4" s="8" t="s">
        <v>141</v>
      </c>
      <c r="B4" s="52" t="s">
        <v>131</v>
      </c>
      <c r="C4" s="10" t="s">
        <v>133</v>
      </c>
      <c r="D4" s="51" t="s">
        <v>135</v>
      </c>
      <c r="E4" s="51" t="s">
        <v>136</v>
      </c>
      <c r="F4" s="51" t="s">
        <v>133</v>
      </c>
      <c r="G4" s="51" t="s">
        <v>135</v>
      </c>
      <c r="H4" s="51" t="s">
        <v>131</v>
      </c>
      <c r="I4" s="51" t="s">
        <v>133</v>
      </c>
      <c r="J4" s="51" t="s">
        <v>135</v>
      </c>
      <c r="K4" s="51" t="s">
        <v>131</v>
      </c>
      <c r="L4" s="51" t="s">
        <v>133</v>
      </c>
      <c r="M4" s="10" t="s">
        <v>135</v>
      </c>
    </row>
    <row r="5" spans="1:14" s="33" customFormat="1" ht="22.5" customHeight="1">
      <c r="A5" s="35" t="s">
        <v>1</v>
      </c>
      <c r="B5" s="65">
        <v>6</v>
      </c>
      <c r="C5" s="65">
        <v>-312</v>
      </c>
      <c r="D5" s="63">
        <v>318</v>
      </c>
      <c r="E5" s="65">
        <v>8055</v>
      </c>
      <c r="F5" s="65">
        <v>4417</v>
      </c>
      <c r="G5" s="63">
        <v>3638</v>
      </c>
      <c r="H5" s="65">
        <v>35573</v>
      </c>
      <c r="I5" s="65">
        <v>18788</v>
      </c>
      <c r="J5" s="63">
        <v>16785</v>
      </c>
      <c r="K5" s="65">
        <v>31769</v>
      </c>
      <c r="L5" s="65">
        <v>16885</v>
      </c>
      <c r="M5" s="63">
        <v>14884</v>
      </c>
    </row>
    <row r="6" spans="1:14" ht="23.25" customHeight="1">
      <c r="A6" s="36" t="s">
        <v>2</v>
      </c>
      <c r="B6" s="65">
        <v>4393</v>
      </c>
      <c r="C6" s="65">
        <v>2258</v>
      </c>
      <c r="D6" s="66">
        <v>2135</v>
      </c>
      <c r="E6" s="65">
        <v>15</v>
      </c>
      <c r="F6" s="65">
        <v>10</v>
      </c>
      <c r="G6" s="66">
        <v>5</v>
      </c>
      <c r="H6" s="65">
        <v>1663</v>
      </c>
      <c r="I6" s="65">
        <v>873</v>
      </c>
      <c r="J6" s="66">
        <v>790</v>
      </c>
      <c r="K6" s="64">
        <v>1512</v>
      </c>
      <c r="L6" s="65">
        <v>807</v>
      </c>
      <c r="M6" s="66">
        <v>705</v>
      </c>
    </row>
    <row r="7" spans="1:14">
      <c r="A7" s="15" t="s">
        <v>4</v>
      </c>
      <c r="B7" s="67">
        <v>4289</v>
      </c>
      <c r="C7" s="68">
        <v>2207</v>
      </c>
      <c r="D7" s="68">
        <v>2082</v>
      </c>
      <c r="E7" s="67">
        <v>10</v>
      </c>
      <c r="F7" s="68">
        <v>8</v>
      </c>
      <c r="G7" s="69">
        <v>2</v>
      </c>
      <c r="H7" s="67">
        <v>273</v>
      </c>
      <c r="I7" s="68">
        <v>136</v>
      </c>
      <c r="J7" s="69">
        <v>137</v>
      </c>
      <c r="K7" s="67">
        <v>231</v>
      </c>
      <c r="L7" s="68">
        <v>123</v>
      </c>
      <c r="M7" s="69">
        <v>108</v>
      </c>
      <c r="N7" s="14"/>
    </row>
    <row r="8" spans="1:14">
      <c r="A8" s="15" t="s">
        <v>6</v>
      </c>
      <c r="B8" s="68">
        <v>57</v>
      </c>
      <c r="C8" s="68">
        <v>45</v>
      </c>
      <c r="D8" s="69">
        <v>12</v>
      </c>
      <c r="E8" s="68">
        <v>2</v>
      </c>
      <c r="F8" s="68">
        <v>0</v>
      </c>
      <c r="G8" s="69">
        <v>2</v>
      </c>
      <c r="H8" s="68">
        <v>467</v>
      </c>
      <c r="I8" s="68">
        <v>267</v>
      </c>
      <c r="J8" s="69">
        <v>200</v>
      </c>
      <c r="K8" s="68">
        <v>408</v>
      </c>
      <c r="L8" s="68">
        <v>222</v>
      </c>
      <c r="M8" s="69">
        <v>186</v>
      </c>
    </row>
    <row r="9" spans="1:14">
      <c r="A9" s="15" t="s">
        <v>8</v>
      </c>
      <c r="B9" s="68">
        <v>25</v>
      </c>
      <c r="C9" s="68">
        <v>-8</v>
      </c>
      <c r="D9" s="69">
        <v>33</v>
      </c>
      <c r="E9" s="68">
        <v>2</v>
      </c>
      <c r="F9" s="68">
        <v>2</v>
      </c>
      <c r="G9" s="69">
        <v>0</v>
      </c>
      <c r="H9" s="68">
        <v>350</v>
      </c>
      <c r="I9" s="68">
        <v>175</v>
      </c>
      <c r="J9" s="69">
        <v>175</v>
      </c>
      <c r="K9" s="68">
        <v>323</v>
      </c>
      <c r="L9" s="68">
        <v>181</v>
      </c>
      <c r="M9" s="69">
        <v>142</v>
      </c>
    </row>
    <row r="10" spans="1:14">
      <c r="A10" s="15" t="s">
        <v>10</v>
      </c>
      <c r="B10" s="68">
        <v>-1</v>
      </c>
      <c r="C10" s="68">
        <v>8</v>
      </c>
      <c r="D10" s="69">
        <v>-9</v>
      </c>
      <c r="E10" s="68">
        <v>0</v>
      </c>
      <c r="F10" s="68">
        <v>0</v>
      </c>
      <c r="G10" s="69">
        <v>0</v>
      </c>
      <c r="H10" s="68">
        <v>320</v>
      </c>
      <c r="I10" s="68">
        <v>162</v>
      </c>
      <c r="J10" s="69">
        <v>158</v>
      </c>
      <c r="K10" s="68">
        <v>321</v>
      </c>
      <c r="L10" s="68">
        <v>154</v>
      </c>
      <c r="M10" s="69">
        <v>167</v>
      </c>
    </row>
    <row r="11" spans="1:14">
      <c r="A11" s="15" t="s">
        <v>12</v>
      </c>
      <c r="B11" s="68">
        <v>23</v>
      </c>
      <c r="C11" s="68">
        <v>6</v>
      </c>
      <c r="D11" s="69">
        <v>17</v>
      </c>
      <c r="E11" s="68">
        <v>1</v>
      </c>
      <c r="F11" s="68">
        <v>0</v>
      </c>
      <c r="G11" s="69">
        <v>1</v>
      </c>
      <c r="H11" s="68">
        <v>253</v>
      </c>
      <c r="I11" s="68">
        <v>133</v>
      </c>
      <c r="J11" s="69">
        <v>120</v>
      </c>
      <c r="K11" s="68">
        <v>229</v>
      </c>
      <c r="L11" s="68">
        <v>127</v>
      </c>
      <c r="M11" s="69">
        <v>102</v>
      </c>
    </row>
    <row r="12" spans="1:14" ht="21" customHeight="1">
      <c r="A12" s="36" t="s">
        <v>14</v>
      </c>
      <c r="B12" s="65">
        <v>65</v>
      </c>
      <c r="C12" s="65">
        <v>8</v>
      </c>
      <c r="D12" s="66">
        <v>57</v>
      </c>
      <c r="E12" s="65">
        <v>4</v>
      </c>
      <c r="F12" s="65">
        <v>2</v>
      </c>
      <c r="G12" s="66">
        <v>2</v>
      </c>
      <c r="H12" s="65">
        <v>773</v>
      </c>
      <c r="I12" s="65">
        <v>379</v>
      </c>
      <c r="J12" s="66">
        <v>394</v>
      </c>
      <c r="K12" s="65">
        <v>704</v>
      </c>
      <c r="L12" s="65">
        <v>369</v>
      </c>
      <c r="M12" s="66">
        <v>335</v>
      </c>
    </row>
    <row r="13" spans="1:14">
      <c r="A13" s="15" t="s">
        <v>16</v>
      </c>
      <c r="B13" s="68">
        <v>11</v>
      </c>
      <c r="C13" s="68">
        <v>-11</v>
      </c>
      <c r="D13" s="69">
        <v>22</v>
      </c>
      <c r="E13" s="68">
        <v>1</v>
      </c>
      <c r="F13" s="68">
        <v>0</v>
      </c>
      <c r="G13" s="69">
        <v>1</v>
      </c>
      <c r="H13" s="68">
        <v>195</v>
      </c>
      <c r="I13" s="68">
        <v>89</v>
      </c>
      <c r="J13" s="69">
        <v>106</v>
      </c>
      <c r="K13" s="68">
        <v>183</v>
      </c>
      <c r="L13" s="68">
        <v>100</v>
      </c>
      <c r="M13" s="69">
        <v>83</v>
      </c>
    </row>
    <row r="14" spans="1:14">
      <c r="A14" s="15" t="s">
        <v>18</v>
      </c>
      <c r="B14" s="68">
        <v>21</v>
      </c>
      <c r="C14" s="68">
        <v>-8</v>
      </c>
      <c r="D14" s="69">
        <v>29</v>
      </c>
      <c r="E14" s="68">
        <v>1</v>
      </c>
      <c r="F14" s="68">
        <v>0</v>
      </c>
      <c r="G14" s="69">
        <v>1</v>
      </c>
      <c r="H14" s="68">
        <v>184</v>
      </c>
      <c r="I14" s="68">
        <v>90</v>
      </c>
      <c r="J14" s="69">
        <v>94</v>
      </c>
      <c r="K14" s="68">
        <v>162</v>
      </c>
      <c r="L14" s="68">
        <v>98</v>
      </c>
      <c r="M14" s="69">
        <v>64</v>
      </c>
    </row>
    <row r="15" spans="1:14">
      <c r="A15" s="15" t="s">
        <v>20</v>
      </c>
      <c r="B15" s="68">
        <v>20</v>
      </c>
      <c r="C15" s="68">
        <v>15</v>
      </c>
      <c r="D15" s="69">
        <v>5</v>
      </c>
      <c r="E15" s="68">
        <v>1</v>
      </c>
      <c r="F15" s="68">
        <v>1</v>
      </c>
      <c r="G15" s="69">
        <v>0</v>
      </c>
      <c r="H15" s="68">
        <v>179</v>
      </c>
      <c r="I15" s="68">
        <v>93</v>
      </c>
      <c r="J15" s="69">
        <v>86</v>
      </c>
      <c r="K15" s="68">
        <v>158</v>
      </c>
      <c r="L15" s="68">
        <v>77</v>
      </c>
      <c r="M15" s="69">
        <v>81</v>
      </c>
    </row>
    <row r="16" spans="1:14">
      <c r="A16" s="15" t="s">
        <v>22</v>
      </c>
      <c r="B16" s="68">
        <v>25</v>
      </c>
      <c r="C16" s="68">
        <v>12</v>
      </c>
      <c r="D16" s="69">
        <v>13</v>
      </c>
      <c r="E16" s="68">
        <v>0</v>
      </c>
      <c r="F16" s="68">
        <v>0</v>
      </c>
      <c r="G16" s="69">
        <v>0</v>
      </c>
      <c r="H16" s="68">
        <v>128</v>
      </c>
      <c r="I16" s="68">
        <v>62</v>
      </c>
      <c r="J16" s="69">
        <v>66</v>
      </c>
      <c r="K16" s="68">
        <v>103</v>
      </c>
      <c r="L16" s="68">
        <v>50</v>
      </c>
      <c r="M16" s="69">
        <v>53</v>
      </c>
    </row>
    <row r="17" spans="1:13">
      <c r="A17" s="15" t="s">
        <v>24</v>
      </c>
      <c r="B17" s="68">
        <v>-12</v>
      </c>
      <c r="C17" s="68">
        <v>0</v>
      </c>
      <c r="D17" s="69">
        <v>-12</v>
      </c>
      <c r="E17" s="68">
        <v>1</v>
      </c>
      <c r="F17" s="68">
        <v>1</v>
      </c>
      <c r="G17" s="69">
        <v>0</v>
      </c>
      <c r="H17" s="68">
        <v>87</v>
      </c>
      <c r="I17" s="68">
        <v>45</v>
      </c>
      <c r="J17" s="69">
        <v>42</v>
      </c>
      <c r="K17" s="68">
        <v>98</v>
      </c>
      <c r="L17" s="68">
        <v>44</v>
      </c>
      <c r="M17" s="69">
        <v>54</v>
      </c>
    </row>
    <row r="18" spans="1:13" ht="21" customHeight="1">
      <c r="A18" s="36" t="s">
        <v>26</v>
      </c>
      <c r="B18" s="65">
        <v>35</v>
      </c>
      <c r="C18" s="65">
        <v>23</v>
      </c>
      <c r="D18" s="66">
        <v>12</v>
      </c>
      <c r="E18" s="65">
        <v>2</v>
      </c>
      <c r="F18" s="65">
        <v>2</v>
      </c>
      <c r="G18" s="66">
        <v>0</v>
      </c>
      <c r="H18" s="65">
        <v>434</v>
      </c>
      <c r="I18" s="65">
        <v>216</v>
      </c>
      <c r="J18" s="66">
        <v>218</v>
      </c>
      <c r="K18" s="65">
        <v>397</v>
      </c>
      <c r="L18" s="65">
        <v>191</v>
      </c>
      <c r="M18" s="66">
        <v>206</v>
      </c>
    </row>
    <row r="19" spans="1:13">
      <c r="A19" s="15" t="s">
        <v>28</v>
      </c>
      <c r="B19" s="68">
        <v>-2</v>
      </c>
      <c r="C19" s="68">
        <v>7</v>
      </c>
      <c r="D19" s="69">
        <v>-9</v>
      </c>
      <c r="E19" s="68">
        <v>0</v>
      </c>
      <c r="F19" s="68">
        <v>0</v>
      </c>
      <c r="G19" s="69">
        <v>0</v>
      </c>
      <c r="H19" s="68">
        <v>93</v>
      </c>
      <c r="I19" s="68">
        <v>46</v>
      </c>
      <c r="J19" s="69">
        <v>47</v>
      </c>
      <c r="K19" s="68">
        <v>95</v>
      </c>
      <c r="L19" s="68">
        <v>39</v>
      </c>
      <c r="M19" s="69">
        <v>56</v>
      </c>
    </row>
    <row r="20" spans="1:13">
      <c r="A20" s="15" t="s">
        <v>30</v>
      </c>
      <c r="B20" s="68">
        <v>14</v>
      </c>
      <c r="C20" s="68">
        <v>7</v>
      </c>
      <c r="D20" s="69">
        <v>7</v>
      </c>
      <c r="E20" s="68">
        <v>1</v>
      </c>
      <c r="F20" s="68">
        <v>1</v>
      </c>
      <c r="G20" s="69">
        <v>0</v>
      </c>
      <c r="H20" s="68">
        <v>81</v>
      </c>
      <c r="I20" s="68">
        <v>43</v>
      </c>
      <c r="J20" s="69">
        <v>38</v>
      </c>
      <c r="K20" s="68">
        <v>66</v>
      </c>
      <c r="L20" s="68">
        <v>35</v>
      </c>
      <c r="M20" s="69">
        <v>31</v>
      </c>
    </row>
    <row r="21" spans="1:13">
      <c r="A21" s="15" t="s">
        <v>32</v>
      </c>
      <c r="B21" s="68">
        <v>10</v>
      </c>
      <c r="C21" s="68">
        <v>9</v>
      </c>
      <c r="D21" s="69">
        <v>1</v>
      </c>
      <c r="E21" s="68">
        <v>0</v>
      </c>
      <c r="F21" s="68">
        <v>0</v>
      </c>
      <c r="G21" s="69">
        <v>0</v>
      </c>
      <c r="H21" s="68">
        <v>84</v>
      </c>
      <c r="I21" s="68">
        <v>44</v>
      </c>
      <c r="J21" s="69">
        <v>40</v>
      </c>
      <c r="K21" s="68">
        <v>74</v>
      </c>
      <c r="L21" s="68">
        <v>35</v>
      </c>
      <c r="M21" s="69">
        <v>39</v>
      </c>
    </row>
    <row r="22" spans="1:13">
      <c r="A22" s="15" t="s">
        <v>34</v>
      </c>
      <c r="B22" s="68">
        <v>1</v>
      </c>
      <c r="C22" s="68">
        <v>-5</v>
      </c>
      <c r="D22" s="69">
        <v>6</v>
      </c>
      <c r="E22" s="68">
        <v>0</v>
      </c>
      <c r="F22" s="68">
        <v>0</v>
      </c>
      <c r="G22" s="69">
        <v>0</v>
      </c>
      <c r="H22" s="68">
        <v>104</v>
      </c>
      <c r="I22" s="68">
        <v>43</v>
      </c>
      <c r="J22" s="69">
        <v>61</v>
      </c>
      <c r="K22" s="68">
        <v>103</v>
      </c>
      <c r="L22" s="68">
        <v>48</v>
      </c>
      <c r="M22" s="69">
        <v>55</v>
      </c>
    </row>
    <row r="23" spans="1:13">
      <c r="A23" s="15" t="s">
        <v>36</v>
      </c>
      <c r="B23" s="68">
        <v>12</v>
      </c>
      <c r="C23" s="68">
        <v>5</v>
      </c>
      <c r="D23" s="69">
        <v>7</v>
      </c>
      <c r="E23" s="68">
        <v>1</v>
      </c>
      <c r="F23" s="68">
        <v>1</v>
      </c>
      <c r="G23" s="69">
        <v>0</v>
      </c>
      <c r="H23" s="68">
        <v>72</v>
      </c>
      <c r="I23" s="68">
        <v>40</v>
      </c>
      <c r="J23" s="69">
        <v>32</v>
      </c>
      <c r="K23" s="68">
        <v>59</v>
      </c>
      <c r="L23" s="68">
        <v>34</v>
      </c>
      <c r="M23" s="69">
        <v>25</v>
      </c>
    </row>
    <row r="24" spans="1:13" ht="21" customHeight="1">
      <c r="A24" s="36" t="s">
        <v>38</v>
      </c>
      <c r="B24" s="65">
        <v>646</v>
      </c>
      <c r="C24" s="65">
        <v>252</v>
      </c>
      <c r="D24" s="66">
        <v>394</v>
      </c>
      <c r="E24" s="65">
        <v>5</v>
      </c>
      <c r="F24" s="65">
        <v>3</v>
      </c>
      <c r="G24" s="66">
        <v>2</v>
      </c>
      <c r="H24" s="65">
        <v>1391</v>
      </c>
      <c r="I24" s="65">
        <v>663</v>
      </c>
      <c r="J24" s="66">
        <v>728</v>
      </c>
      <c r="K24" s="65">
        <v>740</v>
      </c>
      <c r="L24" s="65">
        <v>408</v>
      </c>
      <c r="M24" s="66">
        <v>332</v>
      </c>
    </row>
    <row r="25" spans="1:13">
      <c r="A25" s="15" t="s">
        <v>40</v>
      </c>
      <c r="B25" s="68">
        <v>9</v>
      </c>
      <c r="C25" s="68">
        <v>14</v>
      </c>
      <c r="D25" s="69">
        <v>-5</v>
      </c>
      <c r="E25" s="68">
        <v>1</v>
      </c>
      <c r="F25" s="68">
        <v>1</v>
      </c>
      <c r="G25" s="69">
        <v>0</v>
      </c>
      <c r="H25" s="68">
        <v>89</v>
      </c>
      <c r="I25" s="68">
        <v>56</v>
      </c>
      <c r="J25" s="69">
        <v>33</v>
      </c>
      <c r="K25" s="68">
        <v>79</v>
      </c>
      <c r="L25" s="68">
        <v>41</v>
      </c>
      <c r="M25" s="69">
        <v>38</v>
      </c>
    </row>
    <row r="26" spans="1:13">
      <c r="A26" s="15" t="s">
        <v>42</v>
      </c>
      <c r="B26" s="68">
        <v>-8</v>
      </c>
      <c r="C26" s="68">
        <v>-16</v>
      </c>
      <c r="D26" s="69">
        <v>8</v>
      </c>
      <c r="E26" s="68">
        <v>0</v>
      </c>
      <c r="F26" s="68">
        <v>0</v>
      </c>
      <c r="G26" s="69">
        <v>0</v>
      </c>
      <c r="H26" s="68">
        <v>106</v>
      </c>
      <c r="I26" s="68">
        <v>45</v>
      </c>
      <c r="J26" s="69">
        <v>61</v>
      </c>
      <c r="K26" s="68">
        <v>114</v>
      </c>
      <c r="L26" s="68">
        <v>61</v>
      </c>
      <c r="M26" s="69">
        <v>53</v>
      </c>
    </row>
    <row r="27" spans="1:13">
      <c r="A27" s="15" t="s">
        <v>44</v>
      </c>
      <c r="B27" s="68">
        <v>5</v>
      </c>
      <c r="C27" s="68">
        <v>2</v>
      </c>
      <c r="D27" s="69">
        <v>3</v>
      </c>
      <c r="E27" s="68">
        <v>2</v>
      </c>
      <c r="F27" s="68">
        <v>1</v>
      </c>
      <c r="G27" s="69">
        <v>1</v>
      </c>
      <c r="H27" s="68">
        <v>79</v>
      </c>
      <c r="I27" s="68">
        <v>41</v>
      </c>
      <c r="J27" s="69">
        <v>38</v>
      </c>
      <c r="K27" s="68">
        <v>72</v>
      </c>
      <c r="L27" s="68">
        <v>38</v>
      </c>
      <c r="M27" s="69">
        <v>34</v>
      </c>
    </row>
    <row r="28" spans="1:13">
      <c r="A28" s="15" t="s">
        <v>46</v>
      </c>
      <c r="B28" s="68">
        <v>126</v>
      </c>
      <c r="C28" s="68">
        <v>45</v>
      </c>
      <c r="D28" s="69">
        <v>81</v>
      </c>
      <c r="E28" s="68">
        <v>1</v>
      </c>
      <c r="F28" s="68">
        <v>1</v>
      </c>
      <c r="G28" s="69">
        <v>0</v>
      </c>
      <c r="H28" s="68">
        <v>285</v>
      </c>
      <c r="I28" s="68">
        <v>136</v>
      </c>
      <c r="J28" s="69">
        <v>149</v>
      </c>
      <c r="K28" s="68">
        <v>158</v>
      </c>
      <c r="L28" s="68">
        <v>90</v>
      </c>
      <c r="M28" s="69">
        <v>68</v>
      </c>
    </row>
    <row r="29" spans="1:13">
      <c r="A29" s="15" t="s">
        <v>48</v>
      </c>
      <c r="B29" s="68">
        <v>514</v>
      </c>
      <c r="C29" s="68">
        <v>207</v>
      </c>
      <c r="D29" s="69">
        <v>307</v>
      </c>
      <c r="E29" s="68">
        <v>1</v>
      </c>
      <c r="F29" s="68">
        <v>0</v>
      </c>
      <c r="G29" s="69">
        <v>1</v>
      </c>
      <c r="H29" s="68">
        <v>832</v>
      </c>
      <c r="I29" s="68">
        <v>385</v>
      </c>
      <c r="J29" s="69">
        <v>447</v>
      </c>
      <c r="K29" s="68">
        <v>317</v>
      </c>
      <c r="L29" s="68">
        <v>178</v>
      </c>
      <c r="M29" s="69">
        <v>139</v>
      </c>
    </row>
    <row r="30" spans="1:13" ht="21" customHeight="1">
      <c r="A30" s="36" t="s">
        <v>50</v>
      </c>
      <c r="B30" s="65">
        <v>1132</v>
      </c>
      <c r="C30" s="65">
        <v>603</v>
      </c>
      <c r="D30" s="66">
        <v>529</v>
      </c>
      <c r="E30" s="65">
        <v>13</v>
      </c>
      <c r="F30" s="65">
        <v>8</v>
      </c>
      <c r="G30" s="66">
        <v>5</v>
      </c>
      <c r="H30" s="65">
        <v>6652</v>
      </c>
      <c r="I30" s="65">
        <v>3301</v>
      </c>
      <c r="J30" s="66">
        <v>3351</v>
      </c>
      <c r="K30" s="65">
        <v>5507</v>
      </c>
      <c r="L30" s="65">
        <v>2690</v>
      </c>
      <c r="M30" s="66">
        <v>2817</v>
      </c>
    </row>
    <row r="31" spans="1:13">
      <c r="A31" s="15" t="s">
        <v>52</v>
      </c>
      <c r="B31" s="68">
        <v>315</v>
      </c>
      <c r="C31" s="68">
        <v>171</v>
      </c>
      <c r="D31" s="69">
        <v>144</v>
      </c>
      <c r="E31" s="68">
        <v>5</v>
      </c>
      <c r="F31" s="68">
        <v>3</v>
      </c>
      <c r="G31" s="69">
        <v>2</v>
      </c>
      <c r="H31" s="68">
        <v>767</v>
      </c>
      <c r="I31" s="68">
        <v>378</v>
      </c>
      <c r="J31" s="69">
        <v>389</v>
      </c>
      <c r="K31" s="68">
        <v>447</v>
      </c>
      <c r="L31" s="68">
        <v>204</v>
      </c>
      <c r="M31" s="69">
        <v>243</v>
      </c>
    </row>
    <row r="32" spans="1:13">
      <c r="A32" s="15" t="s">
        <v>54</v>
      </c>
      <c r="B32" s="68">
        <v>368</v>
      </c>
      <c r="C32" s="68">
        <v>172</v>
      </c>
      <c r="D32" s="69">
        <v>196</v>
      </c>
      <c r="E32" s="68">
        <v>0</v>
      </c>
      <c r="F32" s="68">
        <v>0</v>
      </c>
      <c r="G32" s="69">
        <v>0</v>
      </c>
      <c r="H32" s="68">
        <v>1039</v>
      </c>
      <c r="I32" s="68">
        <v>485</v>
      </c>
      <c r="J32" s="69">
        <v>554</v>
      </c>
      <c r="K32" s="68">
        <v>671</v>
      </c>
      <c r="L32" s="68">
        <v>313</v>
      </c>
      <c r="M32" s="69">
        <v>358</v>
      </c>
    </row>
    <row r="33" spans="1:13">
      <c r="A33" s="15" t="s">
        <v>56</v>
      </c>
      <c r="B33" s="68">
        <v>235</v>
      </c>
      <c r="C33" s="68">
        <v>130</v>
      </c>
      <c r="D33" s="69">
        <v>105</v>
      </c>
      <c r="E33" s="68">
        <v>3</v>
      </c>
      <c r="F33" s="68">
        <v>2</v>
      </c>
      <c r="G33" s="69">
        <v>1</v>
      </c>
      <c r="H33" s="68">
        <v>1322</v>
      </c>
      <c r="I33" s="68">
        <v>644</v>
      </c>
      <c r="J33" s="69">
        <v>678</v>
      </c>
      <c r="K33" s="68">
        <v>1084</v>
      </c>
      <c r="L33" s="68">
        <v>512</v>
      </c>
      <c r="M33" s="69">
        <v>572</v>
      </c>
    </row>
    <row r="34" spans="1:13">
      <c r="A34" s="15" t="s">
        <v>58</v>
      </c>
      <c r="B34" s="68">
        <v>214</v>
      </c>
      <c r="C34" s="68">
        <v>111</v>
      </c>
      <c r="D34" s="69">
        <v>103</v>
      </c>
      <c r="E34" s="68">
        <v>3</v>
      </c>
      <c r="F34" s="68">
        <v>3</v>
      </c>
      <c r="G34" s="69">
        <v>0</v>
      </c>
      <c r="H34" s="68">
        <v>1889</v>
      </c>
      <c r="I34" s="68">
        <v>944</v>
      </c>
      <c r="J34" s="69">
        <v>945</v>
      </c>
      <c r="K34" s="68">
        <v>1672</v>
      </c>
      <c r="L34" s="68">
        <v>830</v>
      </c>
      <c r="M34" s="69">
        <v>842</v>
      </c>
    </row>
    <row r="35" spans="1:13">
      <c r="A35" s="15" t="s">
        <v>60</v>
      </c>
      <c r="B35" s="68">
        <v>0</v>
      </c>
      <c r="C35" s="68">
        <v>19</v>
      </c>
      <c r="D35" s="69">
        <v>-19</v>
      </c>
      <c r="E35" s="68">
        <v>2</v>
      </c>
      <c r="F35" s="68">
        <v>0</v>
      </c>
      <c r="G35" s="69">
        <v>2</v>
      </c>
      <c r="H35" s="68">
        <v>1635</v>
      </c>
      <c r="I35" s="68">
        <v>850</v>
      </c>
      <c r="J35" s="69">
        <v>785</v>
      </c>
      <c r="K35" s="68">
        <v>1633</v>
      </c>
      <c r="L35" s="68">
        <v>831</v>
      </c>
      <c r="M35" s="69">
        <v>802</v>
      </c>
    </row>
    <row r="36" spans="1:13" ht="21" customHeight="1">
      <c r="A36" s="36" t="s">
        <v>62</v>
      </c>
      <c r="B36" s="65">
        <v>108</v>
      </c>
      <c r="C36" s="65">
        <v>176</v>
      </c>
      <c r="D36" s="66">
        <v>-68</v>
      </c>
      <c r="E36" s="65">
        <v>15</v>
      </c>
      <c r="F36" s="65">
        <v>8</v>
      </c>
      <c r="G36" s="66">
        <v>7</v>
      </c>
      <c r="H36" s="65">
        <v>7648</v>
      </c>
      <c r="I36" s="65">
        <v>4043</v>
      </c>
      <c r="J36" s="66">
        <v>3605</v>
      </c>
      <c r="K36" s="65">
        <v>7525</v>
      </c>
      <c r="L36" s="65">
        <v>3859</v>
      </c>
      <c r="M36" s="66">
        <v>3666</v>
      </c>
    </row>
    <row r="37" spans="1:13">
      <c r="A37" s="15" t="s">
        <v>64</v>
      </c>
      <c r="B37" s="68">
        <v>36</v>
      </c>
      <c r="C37" s="68">
        <v>49</v>
      </c>
      <c r="D37" s="69">
        <v>-13</v>
      </c>
      <c r="E37" s="68">
        <v>3</v>
      </c>
      <c r="F37" s="68">
        <v>1</v>
      </c>
      <c r="G37" s="69">
        <v>2</v>
      </c>
      <c r="H37" s="68">
        <v>1728</v>
      </c>
      <c r="I37" s="68">
        <v>916</v>
      </c>
      <c r="J37" s="69">
        <v>812</v>
      </c>
      <c r="K37" s="68">
        <v>1689</v>
      </c>
      <c r="L37" s="68">
        <v>866</v>
      </c>
      <c r="M37" s="69">
        <v>823</v>
      </c>
    </row>
    <row r="38" spans="1:13">
      <c r="A38" s="15" t="s">
        <v>66</v>
      </c>
      <c r="B38" s="68">
        <v>15</v>
      </c>
      <c r="C38" s="68">
        <v>49</v>
      </c>
      <c r="D38" s="69">
        <v>-34</v>
      </c>
      <c r="E38" s="68">
        <v>2</v>
      </c>
      <c r="F38" s="68">
        <v>1</v>
      </c>
      <c r="G38" s="69">
        <v>1</v>
      </c>
      <c r="H38" s="68">
        <v>1652</v>
      </c>
      <c r="I38" s="68">
        <v>862</v>
      </c>
      <c r="J38" s="69">
        <v>790</v>
      </c>
      <c r="K38" s="68">
        <v>1635</v>
      </c>
      <c r="L38" s="68">
        <v>812</v>
      </c>
      <c r="M38" s="69">
        <v>823</v>
      </c>
    </row>
    <row r="39" spans="1:13">
      <c r="A39" s="15" t="s">
        <v>68</v>
      </c>
      <c r="B39" s="68">
        <v>6</v>
      </c>
      <c r="C39" s="68">
        <v>20</v>
      </c>
      <c r="D39" s="69">
        <v>-14</v>
      </c>
      <c r="E39" s="68">
        <v>1</v>
      </c>
      <c r="F39" s="68">
        <v>1</v>
      </c>
      <c r="G39" s="69">
        <v>0</v>
      </c>
      <c r="H39" s="68">
        <v>1526</v>
      </c>
      <c r="I39" s="68">
        <v>781</v>
      </c>
      <c r="J39" s="69">
        <v>745</v>
      </c>
      <c r="K39" s="68">
        <v>1519</v>
      </c>
      <c r="L39" s="68">
        <v>760</v>
      </c>
      <c r="M39" s="69">
        <v>759</v>
      </c>
    </row>
    <row r="40" spans="1:13">
      <c r="A40" s="15" t="s">
        <v>70</v>
      </c>
      <c r="B40" s="68">
        <v>-42</v>
      </c>
      <c r="C40" s="68">
        <v>-15</v>
      </c>
      <c r="D40" s="69">
        <v>-27</v>
      </c>
      <c r="E40" s="68">
        <v>4</v>
      </c>
      <c r="F40" s="68">
        <v>2</v>
      </c>
      <c r="G40" s="69">
        <v>2</v>
      </c>
      <c r="H40" s="68">
        <v>1424</v>
      </c>
      <c r="I40" s="68">
        <v>775</v>
      </c>
      <c r="J40" s="69">
        <v>649</v>
      </c>
      <c r="K40" s="68">
        <v>1462</v>
      </c>
      <c r="L40" s="68">
        <v>788</v>
      </c>
      <c r="M40" s="69">
        <v>674</v>
      </c>
    </row>
    <row r="41" spans="1:13">
      <c r="A41" s="15" t="s">
        <v>72</v>
      </c>
      <c r="B41" s="68">
        <v>93</v>
      </c>
      <c r="C41" s="68">
        <v>73</v>
      </c>
      <c r="D41" s="69">
        <v>20</v>
      </c>
      <c r="E41" s="68">
        <v>5</v>
      </c>
      <c r="F41" s="68">
        <v>3</v>
      </c>
      <c r="G41" s="69">
        <v>2</v>
      </c>
      <c r="H41" s="68">
        <v>1318</v>
      </c>
      <c r="I41" s="68">
        <v>709</v>
      </c>
      <c r="J41" s="69">
        <v>609</v>
      </c>
      <c r="K41" s="68">
        <v>1220</v>
      </c>
      <c r="L41" s="68">
        <v>633</v>
      </c>
      <c r="M41" s="69">
        <v>587</v>
      </c>
    </row>
    <row r="42" spans="1:13" ht="21" customHeight="1">
      <c r="A42" s="36" t="s">
        <v>74</v>
      </c>
      <c r="B42" s="65">
        <v>408</v>
      </c>
      <c r="C42" s="65">
        <v>258</v>
      </c>
      <c r="D42" s="66">
        <v>150</v>
      </c>
      <c r="E42" s="65">
        <v>12</v>
      </c>
      <c r="F42" s="65">
        <v>5</v>
      </c>
      <c r="G42" s="66">
        <v>7</v>
      </c>
      <c r="H42" s="65">
        <v>4846</v>
      </c>
      <c r="I42" s="65">
        <v>2692</v>
      </c>
      <c r="J42" s="66">
        <v>2154</v>
      </c>
      <c r="K42" s="65">
        <v>4426</v>
      </c>
      <c r="L42" s="65">
        <v>2429</v>
      </c>
      <c r="M42" s="66">
        <v>1997</v>
      </c>
    </row>
    <row r="43" spans="1:13">
      <c r="A43" s="15" t="s">
        <v>76</v>
      </c>
      <c r="B43" s="68">
        <v>112</v>
      </c>
      <c r="C43" s="68">
        <v>46</v>
      </c>
      <c r="D43" s="69">
        <v>66</v>
      </c>
      <c r="E43" s="68">
        <v>2</v>
      </c>
      <c r="F43" s="68">
        <v>0</v>
      </c>
      <c r="G43" s="69">
        <v>2</v>
      </c>
      <c r="H43" s="68">
        <v>1244</v>
      </c>
      <c r="I43" s="68">
        <v>660</v>
      </c>
      <c r="J43" s="69">
        <v>584</v>
      </c>
      <c r="K43" s="68">
        <v>1130</v>
      </c>
      <c r="L43" s="68">
        <v>614</v>
      </c>
      <c r="M43" s="69">
        <v>516</v>
      </c>
    </row>
    <row r="44" spans="1:13">
      <c r="A44" s="15" t="s">
        <v>78</v>
      </c>
      <c r="B44" s="68">
        <v>143</v>
      </c>
      <c r="C44" s="68">
        <v>52</v>
      </c>
      <c r="D44" s="69">
        <v>91</v>
      </c>
      <c r="E44" s="68">
        <v>2</v>
      </c>
      <c r="F44" s="68">
        <v>2</v>
      </c>
      <c r="G44" s="69">
        <v>0</v>
      </c>
      <c r="H44" s="68">
        <v>1068</v>
      </c>
      <c r="I44" s="68">
        <v>548</v>
      </c>
      <c r="J44" s="69">
        <v>520</v>
      </c>
      <c r="K44" s="68">
        <v>923</v>
      </c>
      <c r="L44" s="68">
        <v>494</v>
      </c>
      <c r="M44" s="69">
        <v>429</v>
      </c>
    </row>
    <row r="45" spans="1:13">
      <c r="A45" s="15" t="s">
        <v>80</v>
      </c>
      <c r="B45" s="68">
        <v>33</v>
      </c>
      <c r="C45" s="68">
        <v>53</v>
      </c>
      <c r="D45" s="69">
        <v>-20</v>
      </c>
      <c r="E45" s="68">
        <v>1</v>
      </c>
      <c r="F45" s="68">
        <v>0</v>
      </c>
      <c r="G45" s="69">
        <v>1</v>
      </c>
      <c r="H45" s="68">
        <v>892</v>
      </c>
      <c r="I45" s="68">
        <v>523</v>
      </c>
      <c r="J45" s="69">
        <v>369</v>
      </c>
      <c r="K45" s="68">
        <v>858</v>
      </c>
      <c r="L45" s="68">
        <v>470</v>
      </c>
      <c r="M45" s="69">
        <v>388</v>
      </c>
    </row>
    <row r="46" spans="1:13">
      <c r="A46" s="15" t="s">
        <v>82</v>
      </c>
      <c r="B46" s="68">
        <v>42</v>
      </c>
      <c r="C46" s="68">
        <v>63</v>
      </c>
      <c r="D46" s="69">
        <v>-21</v>
      </c>
      <c r="E46" s="68">
        <v>3</v>
      </c>
      <c r="F46" s="68">
        <v>1</v>
      </c>
      <c r="G46" s="69">
        <v>2</v>
      </c>
      <c r="H46" s="68">
        <v>853</v>
      </c>
      <c r="I46" s="68">
        <v>518</v>
      </c>
      <c r="J46" s="69">
        <v>335</v>
      </c>
      <c r="K46" s="68">
        <v>808</v>
      </c>
      <c r="L46" s="68">
        <v>454</v>
      </c>
      <c r="M46" s="69">
        <v>354</v>
      </c>
    </row>
    <row r="47" spans="1:13">
      <c r="A47" s="15" t="s">
        <v>84</v>
      </c>
      <c r="B47" s="68">
        <v>78</v>
      </c>
      <c r="C47" s="68">
        <v>44</v>
      </c>
      <c r="D47" s="69">
        <v>34</v>
      </c>
      <c r="E47" s="68">
        <v>4</v>
      </c>
      <c r="F47" s="68">
        <v>2</v>
      </c>
      <c r="G47" s="69">
        <v>2</v>
      </c>
      <c r="H47" s="68">
        <v>789</v>
      </c>
      <c r="I47" s="68">
        <v>443</v>
      </c>
      <c r="J47" s="69">
        <v>346</v>
      </c>
      <c r="K47" s="68">
        <v>707</v>
      </c>
      <c r="L47" s="68">
        <v>397</v>
      </c>
      <c r="M47" s="69">
        <v>310</v>
      </c>
    </row>
    <row r="48" spans="1:13" ht="21" customHeight="1">
      <c r="A48" s="36" t="s">
        <v>86</v>
      </c>
      <c r="B48" s="65">
        <v>146</v>
      </c>
      <c r="C48" s="65">
        <v>37</v>
      </c>
      <c r="D48" s="66">
        <v>109</v>
      </c>
      <c r="E48" s="65">
        <v>22</v>
      </c>
      <c r="F48" s="65">
        <v>16</v>
      </c>
      <c r="G48" s="66">
        <v>6</v>
      </c>
      <c r="H48" s="65">
        <v>2801</v>
      </c>
      <c r="I48" s="65">
        <v>1593</v>
      </c>
      <c r="J48" s="66">
        <v>1208</v>
      </c>
      <c r="K48" s="65">
        <v>2633</v>
      </c>
      <c r="L48" s="65">
        <v>1540</v>
      </c>
      <c r="M48" s="66">
        <v>1093</v>
      </c>
    </row>
    <row r="49" spans="1:13">
      <c r="A49" s="15" t="s">
        <v>88</v>
      </c>
      <c r="B49" s="68">
        <v>66</v>
      </c>
      <c r="C49" s="68">
        <v>21</v>
      </c>
      <c r="D49" s="69">
        <v>45</v>
      </c>
      <c r="E49" s="68">
        <v>3</v>
      </c>
      <c r="F49" s="68">
        <v>2</v>
      </c>
      <c r="G49" s="69">
        <v>1</v>
      </c>
      <c r="H49" s="68">
        <v>644</v>
      </c>
      <c r="I49" s="68">
        <v>364</v>
      </c>
      <c r="J49" s="69">
        <v>280</v>
      </c>
      <c r="K49" s="68">
        <v>575</v>
      </c>
      <c r="L49" s="68">
        <v>341</v>
      </c>
      <c r="M49" s="69">
        <v>234</v>
      </c>
    </row>
    <row r="50" spans="1:13">
      <c r="A50" s="15" t="s">
        <v>90</v>
      </c>
      <c r="B50" s="68">
        <v>21</v>
      </c>
      <c r="C50" s="68">
        <v>19</v>
      </c>
      <c r="D50" s="69">
        <v>2</v>
      </c>
      <c r="E50" s="68">
        <v>3</v>
      </c>
      <c r="F50" s="68">
        <v>2</v>
      </c>
      <c r="G50" s="69">
        <v>1</v>
      </c>
      <c r="H50" s="68">
        <v>605</v>
      </c>
      <c r="I50" s="68">
        <v>348</v>
      </c>
      <c r="J50" s="69">
        <v>257</v>
      </c>
      <c r="K50" s="68">
        <v>581</v>
      </c>
      <c r="L50" s="68">
        <v>327</v>
      </c>
      <c r="M50" s="69">
        <v>254</v>
      </c>
    </row>
    <row r="51" spans="1:13">
      <c r="A51" s="15" t="s">
        <v>92</v>
      </c>
      <c r="B51" s="68">
        <v>40</v>
      </c>
      <c r="C51" s="68">
        <v>2</v>
      </c>
      <c r="D51" s="69">
        <v>38</v>
      </c>
      <c r="E51" s="68">
        <v>3</v>
      </c>
      <c r="F51" s="68">
        <v>3</v>
      </c>
      <c r="G51" s="69">
        <v>0</v>
      </c>
      <c r="H51" s="68">
        <v>586</v>
      </c>
      <c r="I51" s="68">
        <v>331</v>
      </c>
      <c r="J51" s="69">
        <v>255</v>
      </c>
      <c r="K51" s="68">
        <v>543</v>
      </c>
      <c r="L51" s="68">
        <v>326</v>
      </c>
      <c r="M51" s="69">
        <v>217</v>
      </c>
    </row>
    <row r="52" spans="1:13">
      <c r="A52" s="15" t="s">
        <v>94</v>
      </c>
      <c r="B52" s="68">
        <v>6</v>
      </c>
      <c r="C52" s="68">
        <v>-4</v>
      </c>
      <c r="D52" s="69">
        <v>10</v>
      </c>
      <c r="E52" s="68">
        <v>9</v>
      </c>
      <c r="F52" s="68">
        <v>6</v>
      </c>
      <c r="G52" s="69">
        <v>3</v>
      </c>
      <c r="H52" s="68">
        <v>505</v>
      </c>
      <c r="I52" s="68">
        <v>299</v>
      </c>
      <c r="J52" s="69">
        <v>206</v>
      </c>
      <c r="K52" s="68">
        <v>490</v>
      </c>
      <c r="L52" s="68">
        <v>297</v>
      </c>
      <c r="M52" s="69">
        <v>193</v>
      </c>
    </row>
    <row r="53" spans="1:13">
      <c r="A53" s="15" t="s">
        <v>96</v>
      </c>
      <c r="B53" s="68">
        <v>13</v>
      </c>
      <c r="C53" s="68">
        <v>-1</v>
      </c>
      <c r="D53" s="69">
        <v>14</v>
      </c>
      <c r="E53" s="68">
        <v>4</v>
      </c>
      <c r="F53" s="68">
        <v>3</v>
      </c>
      <c r="G53" s="69">
        <v>1</v>
      </c>
      <c r="H53" s="68">
        <v>461</v>
      </c>
      <c r="I53" s="68">
        <v>251</v>
      </c>
      <c r="J53" s="69">
        <v>210</v>
      </c>
      <c r="K53" s="68">
        <v>444</v>
      </c>
      <c r="L53" s="68">
        <v>249</v>
      </c>
      <c r="M53" s="69">
        <v>195</v>
      </c>
    </row>
    <row r="54" spans="1:13" ht="21" customHeight="1">
      <c r="A54" s="36" t="s">
        <v>98</v>
      </c>
      <c r="B54" s="65">
        <v>137</v>
      </c>
      <c r="C54" s="65">
        <v>89</v>
      </c>
      <c r="D54" s="66">
        <v>48</v>
      </c>
      <c r="E54" s="65">
        <v>41</v>
      </c>
      <c r="F54" s="65">
        <v>25</v>
      </c>
      <c r="G54" s="66">
        <v>16</v>
      </c>
      <c r="H54" s="65">
        <v>1960</v>
      </c>
      <c r="I54" s="65">
        <v>1155</v>
      </c>
      <c r="J54" s="66">
        <v>805</v>
      </c>
      <c r="K54" s="65">
        <v>1782</v>
      </c>
      <c r="L54" s="65">
        <v>1041</v>
      </c>
      <c r="M54" s="66">
        <v>741</v>
      </c>
    </row>
    <row r="55" spans="1:13">
      <c r="A55" s="15" t="s">
        <v>100</v>
      </c>
      <c r="B55" s="68">
        <v>4</v>
      </c>
      <c r="C55" s="68">
        <v>21</v>
      </c>
      <c r="D55" s="69">
        <v>-17</v>
      </c>
      <c r="E55" s="68">
        <v>7</v>
      </c>
      <c r="F55" s="68">
        <v>4</v>
      </c>
      <c r="G55" s="69">
        <v>3</v>
      </c>
      <c r="H55" s="68">
        <v>435</v>
      </c>
      <c r="I55" s="68">
        <v>260</v>
      </c>
      <c r="J55" s="69">
        <v>175</v>
      </c>
      <c r="K55" s="68">
        <v>424</v>
      </c>
      <c r="L55" s="68">
        <v>235</v>
      </c>
      <c r="M55" s="69">
        <v>189</v>
      </c>
    </row>
    <row r="56" spans="1:13">
      <c r="A56" s="15" t="s">
        <v>102</v>
      </c>
      <c r="B56" s="68">
        <v>47</v>
      </c>
      <c r="C56" s="68">
        <v>21</v>
      </c>
      <c r="D56" s="69">
        <v>26</v>
      </c>
      <c r="E56" s="68">
        <v>10</v>
      </c>
      <c r="F56" s="68">
        <v>6</v>
      </c>
      <c r="G56" s="69">
        <v>4</v>
      </c>
      <c r="H56" s="68">
        <v>425</v>
      </c>
      <c r="I56" s="68">
        <v>258</v>
      </c>
      <c r="J56" s="69">
        <v>167</v>
      </c>
      <c r="K56" s="68">
        <v>368</v>
      </c>
      <c r="L56" s="68">
        <v>231</v>
      </c>
      <c r="M56" s="69">
        <v>137</v>
      </c>
    </row>
    <row r="57" spans="1:13">
      <c r="A57" s="15" t="s">
        <v>104</v>
      </c>
      <c r="B57" s="68">
        <v>19</v>
      </c>
      <c r="C57" s="68">
        <v>10</v>
      </c>
      <c r="D57" s="69">
        <v>9</v>
      </c>
      <c r="E57" s="68">
        <v>7</v>
      </c>
      <c r="F57" s="68">
        <v>4</v>
      </c>
      <c r="G57" s="69">
        <v>3</v>
      </c>
      <c r="H57" s="68">
        <v>372</v>
      </c>
      <c r="I57" s="68">
        <v>216</v>
      </c>
      <c r="J57" s="69">
        <v>156</v>
      </c>
      <c r="K57" s="68">
        <v>346</v>
      </c>
      <c r="L57" s="68">
        <v>202</v>
      </c>
      <c r="M57" s="69">
        <v>144</v>
      </c>
    </row>
    <row r="58" spans="1:13">
      <c r="A58" s="15" t="s">
        <v>106</v>
      </c>
      <c r="B58" s="68">
        <v>4</v>
      </c>
      <c r="C58" s="68">
        <v>8</v>
      </c>
      <c r="D58" s="69">
        <v>-4</v>
      </c>
      <c r="E58" s="68">
        <v>7</v>
      </c>
      <c r="F58" s="68">
        <v>5</v>
      </c>
      <c r="G58" s="69">
        <v>2</v>
      </c>
      <c r="H58" s="68">
        <v>368</v>
      </c>
      <c r="I58" s="68">
        <v>214</v>
      </c>
      <c r="J58" s="69">
        <v>154</v>
      </c>
      <c r="K58" s="68">
        <v>357</v>
      </c>
      <c r="L58" s="68">
        <v>201</v>
      </c>
      <c r="M58" s="69">
        <v>156</v>
      </c>
    </row>
    <row r="59" spans="1:13">
      <c r="A59" s="15" t="s">
        <v>108</v>
      </c>
      <c r="B59" s="68">
        <v>63</v>
      </c>
      <c r="C59" s="68">
        <v>29</v>
      </c>
      <c r="D59" s="69">
        <v>34</v>
      </c>
      <c r="E59" s="68">
        <v>10</v>
      </c>
      <c r="F59" s="68">
        <v>6</v>
      </c>
      <c r="G59" s="69">
        <v>4</v>
      </c>
      <c r="H59" s="68">
        <v>360</v>
      </c>
      <c r="I59" s="68">
        <v>207</v>
      </c>
      <c r="J59" s="69">
        <v>153</v>
      </c>
      <c r="K59" s="68">
        <v>287</v>
      </c>
      <c r="L59" s="68">
        <v>172</v>
      </c>
      <c r="M59" s="69">
        <v>115</v>
      </c>
    </row>
    <row r="60" spans="1:13" ht="21" customHeight="1">
      <c r="A60" s="36" t="s">
        <v>110</v>
      </c>
      <c r="B60" s="65">
        <v>41</v>
      </c>
      <c r="C60" s="65">
        <v>34</v>
      </c>
      <c r="D60" s="66">
        <v>7</v>
      </c>
      <c r="E60" s="65">
        <v>85</v>
      </c>
      <c r="F60" s="65">
        <v>53</v>
      </c>
      <c r="G60" s="66">
        <v>32</v>
      </c>
      <c r="H60" s="65">
        <v>1655</v>
      </c>
      <c r="I60" s="65">
        <v>961</v>
      </c>
      <c r="J60" s="66">
        <v>694</v>
      </c>
      <c r="K60" s="65">
        <v>1529</v>
      </c>
      <c r="L60" s="65">
        <v>874</v>
      </c>
      <c r="M60" s="66">
        <v>655</v>
      </c>
    </row>
    <row r="61" spans="1:13">
      <c r="A61" s="15" t="s">
        <v>112</v>
      </c>
      <c r="B61" s="68">
        <v>7</v>
      </c>
      <c r="C61" s="68">
        <v>15</v>
      </c>
      <c r="D61" s="69">
        <v>-8</v>
      </c>
      <c r="E61" s="68">
        <v>11</v>
      </c>
      <c r="F61" s="68">
        <v>7</v>
      </c>
      <c r="G61" s="69">
        <v>4</v>
      </c>
      <c r="H61" s="68">
        <v>320</v>
      </c>
      <c r="I61" s="68">
        <v>191</v>
      </c>
      <c r="J61" s="69">
        <v>129</v>
      </c>
      <c r="K61" s="68">
        <v>302</v>
      </c>
      <c r="L61" s="68">
        <v>169</v>
      </c>
      <c r="M61" s="69">
        <v>133</v>
      </c>
    </row>
    <row r="62" spans="1:13">
      <c r="A62" s="15" t="s">
        <v>114</v>
      </c>
      <c r="B62" s="68">
        <v>24</v>
      </c>
      <c r="C62" s="68">
        <v>32</v>
      </c>
      <c r="D62" s="69">
        <v>-8</v>
      </c>
      <c r="E62" s="68">
        <v>14</v>
      </c>
      <c r="F62" s="68">
        <v>7</v>
      </c>
      <c r="G62" s="69">
        <v>7</v>
      </c>
      <c r="H62" s="68">
        <v>328</v>
      </c>
      <c r="I62" s="68">
        <v>198</v>
      </c>
      <c r="J62" s="69">
        <v>130</v>
      </c>
      <c r="K62" s="68">
        <v>290</v>
      </c>
      <c r="L62" s="68">
        <v>159</v>
      </c>
      <c r="M62" s="69">
        <v>131</v>
      </c>
    </row>
    <row r="63" spans="1:13">
      <c r="A63" s="15" t="s">
        <v>116</v>
      </c>
      <c r="B63" s="68">
        <v>12</v>
      </c>
      <c r="C63" s="68">
        <v>-18</v>
      </c>
      <c r="D63" s="69">
        <v>30</v>
      </c>
      <c r="E63" s="68">
        <v>18</v>
      </c>
      <c r="F63" s="68">
        <v>14</v>
      </c>
      <c r="G63" s="69">
        <v>4</v>
      </c>
      <c r="H63" s="68">
        <v>360</v>
      </c>
      <c r="I63" s="68">
        <v>204</v>
      </c>
      <c r="J63" s="69">
        <v>156</v>
      </c>
      <c r="K63" s="68">
        <v>330</v>
      </c>
      <c r="L63" s="68">
        <v>208</v>
      </c>
      <c r="M63" s="69">
        <v>122</v>
      </c>
    </row>
    <row r="64" spans="1:13">
      <c r="A64" s="15" t="s">
        <v>118</v>
      </c>
      <c r="B64" s="68">
        <v>47</v>
      </c>
      <c r="C64" s="68">
        <v>14</v>
      </c>
      <c r="D64" s="69">
        <v>33</v>
      </c>
      <c r="E64" s="68">
        <v>17</v>
      </c>
      <c r="F64" s="68">
        <v>12</v>
      </c>
      <c r="G64" s="69">
        <v>5</v>
      </c>
      <c r="H64" s="68">
        <v>346</v>
      </c>
      <c r="I64" s="68">
        <v>192</v>
      </c>
      <c r="J64" s="69">
        <v>154</v>
      </c>
      <c r="K64" s="68">
        <v>282</v>
      </c>
      <c r="L64" s="68">
        <v>166</v>
      </c>
      <c r="M64" s="69">
        <v>116</v>
      </c>
    </row>
    <row r="65" spans="1:13">
      <c r="A65" s="19" t="s">
        <v>120</v>
      </c>
      <c r="B65" s="71">
        <v>-49</v>
      </c>
      <c r="C65" s="71">
        <v>-9</v>
      </c>
      <c r="D65" s="72">
        <v>-40</v>
      </c>
      <c r="E65" s="71">
        <v>25</v>
      </c>
      <c r="F65" s="71">
        <v>13</v>
      </c>
      <c r="G65" s="72">
        <v>12</v>
      </c>
      <c r="H65" s="71">
        <v>301</v>
      </c>
      <c r="I65" s="71">
        <v>176</v>
      </c>
      <c r="J65" s="72">
        <v>125</v>
      </c>
      <c r="K65" s="71">
        <v>325</v>
      </c>
      <c r="L65" s="71">
        <v>172</v>
      </c>
      <c r="M65" s="72">
        <v>153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51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45" t="s">
        <v>1</v>
      </c>
      <c r="B69" s="40">
        <v>4257</v>
      </c>
      <c r="C69" s="40">
        <v>2202</v>
      </c>
      <c r="D69" s="74">
        <v>205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60" t="s">
        <v>139</v>
      </c>
      <c r="B70" s="60"/>
      <c r="C70" s="60"/>
      <c r="D70" s="60"/>
      <c r="E70" s="60"/>
      <c r="F70" s="60"/>
      <c r="G70" s="60"/>
      <c r="H70" s="60"/>
      <c r="I70" s="60"/>
      <c r="J70" s="60"/>
      <c r="K70" s="60"/>
      <c r="L70" s="60"/>
      <c r="M70" s="60"/>
    </row>
    <row r="71" spans="1:13" ht="18" customHeight="1">
      <c r="A71" s="4" t="s">
        <v>124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4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29"/>
      <c r="B74" s="58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6" t="s">
        <v>3</v>
      </c>
      <c r="B75" s="65">
        <v>-97</v>
      </c>
      <c r="C75" s="65">
        <v>-75</v>
      </c>
      <c r="D75" s="66">
        <v>-22</v>
      </c>
      <c r="E75" s="65">
        <v>146</v>
      </c>
      <c r="F75" s="65">
        <v>99</v>
      </c>
      <c r="G75" s="66">
        <v>47</v>
      </c>
      <c r="H75" s="65">
        <v>1395</v>
      </c>
      <c r="I75" s="65">
        <v>764</v>
      </c>
      <c r="J75" s="66">
        <v>631</v>
      </c>
      <c r="K75" s="65">
        <v>1346</v>
      </c>
      <c r="L75" s="65">
        <v>740</v>
      </c>
      <c r="M75" s="66">
        <v>606</v>
      </c>
    </row>
    <row r="76" spans="1:13">
      <c r="A76" s="15" t="s">
        <v>5</v>
      </c>
      <c r="B76" s="68">
        <v>5</v>
      </c>
      <c r="C76" s="68">
        <v>4</v>
      </c>
      <c r="D76" s="69">
        <v>1</v>
      </c>
      <c r="E76" s="68">
        <v>25</v>
      </c>
      <c r="F76" s="68">
        <v>16</v>
      </c>
      <c r="G76" s="69">
        <v>9</v>
      </c>
      <c r="H76" s="68">
        <v>307</v>
      </c>
      <c r="I76" s="68">
        <v>177</v>
      </c>
      <c r="J76" s="69">
        <v>130</v>
      </c>
      <c r="K76" s="68">
        <v>277</v>
      </c>
      <c r="L76" s="68">
        <v>157</v>
      </c>
      <c r="M76" s="69">
        <v>120</v>
      </c>
    </row>
    <row r="77" spans="1:13">
      <c r="A77" s="15" t="s">
        <v>7</v>
      </c>
      <c r="B77" s="68">
        <v>-31</v>
      </c>
      <c r="C77" s="68">
        <v>-11</v>
      </c>
      <c r="D77" s="69">
        <v>-20</v>
      </c>
      <c r="E77" s="68">
        <v>27</v>
      </c>
      <c r="F77" s="68">
        <v>17</v>
      </c>
      <c r="G77" s="69">
        <v>10</v>
      </c>
      <c r="H77" s="68">
        <v>312</v>
      </c>
      <c r="I77" s="68">
        <v>174</v>
      </c>
      <c r="J77" s="69">
        <v>138</v>
      </c>
      <c r="K77" s="68">
        <v>316</v>
      </c>
      <c r="L77" s="68">
        <v>168</v>
      </c>
      <c r="M77" s="69">
        <v>148</v>
      </c>
    </row>
    <row r="78" spans="1:13">
      <c r="A78" s="15" t="s">
        <v>9</v>
      </c>
      <c r="B78" s="68">
        <v>-10</v>
      </c>
      <c r="C78" s="68">
        <v>-23</v>
      </c>
      <c r="D78" s="69">
        <v>13</v>
      </c>
      <c r="E78" s="68">
        <v>25</v>
      </c>
      <c r="F78" s="68">
        <v>17</v>
      </c>
      <c r="G78" s="69">
        <v>8</v>
      </c>
      <c r="H78" s="68">
        <v>282</v>
      </c>
      <c r="I78" s="68">
        <v>146</v>
      </c>
      <c r="J78" s="69">
        <v>136</v>
      </c>
      <c r="K78" s="68">
        <v>267</v>
      </c>
      <c r="L78" s="68">
        <v>152</v>
      </c>
      <c r="M78" s="69">
        <v>115</v>
      </c>
    </row>
    <row r="79" spans="1:13">
      <c r="A79" s="15" t="s">
        <v>11</v>
      </c>
      <c r="B79" s="68">
        <v>-23</v>
      </c>
      <c r="C79" s="68">
        <v>-20</v>
      </c>
      <c r="D79" s="69">
        <v>-3</v>
      </c>
      <c r="E79" s="68">
        <v>36</v>
      </c>
      <c r="F79" s="68">
        <v>27</v>
      </c>
      <c r="G79" s="69">
        <v>9</v>
      </c>
      <c r="H79" s="68">
        <v>263</v>
      </c>
      <c r="I79" s="68">
        <v>138</v>
      </c>
      <c r="J79" s="69">
        <v>125</v>
      </c>
      <c r="K79" s="68">
        <v>250</v>
      </c>
      <c r="L79" s="68">
        <v>131</v>
      </c>
      <c r="M79" s="69">
        <v>119</v>
      </c>
    </row>
    <row r="80" spans="1:13">
      <c r="A80" s="15" t="s">
        <v>13</v>
      </c>
      <c r="B80" s="68">
        <v>-38</v>
      </c>
      <c r="C80" s="68">
        <v>-25</v>
      </c>
      <c r="D80" s="69">
        <v>-13</v>
      </c>
      <c r="E80" s="68">
        <v>33</v>
      </c>
      <c r="F80" s="68">
        <v>22</v>
      </c>
      <c r="G80" s="69">
        <v>11</v>
      </c>
      <c r="H80" s="68">
        <v>231</v>
      </c>
      <c r="I80" s="68">
        <v>129</v>
      </c>
      <c r="J80" s="69">
        <v>102</v>
      </c>
      <c r="K80" s="68">
        <v>236</v>
      </c>
      <c r="L80" s="68">
        <v>132</v>
      </c>
      <c r="M80" s="69">
        <v>104</v>
      </c>
    </row>
    <row r="81" spans="1:13" ht="21" customHeight="1">
      <c r="A81" s="36" t="s">
        <v>15</v>
      </c>
      <c r="B81" s="65">
        <v>-144</v>
      </c>
      <c r="C81" s="65">
        <v>-118</v>
      </c>
      <c r="D81" s="66">
        <v>-26</v>
      </c>
      <c r="E81" s="65">
        <v>189</v>
      </c>
      <c r="F81" s="65">
        <v>130</v>
      </c>
      <c r="G81" s="66">
        <v>59</v>
      </c>
      <c r="H81" s="65">
        <v>954</v>
      </c>
      <c r="I81" s="65">
        <v>545</v>
      </c>
      <c r="J81" s="66">
        <v>409</v>
      </c>
      <c r="K81" s="65">
        <v>909</v>
      </c>
      <c r="L81" s="65">
        <v>533</v>
      </c>
      <c r="M81" s="66">
        <v>376</v>
      </c>
    </row>
    <row r="82" spans="1:13">
      <c r="A82" s="15" t="s">
        <v>17</v>
      </c>
      <c r="B82" s="68">
        <v>-28</v>
      </c>
      <c r="C82" s="68">
        <v>-41</v>
      </c>
      <c r="D82" s="69">
        <v>13</v>
      </c>
      <c r="E82" s="68">
        <v>41</v>
      </c>
      <c r="F82" s="68">
        <v>26</v>
      </c>
      <c r="G82" s="69">
        <v>15</v>
      </c>
      <c r="H82" s="68">
        <v>244</v>
      </c>
      <c r="I82" s="68">
        <v>139</v>
      </c>
      <c r="J82" s="69">
        <v>105</v>
      </c>
      <c r="K82" s="68">
        <v>231</v>
      </c>
      <c r="L82" s="68">
        <v>154</v>
      </c>
      <c r="M82" s="69">
        <v>77</v>
      </c>
    </row>
    <row r="83" spans="1:13">
      <c r="A83" s="15" t="s">
        <v>19</v>
      </c>
      <c r="B83" s="68">
        <v>-25</v>
      </c>
      <c r="C83" s="68">
        <v>-19</v>
      </c>
      <c r="D83" s="69">
        <v>-6</v>
      </c>
      <c r="E83" s="68">
        <v>29</v>
      </c>
      <c r="F83" s="68">
        <v>21</v>
      </c>
      <c r="G83" s="69">
        <v>8</v>
      </c>
      <c r="H83" s="68">
        <v>179</v>
      </c>
      <c r="I83" s="68">
        <v>97</v>
      </c>
      <c r="J83" s="69">
        <v>82</v>
      </c>
      <c r="K83" s="68">
        <v>175</v>
      </c>
      <c r="L83" s="68">
        <v>95</v>
      </c>
      <c r="M83" s="69">
        <v>80</v>
      </c>
    </row>
    <row r="84" spans="1:13">
      <c r="A84" s="15" t="s">
        <v>21</v>
      </c>
      <c r="B84" s="68">
        <v>-23</v>
      </c>
      <c r="C84" s="68">
        <v>-20</v>
      </c>
      <c r="D84" s="69">
        <v>-3</v>
      </c>
      <c r="E84" s="68">
        <v>42</v>
      </c>
      <c r="F84" s="68">
        <v>30</v>
      </c>
      <c r="G84" s="69">
        <v>12</v>
      </c>
      <c r="H84" s="68">
        <v>192</v>
      </c>
      <c r="I84" s="68">
        <v>110</v>
      </c>
      <c r="J84" s="69">
        <v>82</v>
      </c>
      <c r="K84" s="68">
        <v>173</v>
      </c>
      <c r="L84" s="68">
        <v>100</v>
      </c>
      <c r="M84" s="69">
        <v>73</v>
      </c>
    </row>
    <row r="85" spans="1:13">
      <c r="A85" s="15" t="s">
        <v>23</v>
      </c>
      <c r="B85" s="68">
        <v>-34</v>
      </c>
      <c r="C85" s="68">
        <v>-7</v>
      </c>
      <c r="D85" s="69">
        <v>-27</v>
      </c>
      <c r="E85" s="68">
        <v>39</v>
      </c>
      <c r="F85" s="68">
        <v>27</v>
      </c>
      <c r="G85" s="69">
        <v>12</v>
      </c>
      <c r="H85" s="68">
        <v>179</v>
      </c>
      <c r="I85" s="68">
        <v>108</v>
      </c>
      <c r="J85" s="69">
        <v>71</v>
      </c>
      <c r="K85" s="68">
        <v>174</v>
      </c>
      <c r="L85" s="68">
        <v>88</v>
      </c>
      <c r="M85" s="69">
        <v>86</v>
      </c>
    </row>
    <row r="86" spans="1:13">
      <c r="A86" s="15" t="s">
        <v>25</v>
      </c>
      <c r="B86" s="68">
        <v>-34</v>
      </c>
      <c r="C86" s="68">
        <v>-31</v>
      </c>
      <c r="D86" s="69">
        <v>-3</v>
      </c>
      <c r="E86" s="68">
        <v>38</v>
      </c>
      <c r="F86" s="68">
        <v>26</v>
      </c>
      <c r="G86" s="69">
        <v>12</v>
      </c>
      <c r="H86" s="68">
        <v>160</v>
      </c>
      <c r="I86" s="68">
        <v>91</v>
      </c>
      <c r="J86" s="69">
        <v>69</v>
      </c>
      <c r="K86" s="68">
        <v>156</v>
      </c>
      <c r="L86" s="68">
        <v>96</v>
      </c>
      <c r="M86" s="69">
        <v>60</v>
      </c>
    </row>
    <row r="87" spans="1:13" ht="21" customHeight="1">
      <c r="A87" s="36" t="s">
        <v>27</v>
      </c>
      <c r="B87" s="65">
        <v>-212</v>
      </c>
      <c r="C87" s="65">
        <v>-195</v>
      </c>
      <c r="D87" s="66">
        <v>-17</v>
      </c>
      <c r="E87" s="65">
        <v>245</v>
      </c>
      <c r="F87" s="65">
        <v>183</v>
      </c>
      <c r="G87" s="66">
        <v>62</v>
      </c>
      <c r="H87" s="65">
        <v>741</v>
      </c>
      <c r="I87" s="65">
        <v>421</v>
      </c>
      <c r="J87" s="66">
        <v>320</v>
      </c>
      <c r="K87" s="65">
        <v>708</v>
      </c>
      <c r="L87" s="65">
        <v>433</v>
      </c>
      <c r="M87" s="66">
        <v>275</v>
      </c>
    </row>
    <row r="88" spans="1:13">
      <c r="A88" s="15" t="s">
        <v>29</v>
      </c>
      <c r="B88" s="68">
        <v>-41</v>
      </c>
      <c r="C88" s="68">
        <v>-43</v>
      </c>
      <c r="D88" s="69">
        <v>2</v>
      </c>
      <c r="E88" s="68">
        <v>54</v>
      </c>
      <c r="F88" s="68">
        <v>40</v>
      </c>
      <c r="G88" s="69">
        <v>14</v>
      </c>
      <c r="H88" s="68">
        <v>194</v>
      </c>
      <c r="I88" s="68">
        <v>119</v>
      </c>
      <c r="J88" s="69">
        <v>75</v>
      </c>
      <c r="K88" s="68">
        <v>181</v>
      </c>
      <c r="L88" s="68">
        <v>122</v>
      </c>
      <c r="M88" s="69">
        <v>59</v>
      </c>
    </row>
    <row r="89" spans="1:13">
      <c r="A89" s="15" t="s">
        <v>31</v>
      </c>
      <c r="B89" s="68">
        <v>-43</v>
      </c>
      <c r="C89" s="68">
        <v>-30</v>
      </c>
      <c r="D89" s="69">
        <v>-13</v>
      </c>
      <c r="E89" s="68">
        <v>38</v>
      </c>
      <c r="F89" s="68">
        <v>28</v>
      </c>
      <c r="G89" s="69">
        <v>10</v>
      </c>
      <c r="H89" s="68">
        <v>151</v>
      </c>
      <c r="I89" s="68">
        <v>87</v>
      </c>
      <c r="J89" s="69">
        <v>64</v>
      </c>
      <c r="K89" s="68">
        <v>156</v>
      </c>
      <c r="L89" s="68">
        <v>89</v>
      </c>
      <c r="M89" s="69">
        <v>67</v>
      </c>
    </row>
    <row r="90" spans="1:13">
      <c r="A90" s="15" t="s">
        <v>33</v>
      </c>
      <c r="B90" s="68">
        <v>-14</v>
      </c>
      <c r="C90" s="68">
        <v>-13</v>
      </c>
      <c r="D90" s="69">
        <v>-1</v>
      </c>
      <c r="E90" s="68">
        <v>34</v>
      </c>
      <c r="F90" s="68">
        <v>23</v>
      </c>
      <c r="G90" s="69">
        <v>11</v>
      </c>
      <c r="H90" s="68">
        <v>137</v>
      </c>
      <c r="I90" s="68">
        <v>79</v>
      </c>
      <c r="J90" s="69">
        <v>58</v>
      </c>
      <c r="K90" s="68">
        <v>117</v>
      </c>
      <c r="L90" s="68">
        <v>69</v>
      </c>
      <c r="M90" s="69">
        <v>48</v>
      </c>
    </row>
    <row r="91" spans="1:13">
      <c r="A91" s="15" t="s">
        <v>35</v>
      </c>
      <c r="B91" s="68">
        <v>-65</v>
      </c>
      <c r="C91" s="68">
        <v>-55</v>
      </c>
      <c r="D91" s="69">
        <v>-10</v>
      </c>
      <c r="E91" s="68">
        <v>59</v>
      </c>
      <c r="F91" s="68">
        <v>44</v>
      </c>
      <c r="G91" s="69">
        <v>15</v>
      </c>
      <c r="H91" s="68">
        <v>119</v>
      </c>
      <c r="I91" s="68">
        <v>67</v>
      </c>
      <c r="J91" s="69">
        <v>52</v>
      </c>
      <c r="K91" s="68">
        <v>125</v>
      </c>
      <c r="L91" s="68">
        <v>78</v>
      </c>
      <c r="M91" s="69">
        <v>47</v>
      </c>
    </row>
    <row r="92" spans="1:13">
      <c r="A92" s="15" t="s">
        <v>37</v>
      </c>
      <c r="B92" s="68">
        <v>-49</v>
      </c>
      <c r="C92" s="68">
        <v>-54</v>
      </c>
      <c r="D92" s="69">
        <v>5</v>
      </c>
      <c r="E92" s="68">
        <v>60</v>
      </c>
      <c r="F92" s="68">
        <v>48</v>
      </c>
      <c r="G92" s="69">
        <v>12</v>
      </c>
      <c r="H92" s="68">
        <v>140</v>
      </c>
      <c r="I92" s="68">
        <v>69</v>
      </c>
      <c r="J92" s="69">
        <v>71</v>
      </c>
      <c r="K92" s="68">
        <v>129</v>
      </c>
      <c r="L92" s="68">
        <v>75</v>
      </c>
      <c r="M92" s="69">
        <v>54</v>
      </c>
    </row>
    <row r="93" spans="1:13" ht="21" customHeight="1">
      <c r="A93" s="36" t="s">
        <v>39</v>
      </c>
      <c r="B93" s="65">
        <v>-265</v>
      </c>
      <c r="C93" s="65">
        <v>-213</v>
      </c>
      <c r="D93" s="66">
        <v>-52</v>
      </c>
      <c r="E93" s="65">
        <v>350</v>
      </c>
      <c r="F93" s="65">
        <v>238</v>
      </c>
      <c r="G93" s="66">
        <v>112</v>
      </c>
      <c r="H93" s="65">
        <v>581</v>
      </c>
      <c r="I93" s="65">
        <v>333</v>
      </c>
      <c r="J93" s="66">
        <v>248</v>
      </c>
      <c r="K93" s="65">
        <v>496</v>
      </c>
      <c r="L93" s="65">
        <v>308</v>
      </c>
      <c r="M93" s="66">
        <v>188</v>
      </c>
    </row>
    <row r="94" spans="1:13">
      <c r="A94" s="15" t="s">
        <v>41</v>
      </c>
      <c r="B94" s="68">
        <v>-29</v>
      </c>
      <c r="C94" s="68">
        <v>-33</v>
      </c>
      <c r="D94" s="69">
        <v>4</v>
      </c>
      <c r="E94" s="68">
        <v>41</v>
      </c>
      <c r="F94" s="68">
        <v>30</v>
      </c>
      <c r="G94" s="69">
        <v>11</v>
      </c>
      <c r="H94" s="68">
        <v>136</v>
      </c>
      <c r="I94" s="68">
        <v>80</v>
      </c>
      <c r="J94" s="69">
        <v>56</v>
      </c>
      <c r="K94" s="68">
        <v>124</v>
      </c>
      <c r="L94" s="68">
        <v>83</v>
      </c>
      <c r="M94" s="69">
        <v>41</v>
      </c>
    </row>
    <row r="95" spans="1:13">
      <c r="A95" s="15" t="s">
        <v>43</v>
      </c>
      <c r="B95" s="68">
        <v>-57</v>
      </c>
      <c r="C95" s="68">
        <v>-35</v>
      </c>
      <c r="D95" s="69">
        <v>-22</v>
      </c>
      <c r="E95" s="68">
        <v>68</v>
      </c>
      <c r="F95" s="68">
        <v>45</v>
      </c>
      <c r="G95" s="69">
        <v>23</v>
      </c>
      <c r="H95" s="68">
        <v>115</v>
      </c>
      <c r="I95" s="68">
        <v>76</v>
      </c>
      <c r="J95" s="69">
        <v>39</v>
      </c>
      <c r="K95" s="68">
        <v>104</v>
      </c>
      <c r="L95" s="68">
        <v>66</v>
      </c>
      <c r="M95" s="69">
        <v>38</v>
      </c>
    </row>
    <row r="96" spans="1:13">
      <c r="A96" s="15" t="s">
        <v>45</v>
      </c>
      <c r="B96" s="68">
        <v>-75</v>
      </c>
      <c r="C96" s="68">
        <v>-55</v>
      </c>
      <c r="D96" s="69">
        <v>-20</v>
      </c>
      <c r="E96" s="68">
        <v>82</v>
      </c>
      <c r="F96" s="68">
        <v>56</v>
      </c>
      <c r="G96" s="69">
        <v>26</v>
      </c>
      <c r="H96" s="68">
        <v>104</v>
      </c>
      <c r="I96" s="68">
        <v>65</v>
      </c>
      <c r="J96" s="69">
        <v>39</v>
      </c>
      <c r="K96" s="68">
        <v>97</v>
      </c>
      <c r="L96" s="68">
        <v>64</v>
      </c>
      <c r="M96" s="69">
        <v>33</v>
      </c>
    </row>
    <row r="97" spans="1:13">
      <c r="A97" s="15" t="s">
        <v>47</v>
      </c>
      <c r="B97" s="68">
        <v>-49</v>
      </c>
      <c r="C97" s="68">
        <v>-36</v>
      </c>
      <c r="D97" s="69">
        <v>-13</v>
      </c>
      <c r="E97" s="68">
        <v>76</v>
      </c>
      <c r="F97" s="68">
        <v>47</v>
      </c>
      <c r="G97" s="69">
        <v>29</v>
      </c>
      <c r="H97" s="68">
        <v>119</v>
      </c>
      <c r="I97" s="68">
        <v>65</v>
      </c>
      <c r="J97" s="69">
        <v>54</v>
      </c>
      <c r="K97" s="68">
        <v>92</v>
      </c>
      <c r="L97" s="68">
        <v>54</v>
      </c>
      <c r="M97" s="69">
        <v>38</v>
      </c>
    </row>
    <row r="98" spans="1:13">
      <c r="A98" s="15" t="s">
        <v>49</v>
      </c>
      <c r="B98" s="68">
        <v>-55</v>
      </c>
      <c r="C98" s="68">
        <v>-54</v>
      </c>
      <c r="D98" s="69">
        <v>-1</v>
      </c>
      <c r="E98" s="68">
        <v>83</v>
      </c>
      <c r="F98" s="68">
        <v>60</v>
      </c>
      <c r="G98" s="69">
        <v>23</v>
      </c>
      <c r="H98" s="68">
        <v>107</v>
      </c>
      <c r="I98" s="68">
        <v>47</v>
      </c>
      <c r="J98" s="69">
        <v>60</v>
      </c>
      <c r="K98" s="68">
        <v>79</v>
      </c>
      <c r="L98" s="68">
        <v>41</v>
      </c>
      <c r="M98" s="69">
        <v>38</v>
      </c>
    </row>
    <row r="99" spans="1:13" ht="21" customHeight="1">
      <c r="A99" s="36" t="s">
        <v>51</v>
      </c>
      <c r="B99" s="65">
        <v>-705</v>
      </c>
      <c r="C99" s="65">
        <v>-470</v>
      </c>
      <c r="D99" s="66">
        <v>-235</v>
      </c>
      <c r="E99" s="65">
        <v>758</v>
      </c>
      <c r="F99" s="65">
        <v>501</v>
      </c>
      <c r="G99" s="66">
        <v>257</v>
      </c>
      <c r="H99" s="65">
        <v>540</v>
      </c>
      <c r="I99" s="65">
        <v>290</v>
      </c>
      <c r="J99" s="66">
        <v>250</v>
      </c>
      <c r="K99" s="65">
        <v>487</v>
      </c>
      <c r="L99" s="65">
        <v>259</v>
      </c>
      <c r="M99" s="66">
        <v>228</v>
      </c>
    </row>
    <row r="100" spans="1:13">
      <c r="A100" s="15" t="s">
        <v>53</v>
      </c>
      <c r="B100" s="68">
        <v>-98</v>
      </c>
      <c r="C100" s="68">
        <v>-76</v>
      </c>
      <c r="D100" s="69">
        <v>-22</v>
      </c>
      <c r="E100" s="68">
        <v>105</v>
      </c>
      <c r="F100" s="68">
        <v>71</v>
      </c>
      <c r="G100" s="69">
        <v>34</v>
      </c>
      <c r="H100" s="68">
        <v>99</v>
      </c>
      <c r="I100" s="68">
        <v>52</v>
      </c>
      <c r="J100" s="69">
        <v>47</v>
      </c>
      <c r="K100" s="68">
        <v>92</v>
      </c>
      <c r="L100" s="68">
        <v>57</v>
      </c>
      <c r="M100" s="69">
        <v>35</v>
      </c>
    </row>
    <row r="101" spans="1:13">
      <c r="A101" s="15" t="s">
        <v>55</v>
      </c>
      <c r="B101" s="68">
        <v>-116</v>
      </c>
      <c r="C101" s="68">
        <v>-78</v>
      </c>
      <c r="D101" s="69">
        <v>-38</v>
      </c>
      <c r="E101" s="68">
        <v>116</v>
      </c>
      <c r="F101" s="68">
        <v>80</v>
      </c>
      <c r="G101" s="69">
        <v>36</v>
      </c>
      <c r="H101" s="68">
        <v>112</v>
      </c>
      <c r="I101" s="68">
        <v>61</v>
      </c>
      <c r="J101" s="69">
        <v>51</v>
      </c>
      <c r="K101" s="68">
        <v>112</v>
      </c>
      <c r="L101" s="68">
        <v>59</v>
      </c>
      <c r="M101" s="69">
        <v>53</v>
      </c>
    </row>
    <row r="102" spans="1:13">
      <c r="A102" s="15" t="s">
        <v>57</v>
      </c>
      <c r="B102" s="68">
        <v>-153</v>
      </c>
      <c r="C102" s="68">
        <v>-102</v>
      </c>
      <c r="D102" s="69">
        <v>-51</v>
      </c>
      <c r="E102" s="68">
        <v>156</v>
      </c>
      <c r="F102" s="68">
        <v>98</v>
      </c>
      <c r="G102" s="69">
        <v>58</v>
      </c>
      <c r="H102" s="68">
        <v>95</v>
      </c>
      <c r="I102" s="68">
        <v>44</v>
      </c>
      <c r="J102" s="69">
        <v>51</v>
      </c>
      <c r="K102" s="68">
        <v>92</v>
      </c>
      <c r="L102" s="68">
        <v>48</v>
      </c>
      <c r="M102" s="69">
        <v>44</v>
      </c>
    </row>
    <row r="103" spans="1:13">
      <c r="A103" s="15" t="s">
        <v>59</v>
      </c>
      <c r="B103" s="68">
        <v>-167</v>
      </c>
      <c r="C103" s="68">
        <v>-111</v>
      </c>
      <c r="D103" s="69">
        <v>-56</v>
      </c>
      <c r="E103" s="68">
        <v>177</v>
      </c>
      <c r="F103" s="68">
        <v>125</v>
      </c>
      <c r="G103" s="69">
        <v>52</v>
      </c>
      <c r="H103" s="68">
        <v>111</v>
      </c>
      <c r="I103" s="68">
        <v>68</v>
      </c>
      <c r="J103" s="69">
        <v>43</v>
      </c>
      <c r="K103" s="68">
        <v>101</v>
      </c>
      <c r="L103" s="68">
        <v>54</v>
      </c>
      <c r="M103" s="69">
        <v>47</v>
      </c>
    </row>
    <row r="104" spans="1:13">
      <c r="A104" s="15" t="s">
        <v>61</v>
      </c>
      <c r="B104" s="68">
        <v>-171</v>
      </c>
      <c r="C104" s="68">
        <v>-103</v>
      </c>
      <c r="D104" s="69">
        <v>-68</v>
      </c>
      <c r="E104" s="68">
        <v>204</v>
      </c>
      <c r="F104" s="68">
        <v>127</v>
      </c>
      <c r="G104" s="69">
        <v>77</v>
      </c>
      <c r="H104" s="68">
        <v>123</v>
      </c>
      <c r="I104" s="68">
        <v>65</v>
      </c>
      <c r="J104" s="69">
        <v>58</v>
      </c>
      <c r="K104" s="68">
        <v>90</v>
      </c>
      <c r="L104" s="68">
        <v>41</v>
      </c>
      <c r="M104" s="69">
        <v>49</v>
      </c>
    </row>
    <row r="105" spans="1:13" ht="21" customHeight="1">
      <c r="A105" s="36" t="s">
        <v>63</v>
      </c>
      <c r="B105" s="65">
        <v>-856</v>
      </c>
      <c r="C105" s="65">
        <v>-580</v>
      </c>
      <c r="D105" s="66">
        <v>-276</v>
      </c>
      <c r="E105" s="65">
        <v>965</v>
      </c>
      <c r="F105" s="65">
        <v>617</v>
      </c>
      <c r="G105" s="66">
        <v>348</v>
      </c>
      <c r="H105" s="65">
        <v>433</v>
      </c>
      <c r="I105" s="65">
        <v>191</v>
      </c>
      <c r="J105" s="66">
        <v>242</v>
      </c>
      <c r="K105" s="65">
        <v>324</v>
      </c>
      <c r="L105" s="65">
        <v>154</v>
      </c>
      <c r="M105" s="66">
        <v>170</v>
      </c>
    </row>
    <row r="106" spans="1:13">
      <c r="A106" s="15" t="s">
        <v>65</v>
      </c>
      <c r="B106" s="68">
        <v>-169</v>
      </c>
      <c r="C106" s="68">
        <v>-129</v>
      </c>
      <c r="D106" s="69">
        <v>-40</v>
      </c>
      <c r="E106" s="68">
        <v>199</v>
      </c>
      <c r="F106" s="68">
        <v>136</v>
      </c>
      <c r="G106" s="69">
        <v>63</v>
      </c>
      <c r="H106" s="68">
        <v>114</v>
      </c>
      <c r="I106" s="68">
        <v>47</v>
      </c>
      <c r="J106" s="69">
        <v>67</v>
      </c>
      <c r="K106" s="68">
        <v>84</v>
      </c>
      <c r="L106" s="68">
        <v>40</v>
      </c>
      <c r="M106" s="69">
        <v>44</v>
      </c>
    </row>
    <row r="107" spans="1:13">
      <c r="A107" s="15" t="s">
        <v>67</v>
      </c>
      <c r="B107" s="68">
        <v>-159</v>
      </c>
      <c r="C107" s="68">
        <v>-107</v>
      </c>
      <c r="D107" s="69">
        <v>-52</v>
      </c>
      <c r="E107" s="68">
        <v>164</v>
      </c>
      <c r="F107" s="68">
        <v>109</v>
      </c>
      <c r="G107" s="69">
        <v>55</v>
      </c>
      <c r="H107" s="68">
        <v>72</v>
      </c>
      <c r="I107" s="68">
        <v>40</v>
      </c>
      <c r="J107" s="69">
        <v>32</v>
      </c>
      <c r="K107" s="68">
        <v>67</v>
      </c>
      <c r="L107" s="68">
        <v>38</v>
      </c>
      <c r="M107" s="69">
        <v>29</v>
      </c>
    </row>
    <row r="108" spans="1:13">
      <c r="A108" s="15" t="s">
        <v>69</v>
      </c>
      <c r="B108" s="68">
        <v>-141</v>
      </c>
      <c r="C108" s="68">
        <v>-90</v>
      </c>
      <c r="D108" s="69">
        <v>-51</v>
      </c>
      <c r="E108" s="68">
        <v>161</v>
      </c>
      <c r="F108" s="68">
        <v>105</v>
      </c>
      <c r="G108" s="69">
        <v>56</v>
      </c>
      <c r="H108" s="68">
        <v>74</v>
      </c>
      <c r="I108" s="68">
        <v>37</v>
      </c>
      <c r="J108" s="69">
        <v>37</v>
      </c>
      <c r="K108" s="68">
        <v>54</v>
      </c>
      <c r="L108" s="68">
        <v>22</v>
      </c>
      <c r="M108" s="69">
        <v>32</v>
      </c>
    </row>
    <row r="109" spans="1:13">
      <c r="A109" s="15" t="s">
        <v>71</v>
      </c>
      <c r="B109" s="68">
        <v>-186</v>
      </c>
      <c r="C109" s="68">
        <v>-118</v>
      </c>
      <c r="D109" s="69">
        <v>-68</v>
      </c>
      <c r="E109" s="68">
        <v>207</v>
      </c>
      <c r="F109" s="68">
        <v>116</v>
      </c>
      <c r="G109" s="69">
        <v>91</v>
      </c>
      <c r="H109" s="68">
        <v>81</v>
      </c>
      <c r="I109" s="68">
        <v>24</v>
      </c>
      <c r="J109" s="69">
        <v>57</v>
      </c>
      <c r="K109" s="68">
        <v>60</v>
      </c>
      <c r="L109" s="68">
        <v>26</v>
      </c>
      <c r="M109" s="69">
        <v>34</v>
      </c>
    </row>
    <row r="110" spans="1:13">
      <c r="A110" s="15" t="s">
        <v>73</v>
      </c>
      <c r="B110" s="68">
        <v>-201</v>
      </c>
      <c r="C110" s="68">
        <v>-136</v>
      </c>
      <c r="D110" s="69">
        <v>-65</v>
      </c>
      <c r="E110" s="68">
        <v>234</v>
      </c>
      <c r="F110" s="68">
        <v>151</v>
      </c>
      <c r="G110" s="69">
        <v>83</v>
      </c>
      <c r="H110" s="68">
        <v>92</v>
      </c>
      <c r="I110" s="68">
        <v>43</v>
      </c>
      <c r="J110" s="69">
        <v>49</v>
      </c>
      <c r="K110" s="68">
        <v>59</v>
      </c>
      <c r="L110" s="68">
        <v>28</v>
      </c>
      <c r="M110" s="69">
        <v>31</v>
      </c>
    </row>
    <row r="111" spans="1:13" ht="21" customHeight="1">
      <c r="A111" s="36" t="s">
        <v>75</v>
      </c>
      <c r="B111" s="65">
        <v>-1395</v>
      </c>
      <c r="C111" s="65">
        <v>-879</v>
      </c>
      <c r="D111" s="66">
        <v>-516</v>
      </c>
      <c r="E111" s="65">
        <v>1514</v>
      </c>
      <c r="F111" s="65">
        <v>918</v>
      </c>
      <c r="G111" s="66">
        <v>596</v>
      </c>
      <c r="H111" s="65">
        <v>440</v>
      </c>
      <c r="I111" s="65">
        <v>159</v>
      </c>
      <c r="J111" s="66">
        <v>281</v>
      </c>
      <c r="K111" s="65">
        <v>321</v>
      </c>
      <c r="L111" s="65">
        <v>120</v>
      </c>
      <c r="M111" s="66">
        <v>201</v>
      </c>
    </row>
    <row r="112" spans="1:13">
      <c r="A112" s="15" t="s">
        <v>77</v>
      </c>
      <c r="B112" s="68">
        <v>-262</v>
      </c>
      <c r="C112" s="68">
        <v>-180</v>
      </c>
      <c r="D112" s="69">
        <v>-82</v>
      </c>
      <c r="E112" s="68">
        <v>288</v>
      </c>
      <c r="F112" s="68">
        <v>181</v>
      </c>
      <c r="G112" s="69">
        <v>107</v>
      </c>
      <c r="H112" s="68">
        <v>95</v>
      </c>
      <c r="I112" s="68">
        <v>25</v>
      </c>
      <c r="J112" s="69">
        <v>70</v>
      </c>
      <c r="K112" s="68">
        <v>69</v>
      </c>
      <c r="L112" s="68">
        <v>24</v>
      </c>
      <c r="M112" s="69">
        <v>45</v>
      </c>
    </row>
    <row r="113" spans="1:13">
      <c r="A113" s="15" t="s">
        <v>79</v>
      </c>
      <c r="B113" s="68">
        <v>-296</v>
      </c>
      <c r="C113" s="68">
        <v>-195</v>
      </c>
      <c r="D113" s="69">
        <v>-101</v>
      </c>
      <c r="E113" s="68">
        <v>322</v>
      </c>
      <c r="F113" s="68">
        <v>204</v>
      </c>
      <c r="G113" s="69">
        <v>118</v>
      </c>
      <c r="H113" s="68">
        <v>112</v>
      </c>
      <c r="I113" s="68">
        <v>44</v>
      </c>
      <c r="J113" s="69">
        <v>68</v>
      </c>
      <c r="K113" s="68">
        <v>86</v>
      </c>
      <c r="L113" s="68">
        <v>35</v>
      </c>
      <c r="M113" s="69">
        <v>51</v>
      </c>
    </row>
    <row r="114" spans="1:13">
      <c r="A114" s="15" t="s">
        <v>81</v>
      </c>
      <c r="B114" s="68">
        <v>-268</v>
      </c>
      <c r="C114" s="68">
        <v>-158</v>
      </c>
      <c r="D114" s="69">
        <v>-110</v>
      </c>
      <c r="E114" s="68">
        <v>292</v>
      </c>
      <c r="F114" s="68">
        <v>164</v>
      </c>
      <c r="G114" s="69">
        <v>128</v>
      </c>
      <c r="H114" s="68">
        <v>88</v>
      </c>
      <c r="I114" s="68">
        <v>30</v>
      </c>
      <c r="J114" s="69">
        <v>58</v>
      </c>
      <c r="K114" s="68">
        <v>64</v>
      </c>
      <c r="L114" s="68">
        <v>24</v>
      </c>
      <c r="M114" s="69">
        <v>40</v>
      </c>
    </row>
    <row r="115" spans="1:13">
      <c r="A115" s="15" t="s">
        <v>83</v>
      </c>
      <c r="B115" s="68">
        <v>-280</v>
      </c>
      <c r="C115" s="68">
        <v>-159</v>
      </c>
      <c r="D115" s="69">
        <v>-121</v>
      </c>
      <c r="E115" s="68">
        <v>295</v>
      </c>
      <c r="F115" s="68">
        <v>165</v>
      </c>
      <c r="G115" s="69">
        <v>130</v>
      </c>
      <c r="H115" s="68">
        <v>68</v>
      </c>
      <c r="I115" s="68">
        <v>28</v>
      </c>
      <c r="J115" s="69">
        <v>40</v>
      </c>
      <c r="K115" s="68">
        <v>53</v>
      </c>
      <c r="L115" s="68">
        <v>22</v>
      </c>
      <c r="M115" s="69">
        <v>31</v>
      </c>
    </row>
    <row r="116" spans="1:13">
      <c r="A116" s="15" t="s">
        <v>85</v>
      </c>
      <c r="B116" s="68">
        <v>-289</v>
      </c>
      <c r="C116" s="68">
        <v>-187</v>
      </c>
      <c r="D116" s="69">
        <v>-102</v>
      </c>
      <c r="E116" s="68">
        <v>317</v>
      </c>
      <c r="F116" s="68">
        <v>204</v>
      </c>
      <c r="G116" s="69">
        <v>113</v>
      </c>
      <c r="H116" s="68">
        <v>77</v>
      </c>
      <c r="I116" s="68">
        <v>32</v>
      </c>
      <c r="J116" s="69">
        <v>45</v>
      </c>
      <c r="K116" s="68">
        <v>49</v>
      </c>
      <c r="L116" s="68">
        <v>15</v>
      </c>
      <c r="M116" s="69">
        <v>34</v>
      </c>
    </row>
    <row r="117" spans="1:13" ht="21" customHeight="1">
      <c r="A117" s="36" t="s">
        <v>87</v>
      </c>
      <c r="B117" s="65">
        <v>-1480</v>
      </c>
      <c r="C117" s="65">
        <v>-835</v>
      </c>
      <c r="D117" s="66">
        <v>-645</v>
      </c>
      <c r="E117" s="65">
        <v>1636</v>
      </c>
      <c r="F117" s="65">
        <v>891</v>
      </c>
      <c r="G117" s="66">
        <v>745</v>
      </c>
      <c r="H117" s="65">
        <v>402</v>
      </c>
      <c r="I117" s="65">
        <v>134</v>
      </c>
      <c r="J117" s="66">
        <v>268</v>
      </c>
      <c r="K117" s="65">
        <v>246</v>
      </c>
      <c r="L117" s="65">
        <v>78</v>
      </c>
      <c r="M117" s="66">
        <v>168</v>
      </c>
    </row>
    <row r="118" spans="1:13">
      <c r="A118" s="15" t="s">
        <v>89</v>
      </c>
      <c r="B118" s="68">
        <v>-310</v>
      </c>
      <c r="C118" s="68">
        <v>-197</v>
      </c>
      <c r="D118" s="69">
        <v>-113</v>
      </c>
      <c r="E118" s="68">
        <v>345</v>
      </c>
      <c r="F118" s="68">
        <v>207</v>
      </c>
      <c r="G118" s="69">
        <v>138</v>
      </c>
      <c r="H118" s="68">
        <v>93</v>
      </c>
      <c r="I118" s="68">
        <v>29</v>
      </c>
      <c r="J118" s="69">
        <v>64</v>
      </c>
      <c r="K118" s="68">
        <v>58</v>
      </c>
      <c r="L118" s="68">
        <v>19</v>
      </c>
      <c r="M118" s="69">
        <v>39</v>
      </c>
    </row>
    <row r="119" spans="1:13">
      <c r="A119" s="15" t="s">
        <v>91</v>
      </c>
      <c r="B119" s="68">
        <v>-297</v>
      </c>
      <c r="C119" s="68">
        <v>-173</v>
      </c>
      <c r="D119" s="69">
        <v>-124</v>
      </c>
      <c r="E119" s="68">
        <v>338</v>
      </c>
      <c r="F119" s="68">
        <v>192</v>
      </c>
      <c r="G119" s="69">
        <v>146</v>
      </c>
      <c r="H119" s="68">
        <v>92</v>
      </c>
      <c r="I119" s="68">
        <v>37</v>
      </c>
      <c r="J119" s="69">
        <v>55</v>
      </c>
      <c r="K119" s="68">
        <v>51</v>
      </c>
      <c r="L119" s="68">
        <v>18</v>
      </c>
      <c r="M119" s="69">
        <v>33</v>
      </c>
    </row>
    <row r="120" spans="1:13">
      <c r="A120" s="15" t="s">
        <v>93</v>
      </c>
      <c r="B120" s="68">
        <v>-275</v>
      </c>
      <c r="C120" s="68">
        <v>-144</v>
      </c>
      <c r="D120" s="69">
        <v>-131</v>
      </c>
      <c r="E120" s="68">
        <v>305</v>
      </c>
      <c r="F120" s="68">
        <v>155</v>
      </c>
      <c r="G120" s="69">
        <v>150</v>
      </c>
      <c r="H120" s="68">
        <v>82</v>
      </c>
      <c r="I120" s="68">
        <v>29</v>
      </c>
      <c r="J120" s="69">
        <v>53</v>
      </c>
      <c r="K120" s="68">
        <v>52</v>
      </c>
      <c r="L120" s="68">
        <v>18</v>
      </c>
      <c r="M120" s="69">
        <v>34</v>
      </c>
    </row>
    <row r="121" spans="1:13">
      <c r="A121" s="15" t="s">
        <v>95</v>
      </c>
      <c r="B121" s="68">
        <v>-307</v>
      </c>
      <c r="C121" s="68">
        <v>-171</v>
      </c>
      <c r="D121" s="69">
        <v>-136</v>
      </c>
      <c r="E121" s="68">
        <v>323</v>
      </c>
      <c r="F121" s="68">
        <v>175</v>
      </c>
      <c r="G121" s="69">
        <v>148</v>
      </c>
      <c r="H121" s="68">
        <v>59</v>
      </c>
      <c r="I121" s="68">
        <v>14</v>
      </c>
      <c r="J121" s="69">
        <v>45</v>
      </c>
      <c r="K121" s="68">
        <v>43</v>
      </c>
      <c r="L121" s="68">
        <v>10</v>
      </c>
      <c r="M121" s="69">
        <v>33</v>
      </c>
    </row>
    <row r="122" spans="1:13">
      <c r="A122" s="15" t="s">
        <v>97</v>
      </c>
      <c r="B122" s="68">
        <v>-291</v>
      </c>
      <c r="C122" s="68">
        <v>-150</v>
      </c>
      <c r="D122" s="69">
        <v>-141</v>
      </c>
      <c r="E122" s="68">
        <v>325</v>
      </c>
      <c r="F122" s="68">
        <v>162</v>
      </c>
      <c r="G122" s="69">
        <v>163</v>
      </c>
      <c r="H122" s="68">
        <v>76</v>
      </c>
      <c r="I122" s="68">
        <v>25</v>
      </c>
      <c r="J122" s="69">
        <v>51</v>
      </c>
      <c r="K122" s="68">
        <v>42</v>
      </c>
      <c r="L122" s="68">
        <v>13</v>
      </c>
      <c r="M122" s="69">
        <v>29</v>
      </c>
    </row>
    <row r="123" spans="1:13" ht="21" customHeight="1">
      <c r="A123" s="36" t="s">
        <v>99</v>
      </c>
      <c r="B123" s="65">
        <v>-1200</v>
      </c>
      <c r="C123" s="65">
        <v>-507</v>
      </c>
      <c r="D123" s="66">
        <v>-693</v>
      </c>
      <c r="E123" s="65">
        <v>1253</v>
      </c>
      <c r="F123" s="65">
        <v>524</v>
      </c>
      <c r="G123" s="66">
        <v>729</v>
      </c>
      <c r="H123" s="65">
        <v>187</v>
      </c>
      <c r="I123" s="65">
        <v>58</v>
      </c>
      <c r="J123" s="66">
        <v>129</v>
      </c>
      <c r="K123" s="65">
        <v>134</v>
      </c>
      <c r="L123" s="65">
        <v>41</v>
      </c>
      <c r="M123" s="66">
        <v>93</v>
      </c>
    </row>
    <row r="124" spans="1:13">
      <c r="A124" s="15" t="s">
        <v>101</v>
      </c>
      <c r="B124" s="68">
        <v>-274</v>
      </c>
      <c r="C124" s="68">
        <v>-150</v>
      </c>
      <c r="D124" s="69">
        <v>-124</v>
      </c>
      <c r="E124" s="68">
        <v>302</v>
      </c>
      <c r="F124" s="68">
        <v>156</v>
      </c>
      <c r="G124" s="69">
        <v>146</v>
      </c>
      <c r="H124" s="68">
        <v>53</v>
      </c>
      <c r="I124" s="68">
        <v>14</v>
      </c>
      <c r="J124" s="69">
        <v>39</v>
      </c>
      <c r="K124" s="68">
        <v>25</v>
      </c>
      <c r="L124" s="68">
        <v>8</v>
      </c>
      <c r="M124" s="69">
        <v>17</v>
      </c>
    </row>
    <row r="125" spans="1:13">
      <c r="A125" s="15" t="s">
        <v>103</v>
      </c>
      <c r="B125" s="68">
        <v>-243</v>
      </c>
      <c r="C125" s="68">
        <v>-100</v>
      </c>
      <c r="D125" s="69">
        <v>-143</v>
      </c>
      <c r="E125" s="68">
        <v>254</v>
      </c>
      <c r="F125" s="68">
        <v>109</v>
      </c>
      <c r="G125" s="69">
        <v>145</v>
      </c>
      <c r="H125" s="68">
        <v>41</v>
      </c>
      <c r="I125" s="68">
        <v>15</v>
      </c>
      <c r="J125" s="69">
        <v>26</v>
      </c>
      <c r="K125" s="68">
        <v>30</v>
      </c>
      <c r="L125" s="68">
        <v>6</v>
      </c>
      <c r="M125" s="69">
        <v>24</v>
      </c>
    </row>
    <row r="126" spans="1:13">
      <c r="A126" s="15" t="s">
        <v>105</v>
      </c>
      <c r="B126" s="68">
        <v>-249</v>
      </c>
      <c r="C126" s="68">
        <v>-101</v>
      </c>
      <c r="D126" s="69">
        <v>-148</v>
      </c>
      <c r="E126" s="68">
        <v>268</v>
      </c>
      <c r="F126" s="68">
        <v>107</v>
      </c>
      <c r="G126" s="69">
        <v>161</v>
      </c>
      <c r="H126" s="68">
        <v>50</v>
      </c>
      <c r="I126" s="68">
        <v>14</v>
      </c>
      <c r="J126" s="69">
        <v>36</v>
      </c>
      <c r="K126" s="68">
        <v>31</v>
      </c>
      <c r="L126" s="68">
        <v>8</v>
      </c>
      <c r="M126" s="69">
        <v>23</v>
      </c>
    </row>
    <row r="127" spans="1:13">
      <c r="A127" s="15" t="s">
        <v>107</v>
      </c>
      <c r="B127" s="68">
        <v>-230</v>
      </c>
      <c r="C127" s="68">
        <v>-92</v>
      </c>
      <c r="D127" s="69">
        <v>-138</v>
      </c>
      <c r="E127" s="68">
        <v>227</v>
      </c>
      <c r="F127" s="68">
        <v>87</v>
      </c>
      <c r="G127" s="69">
        <v>140</v>
      </c>
      <c r="H127" s="68">
        <v>22</v>
      </c>
      <c r="I127" s="68">
        <v>7</v>
      </c>
      <c r="J127" s="69">
        <v>15</v>
      </c>
      <c r="K127" s="68">
        <v>25</v>
      </c>
      <c r="L127" s="68">
        <v>12</v>
      </c>
      <c r="M127" s="69">
        <v>13</v>
      </c>
    </row>
    <row r="128" spans="1:13">
      <c r="A128" s="15" t="s">
        <v>109</v>
      </c>
      <c r="B128" s="68">
        <v>-204</v>
      </c>
      <c r="C128" s="68">
        <v>-64</v>
      </c>
      <c r="D128" s="69">
        <v>-140</v>
      </c>
      <c r="E128" s="68">
        <v>202</v>
      </c>
      <c r="F128" s="68">
        <v>65</v>
      </c>
      <c r="G128" s="69">
        <v>137</v>
      </c>
      <c r="H128" s="68">
        <v>21</v>
      </c>
      <c r="I128" s="68">
        <v>8</v>
      </c>
      <c r="J128" s="69">
        <v>13</v>
      </c>
      <c r="K128" s="68">
        <v>23</v>
      </c>
      <c r="L128" s="68">
        <v>7</v>
      </c>
      <c r="M128" s="69">
        <v>16</v>
      </c>
    </row>
    <row r="129" spans="1:14" ht="21" customHeight="1">
      <c r="A129" s="36" t="s">
        <v>111</v>
      </c>
      <c r="B129" s="65">
        <v>-585</v>
      </c>
      <c r="C129" s="65">
        <v>-154</v>
      </c>
      <c r="D129" s="66">
        <v>-431</v>
      </c>
      <c r="E129" s="65">
        <v>614</v>
      </c>
      <c r="F129" s="65">
        <v>158</v>
      </c>
      <c r="G129" s="66">
        <v>456</v>
      </c>
      <c r="H129" s="65">
        <v>65</v>
      </c>
      <c r="I129" s="65">
        <v>15</v>
      </c>
      <c r="J129" s="66">
        <v>50</v>
      </c>
      <c r="K129" s="65">
        <v>36</v>
      </c>
      <c r="L129" s="65">
        <v>11</v>
      </c>
      <c r="M129" s="66">
        <v>25</v>
      </c>
    </row>
    <row r="130" spans="1:14">
      <c r="A130" s="15" t="s">
        <v>113</v>
      </c>
      <c r="B130" s="68">
        <v>-154</v>
      </c>
      <c r="C130" s="68">
        <v>-42</v>
      </c>
      <c r="D130" s="69">
        <v>-112</v>
      </c>
      <c r="E130" s="68">
        <v>163</v>
      </c>
      <c r="F130" s="68">
        <v>46</v>
      </c>
      <c r="G130" s="69">
        <v>117</v>
      </c>
      <c r="H130" s="68">
        <v>22</v>
      </c>
      <c r="I130" s="68">
        <v>8</v>
      </c>
      <c r="J130" s="69">
        <v>14</v>
      </c>
      <c r="K130" s="68">
        <v>13</v>
      </c>
      <c r="L130" s="68">
        <v>4</v>
      </c>
      <c r="M130" s="69">
        <v>9</v>
      </c>
    </row>
    <row r="131" spans="1:14">
      <c r="A131" s="15" t="s">
        <v>115</v>
      </c>
      <c r="B131" s="68">
        <v>-152</v>
      </c>
      <c r="C131" s="68">
        <v>-36</v>
      </c>
      <c r="D131" s="69">
        <v>-116</v>
      </c>
      <c r="E131" s="68">
        <v>162</v>
      </c>
      <c r="F131" s="68">
        <v>37</v>
      </c>
      <c r="G131" s="69">
        <v>125</v>
      </c>
      <c r="H131" s="68">
        <v>19</v>
      </c>
      <c r="I131" s="68">
        <v>3</v>
      </c>
      <c r="J131" s="69">
        <v>16</v>
      </c>
      <c r="K131" s="68">
        <v>9</v>
      </c>
      <c r="L131" s="68">
        <v>2</v>
      </c>
      <c r="M131" s="69">
        <v>7</v>
      </c>
    </row>
    <row r="132" spans="1:14">
      <c r="A132" s="15" t="s">
        <v>117</v>
      </c>
      <c r="B132" s="68">
        <v>-121</v>
      </c>
      <c r="C132" s="68">
        <v>-38</v>
      </c>
      <c r="D132" s="69">
        <v>-83</v>
      </c>
      <c r="E132" s="68">
        <v>127</v>
      </c>
      <c r="F132" s="68">
        <v>37</v>
      </c>
      <c r="G132" s="69">
        <v>90</v>
      </c>
      <c r="H132" s="68">
        <v>13</v>
      </c>
      <c r="I132" s="68">
        <v>2</v>
      </c>
      <c r="J132" s="69">
        <v>11</v>
      </c>
      <c r="K132" s="68">
        <v>7</v>
      </c>
      <c r="L132" s="68">
        <v>3</v>
      </c>
      <c r="M132" s="69">
        <v>4</v>
      </c>
    </row>
    <row r="133" spans="1:14">
      <c r="A133" s="15" t="s">
        <v>119</v>
      </c>
      <c r="B133" s="68">
        <v>-78</v>
      </c>
      <c r="C133" s="68">
        <v>-23</v>
      </c>
      <c r="D133" s="69">
        <v>-55</v>
      </c>
      <c r="E133" s="68">
        <v>81</v>
      </c>
      <c r="F133" s="68">
        <v>23</v>
      </c>
      <c r="G133" s="69">
        <v>58</v>
      </c>
      <c r="H133" s="68">
        <v>6</v>
      </c>
      <c r="I133" s="68">
        <v>1</v>
      </c>
      <c r="J133" s="69">
        <v>5</v>
      </c>
      <c r="K133" s="68">
        <v>3</v>
      </c>
      <c r="L133" s="68">
        <v>1</v>
      </c>
      <c r="M133" s="69">
        <v>2</v>
      </c>
    </row>
    <row r="134" spans="1:14">
      <c r="A134" s="15" t="s">
        <v>121</v>
      </c>
      <c r="B134" s="68">
        <v>-80</v>
      </c>
      <c r="C134" s="68">
        <v>-15</v>
      </c>
      <c r="D134" s="69">
        <v>-65</v>
      </c>
      <c r="E134" s="68">
        <v>81</v>
      </c>
      <c r="F134" s="68">
        <v>15</v>
      </c>
      <c r="G134" s="69">
        <v>66</v>
      </c>
      <c r="H134" s="68">
        <v>5</v>
      </c>
      <c r="I134" s="68">
        <v>1</v>
      </c>
      <c r="J134" s="69">
        <v>4</v>
      </c>
      <c r="K134" s="68">
        <v>4</v>
      </c>
      <c r="L134" s="68">
        <v>1</v>
      </c>
      <c r="M134" s="69">
        <v>3</v>
      </c>
    </row>
    <row r="135" spans="1:14" ht="21" customHeight="1">
      <c r="A135" s="46" t="s">
        <v>122</v>
      </c>
      <c r="B135" s="40">
        <v>-166</v>
      </c>
      <c r="C135" s="40">
        <v>-24</v>
      </c>
      <c r="D135" s="43">
        <v>-142</v>
      </c>
      <c r="E135" s="40">
        <v>171</v>
      </c>
      <c r="F135" s="40">
        <v>26</v>
      </c>
      <c r="G135" s="43">
        <v>145</v>
      </c>
      <c r="H135" s="40">
        <v>12</v>
      </c>
      <c r="I135" s="40">
        <v>2</v>
      </c>
      <c r="J135" s="43">
        <v>10</v>
      </c>
      <c r="K135" s="40">
        <v>7</v>
      </c>
      <c r="L135" s="40">
        <v>0</v>
      </c>
      <c r="M135" s="43">
        <v>7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65"/>
      <c r="M136" s="65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44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74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6</v>
      </c>
      <c r="B4" s="9" t="s">
        <v>147</v>
      </c>
      <c r="C4" s="10" t="s">
        <v>142</v>
      </c>
      <c r="D4" s="9" t="s">
        <v>143</v>
      </c>
      <c r="E4" s="9" t="s">
        <v>147</v>
      </c>
      <c r="F4" s="9" t="s">
        <v>142</v>
      </c>
      <c r="G4" s="9" t="s">
        <v>143</v>
      </c>
      <c r="H4" s="9" t="s">
        <v>147</v>
      </c>
      <c r="I4" s="9" t="s">
        <v>142</v>
      </c>
      <c r="J4" s="9" t="s">
        <v>143</v>
      </c>
      <c r="K4" s="9" t="s">
        <v>147</v>
      </c>
      <c r="L4" s="9" t="s">
        <v>142</v>
      </c>
      <c r="M4" s="11" t="s">
        <v>143</v>
      </c>
    </row>
    <row r="5" spans="1:13" s="33" customFormat="1" ht="22.5" customHeight="1">
      <c r="A5" s="35" t="s">
        <v>1</v>
      </c>
      <c r="B5" s="61">
        <v>-771</v>
      </c>
      <c r="C5" s="62">
        <v>-345</v>
      </c>
      <c r="D5" s="62">
        <v>-426</v>
      </c>
      <c r="E5" s="61">
        <v>1963</v>
      </c>
      <c r="F5" s="62">
        <v>1012</v>
      </c>
      <c r="G5" s="63">
        <v>951</v>
      </c>
      <c r="H5" s="62">
        <v>7307</v>
      </c>
      <c r="I5" s="62">
        <v>3925</v>
      </c>
      <c r="J5" s="62">
        <v>3382</v>
      </c>
      <c r="K5" s="61">
        <v>7007</v>
      </c>
      <c r="L5" s="75">
        <v>3731</v>
      </c>
      <c r="M5" s="76">
        <v>3276</v>
      </c>
    </row>
    <row r="6" spans="1:13" ht="23.25" customHeight="1">
      <c r="A6" s="36" t="s">
        <v>2</v>
      </c>
      <c r="B6" s="64">
        <v>924</v>
      </c>
      <c r="C6" s="65">
        <v>471</v>
      </c>
      <c r="D6" s="65">
        <v>453</v>
      </c>
      <c r="E6" s="64">
        <v>5</v>
      </c>
      <c r="F6" s="65">
        <v>3</v>
      </c>
      <c r="G6" s="66">
        <v>2</v>
      </c>
      <c r="H6" s="65">
        <v>351</v>
      </c>
      <c r="I6" s="65">
        <v>178</v>
      </c>
      <c r="J6" s="65">
        <v>173</v>
      </c>
      <c r="K6" s="64">
        <v>314</v>
      </c>
      <c r="L6" s="77">
        <v>177</v>
      </c>
      <c r="M6" s="78">
        <v>137</v>
      </c>
    </row>
    <row r="7" spans="1:13">
      <c r="A7" s="15" t="s">
        <v>4</v>
      </c>
      <c r="B7" s="67">
        <v>905</v>
      </c>
      <c r="C7" s="68">
        <v>477</v>
      </c>
      <c r="D7" s="68">
        <v>428</v>
      </c>
      <c r="E7" s="67">
        <v>4</v>
      </c>
      <c r="F7" s="68">
        <v>3</v>
      </c>
      <c r="G7" s="69">
        <v>1</v>
      </c>
      <c r="H7" s="68">
        <v>56</v>
      </c>
      <c r="I7" s="68">
        <v>28</v>
      </c>
      <c r="J7" s="68">
        <v>28</v>
      </c>
      <c r="K7" s="67">
        <v>39</v>
      </c>
      <c r="L7" s="79">
        <v>21</v>
      </c>
      <c r="M7" s="80">
        <v>18</v>
      </c>
    </row>
    <row r="8" spans="1:13">
      <c r="A8" s="15" t="s">
        <v>6</v>
      </c>
      <c r="B8" s="67">
        <v>10</v>
      </c>
      <c r="C8" s="68">
        <v>0</v>
      </c>
      <c r="D8" s="68">
        <v>10</v>
      </c>
      <c r="E8" s="67">
        <v>0</v>
      </c>
      <c r="F8" s="68">
        <v>0</v>
      </c>
      <c r="G8" s="69">
        <v>0</v>
      </c>
      <c r="H8" s="68">
        <v>97</v>
      </c>
      <c r="I8" s="68">
        <v>57</v>
      </c>
      <c r="J8" s="68">
        <v>40</v>
      </c>
      <c r="K8" s="67">
        <v>87</v>
      </c>
      <c r="L8" s="79">
        <v>57</v>
      </c>
      <c r="M8" s="80">
        <v>30</v>
      </c>
    </row>
    <row r="9" spans="1:13">
      <c r="A9" s="15" t="s">
        <v>8</v>
      </c>
      <c r="B9" s="67">
        <v>11</v>
      </c>
      <c r="C9" s="68">
        <v>-10</v>
      </c>
      <c r="D9" s="68">
        <v>21</v>
      </c>
      <c r="E9" s="67">
        <v>0</v>
      </c>
      <c r="F9" s="68">
        <v>0</v>
      </c>
      <c r="G9" s="69">
        <v>0</v>
      </c>
      <c r="H9" s="68">
        <v>71</v>
      </c>
      <c r="I9" s="68">
        <v>28</v>
      </c>
      <c r="J9" s="68">
        <v>43</v>
      </c>
      <c r="K9" s="67">
        <v>60</v>
      </c>
      <c r="L9" s="79">
        <v>38</v>
      </c>
      <c r="M9" s="80">
        <v>22</v>
      </c>
    </row>
    <row r="10" spans="1:13">
      <c r="A10" s="15" t="s">
        <v>10</v>
      </c>
      <c r="B10" s="67">
        <v>12</v>
      </c>
      <c r="C10" s="68">
        <v>9</v>
      </c>
      <c r="D10" s="68">
        <v>3</v>
      </c>
      <c r="E10" s="67">
        <v>0</v>
      </c>
      <c r="F10" s="68">
        <v>0</v>
      </c>
      <c r="G10" s="69">
        <v>0</v>
      </c>
      <c r="H10" s="68">
        <v>76</v>
      </c>
      <c r="I10" s="68">
        <v>35</v>
      </c>
      <c r="J10" s="68">
        <v>41</v>
      </c>
      <c r="K10" s="67">
        <v>64</v>
      </c>
      <c r="L10" s="79">
        <v>26</v>
      </c>
      <c r="M10" s="80">
        <v>38</v>
      </c>
    </row>
    <row r="11" spans="1:13">
      <c r="A11" s="15" t="s">
        <v>12</v>
      </c>
      <c r="B11" s="67">
        <v>-14</v>
      </c>
      <c r="C11" s="68">
        <v>-5</v>
      </c>
      <c r="D11" s="68">
        <v>-9</v>
      </c>
      <c r="E11" s="67">
        <v>1</v>
      </c>
      <c r="F11" s="68">
        <v>0</v>
      </c>
      <c r="G11" s="69">
        <v>1</v>
      </c>
      <c r="H11" s="68">
        <v>51</v>
      </c>
      <c r="I11" s="68">
        <v>30</v>
      </c>
      <c r="J11" s="68">
        <v>21</v>
      </c>
      <c r="K11" s="67">
        <v>64</v>
      </c>
      <c r="L11" s="79">
        <v>35</v>
      </c>
      <c r="M11" s="80">
        <v>29</v>
      </c>
    </row>
    <row r="12" spans="1:13" ht="21" customHeight="1">
      <c r="A12" s="36" t="s">
        <v>14</v>
      </c>
      <c r="B12" s="64">
        <v>25</v>
      </c>
      <c r="C12" s="65">
        <v>19</v>
      </c>
      <c r="D12" s="65">
        <v>6</v>
      </c>
      <c r="E12" s="64">
        <v>1</v>
      </c>
      <c r="F12" s="65">
        <v>1</v>
      </c>
      <c r="G12" s="66">
        <v>0</v>
      </c>
      <c r="H12" s="65">
        <v>183</v>
      </c>
      <c r="I12" s="65">
        <v>91</v>
      </c>
      <c r="J12" s="65">
        <v>92</v>
      </c>
      <c r="K12" s="64">
        <v>157</v>
      </c>
      <c r="L12" s="77">
        <v>71</v>
      </c>
      <c r="M12" s="78">
        <v>86</v>
      </c>
    </row>
    <row r="13" spans="1:13">
      <c r="A13" s="15" t="s">
        <v>16</v>
      </c>
      <c r="B13" s="67">
        <v>11</v>
      </c>
      <c r="C13" s="68">
        <v>4</v>
      </c>
      <c r="D13" s="68">
        <v>7</v>
      </c>
      <c r="E13" s="67">
        <v>0</v>
      </c>
      <c r="F13" s="68">
        <v>0</v>
      </c>
      <c r="G13" s="69">
        <v>0</v>
      </c>
      <c r="H13" s="68">
        <v>50</v>
      </c>
      <c r="I13" s="68">
        <v>23</v>
      </c>
      <c r="J13" s="68">
        <v>27</v>
      </c>
      <c r="K13" s="67">
        <v>39</v>
      </c>
      <c r="L13" s="79">
        <v>19</v>
      </c>
      <c r="M13" s="80">
        <v>20</v>
      </c>
    </row>
    <row r="14" spans="1:13">
      <c r="A14" s="15" t="s">
        <v>18</v>
      </c>
      <c r="B14" s="67">
        <v>6</v>
      </c>
      <c r="C14" s="68">
        <v>3</v>
      </c>
      <c r="D14" s="68">
        <v>3</v>
      </c>
      <c r="E14" s="67">
        <v>0</v>
      </c>
      <c r="F14" s="68">
        <v>0</v>
      </c>
      <c r="G14" s="69">
        <v>0</v>
      </c>
      <c r="H14" s="68">
        <v>40</v>
      </c>
      <c r="I14" s="68">
        <v>21</v>
      </c>
      <c r="J14" s="68">
        <v>19</v>
      </c>
      <c r="K14" s="67">
        <v>34</v>
      </c>
      <c r="L14" s="79">
        <v>18</v>
      </c>
      <c r="M14" s="80">
        <v>16</v>
      </c>
    </row>
    <row r="15" spans="1:13">
      <c r="A15" s="15" t="s">
        <v>20</v>
      </c>
      <c r="B15" s="67">
        <v>6</v>
      </c>
      <c r="C15" s="68">
        <v>7</v>
      </c>
      <c r="D15" s="68">
        <v>-1</v>
      </c>
      <c r="E15" s="67">
        <v>0</v>
      </c>
      <c r="F15" s="68">
        <v>0</v>
      </c>
      <c r="G15" s="69">
        <v>0</v>
      </c>
      <c r="H15" s="68">
        <v>42</v>
      </c>
      <c r="I15" s="68">
        <v>21</v>
      </c>
      <c r="J15" s="68">
        <v>21</v>
      </c>
      <c r="K15" s="67">
        <v>36</v>
      </c>
      <c r="L15" s="79">
        <v>14</v>
      </c>
      <c r="M15" s="80">
        <v>22</v>
      </c>
    </row>
    <row r="16" spans="1:13">
      <c r="A16" s="15" t="s">
        <v>22</v>
      </c>
      <c r="B16" s="67">
        <v>6</v>
      </c>
      <c r="C16" s="68">
        <v>0</v>
      </c>
      <c r="D16" s="68">
        <v>6</v>
      </c>
      <c r="E16" s="67">
        <v>0</v>
      </c>
      <c r="F16" s="68">
        <v>0</v>
      </c>
      <c r="G16" s="69">
        <v>0</v>
      </c>
      <c r="H16" s="68">
        <v>33</v>
      </c>
      <c r="I16" s="68">
        <v>14</v>
      </c>
      <c r="J16" s="68">
        <v>19</v>
      </c>
      <c r="K16" s="67">
        <v>27</v>
      </c>
      <c r="L16" s="79">
        <v>14</v>
      </c>
      <c r="M16" s="80">
        <v>13</v>
      </c>
    </row>
    <row r="17" spans="1:13">
      <c r="A17" s="15" t="s">
        <v>24</v>
      </c>
      <c r="B17" s="67">
        <v>-4</v>
      </c>
      <c r="C17" s="68">
        <v>5</v>
      </c>
      <c r="D17" s="68">
        <v>-9</v>
      </c>
      <c r="E17" s="67">
        <v>1</v>
      </c>
      <c r="F17" s="68">
        <v>1</v>
      </c>
      <c r="G17" s="69">
        <v>0</v>
      </c>
      <c r="H17" s="68">
        <v>18</v>
      </c>
      <c r="I17" s="68">
        <v>12</v>
      </c>
      <c r="J17" s="68">
        <v>6</v>
      </c>
      <c r="K17" s="67">
        <v>21</v>
      </c>
      <c r="L17" s="79">
        <v>6</v>
      </c>
      <c r="M17" s="80">
        <v>15</v>
      </c>
    </row>
    <row r="18" spans="1:13" ht="21" customHeight="1">
      <c r="A18" s="36" t="s">
        <v>26</v>
      </c>
      <c r="B18" s="64">
        <v>-10</v>
      </c>
      <c r="C18" s="65">
        <v>-3</v>
      </c>
      <c r="D18" s="65">
        <v>-7</v>
      </c>
      <c r="E18" s="64">
        <v>0</v>
      </c>
      <c r="F18" s="65">
        <v>0</v>
      </c>
      <c r="G18" s="66">
        <v>0</v>
      </c>
      <c r="H18" s="65">
        <v>91</v>
      </c>
      <c r="I18" s="65">
        <v>47</v>
      </c>
      <c r="J18" s="65">
        <v>44</v>
      </c>
      <c r="K18" s="64">
        <v>101</v>
      </c>
      <c r="L18" s="77">
        <v>50</v>
      </c>
      <c r="M18" s="78">
        <v>51</v>
      </c>
    </row>
    <row r="19" spans="1:13">
      <c r="A19" s="15" t="s">
        <v>28</v>
      </c>
      <c r="B19" s="67">
        <v>-1</v>
      </c>
      <c r="C19" s="68">
        <v>-1</v>
      </c>
      <c r="D19" s="68">
        <v>0</v>
      </c>
      <c r="E19" s="67">
        <v>0</v>
      </c>
      <c r="F19" s="68">
        <v>0</v>
      </c>
      <c r="G19" s="69">
        <v>0</v>
      </c>
      <c r="H19" s="68">
        <v>21</v>
      </c>
      <c r="I19" s="68">
        <v>9</v>
      </c>
      <c r="J19" s="68">
        <v>12</v>
      </c>
      <c r="K19" s="67">
        <v>22</v>
      </c>
      <c r="L19" s="79">
        <v>10</v>
      </c>
      <c r="M19" s="80">
        <v>12</v>
      </c>
    </row>
    <row r="20" spans="1:13">
      <c r="A20" s="15" t="s">
        <v>30</v>
      </c>
      <c r="B20" s="67">
        <v>7</v>
      </c>
      <c r="C20" s="68">
        <v>2</v>
      </c>
      <c r="D20" s="68">
        <v>5</v>
      </c>
      <c r="E20" s="67">
        <v>0</v>
      </c>
      <c r="F20" s="68">
        <v>0</v>
      </c>
      <c r="G20" s="69">
        <v>0</v>
      </c>
      <c r="H20" s="68">
        <v>21</v>
      </c>
      <c r="I20" s="68">
        <v>8</v>
      </c>
      <c r="J20" s="68">
        <v>13</v>
      </c>
      <c r="K20" s="67">
        <v>14</v>
      </c>
      <c r="L20" s="79">
        <v>6</v>
      </c>
      <c r="M20" s="80">
        <v>8</v>
      </c>
    </row>
    <row r="21" spans="1:13">
      <c r="A21" s="15" t="s">
        <v>32</v>
      </c>
      <c r="B21" s="67">
        <v>-3</v>
      </c>
      <c r="C21" s="68">
        <v>2</v>
      </c>
      <c r="D21" s="68">
        <v>-5</v>
      </c>
      <c r="E21" s="67">
        <v>0</v>
      </c>
      <c r="F21" s="68">
        <v>0</v>
      </c>
      <c r="G21" s="69">
        <v>0</v>
      </c>
      <c r="H21" s="68">
        <v>14</v>
      </c>
      <c r="I21" s="68">
        <v>9</v>
      </c>
      <c r="J21" s="68">
        <v>5</v>
      </c>
      <c r="K21" s="67">
        <v>17</v>
      </c>
      <c r="L21" s="79">
        <v>7</v>
      </c>
      <c r="M21" s="80">
        <v>10</v>
      </c>
    </row>
    <row r="22" spans="1:13">
      <c r="A22" s="15" t="s">
        <v>34</v>
      </c>
      <c r="B22" s="67">
        <v>-13</v>
      </c>
      <c r="C22" s="68">
        <v>-7</v>
      </c>
      <c r="D22" s="68">
        <v>-6</v>
      </c>
      <c r="E22" s="67">
        <v>0</v>
      </c>
      <c r="F22" s="68">
        <v>0</v>
      </c>
      <c r="G22" s="69">
        <v>0</v>
      </c>
      <c r="H22" s="68">
        <v>19</v>
      </c>
      <c r="I22" s="68">
        <v>11</v>
      </c>
      <c r="J22" s="68">
        <v>8</v>
      </c>
      <c r="K22" s="67">
        <v>32</v>
      </c>
      <c r="L22" s="79">
        <v>18</v>
      </c>
      <c r="M22" s="80">
        <v>14</v>
      </c>
    </row>
    <row r="23" spans="1:13">
      <c r="A23" s="15" t="s">
        <v>36</v>
      </c>
      <c r="B23" s="67">
        <v>0</v>
      </c>
      <c r="C23" s="68">
        <v>1</v>
      </c>
      <c r="D23" s="68">
        <v>-1</v>
      </c>
      <c r="E23" s="67">
        <v>0</v>
      </c>
      <c r="F23" s="68">
        <v>0</v>
      </c>
      <c r="G23" s="69">
        <v>0</v>
      </c>
      <c r="H23" s="68">
        <v>16</v>
      </c>
      <c r="I23" s="68">
        <v>10</v>
      </c>
      <c r="J23" s="68">
        <v>6</v>
      </c>
      <c r="K23" s="67">
        <v>16</v>
      </c>
      <c r="L23" s="79">
        <v>9</v>
      </c>
      <c r="M23" s="80">
        <v>7</v>
      </c>
    </row>
    <row r="24" spans="1:13" ht="21" customHeight="1">
      <c r="A24" s="36" t="s">
        <v>38</v>
      </c>
      <c r="B24" s="64">
        <v>120</v>
      </c>
      <c r="C24" s="65">
        <v>53</v>
      </c>
      <c r="D24" s="65">
        <v>67</v>
      </c>
      <c r="E24" s="64">
        <v>0</v>
      </c>
      <c r="F24" s="65">
        <v>0</v>
      </c>
      <c r="G24" s="66">
        <v>0</v>
      </c>
      <c r="H24" s="65">
        <v>295</v>
      </c>
      <c r="I24" s="65">
        <v>161</v>
      </c>
      <c r="J24" s="65">
        <v>134</v>
      </c>
      <c r="K24" s="64">
        <v>175</v>
      </c>
      <c r="L24" s="77">
        <v>108</v>
      </c>
      <c r="M24" s="78">
        <v>67</v>
      </c>
    </row>
    <row r="25" spans="1:13">
      <c r="A25" s="15" t="s">
        <v>40</v>
      </c>
      <c r="B25" s="67">
        <v>11</v>
      </c>
      <c r="C25" s="68">
        <v>7</v>
      </c>
      <c r="D25" s="68">
        <v>4</v>
      </c>
      <c r="E25" s="67">
        <v>0</v>
      </c>
      <c r="F25" s="68">
        <v>0</v>
      </c>
      <c r="G25" s="69">
        <v>0</v>
      </c>
      <c r="H25" s="68">
        <v>25</v>
      </c>
      <c r="I25" s="68">
        <v>16</v>
      </c>
      <c r="J25" s="68">
        <v>9</v>
      </c>
      <c r="K25" s="67">
        <v>14</v>
      </c>
      <c r="L25" s="79">
        <v>9</v>
      </c>
      <c r="M25" s="80">
        <v>5</v>
      </c>
    </row>
    <row r="26" spans="1:13">
      <c r="A26" s="15" t="s">
        <v>42</v>
      </c>
      <c r="B26" s="67">
        <v>-9</v>
      </c>
      <c r="C26" s="68">
        <v>-12</v>
      </c>
      <c r="D26" s="68">
        <v>3</v>
      </c>
      <c r="E26" s="67">
        <v>0</v>
      </c>
      <c r="F26" s="68">
        <v>0</v>
      </c>
      <c r="G26" s="69">
        <v>0</v>
      </c>
      <c r="H26" s="68">
        <v>19</v>
      </c>
      <c r="I26" s="68">
        <v>5</v>
      </c>
      <c r="J26" s="68">
        <v>14</v>
      </c>
      <c r="K26" s="67">
        <v>28</v>
      </c>
      <c r="L26" s="79">
        <v>17</v>
      </c>
      <c r="M26" s="80">
        <v>11</v>
      </c>
    </row>
    <row r="27" spans="1:13">
      <c r="A27" s="15" t="s">
        <v>44</v>
      </c>
      <c r="B27" s="67">
        <v>-1</v>
      </c>
      <c r="C27" s="68">
        <v>-4</v>
      </c>
      <c r="D27" s="68">
        <v>3</v>
      </c>
      <c r="E27" s="67">
        <v>0</v>
      </c>
      <c r="F27" s="68">
        <v>0</v>
      </c>
      <c r="G27" s="69">
        <v>0</v>
      </c>
      <c r="H27" s="68">
        <v>14</v>
      </c>
      <c r="I27" s="68">
        <v>8</v>
      </c>
      <c r="J27" s="68">
        <v>6</v>
      </c>
      <c r="K27" s="67">
        <v>15</v>
      </c>
      <c r="L27" s="79">
        <v>12</v>
      </c>
      <c r="M27" s="80">
        <v>3</v>
      </c>
    </row>
    <row r="28" spans="1:13">
      <c r="A28" s="15" t="s">
        <v>46</v>
      </c>
      <c r="B28" s="67">
        <v>20</v>
      </c>
      <c r="C28" s="68">
        <v>8</v>
      </c>
      <c r="D28" s="68">
        <v>12</v>
      </c>
      <c r="E28" s="67">
        <v>0</v>
      </c>
      <c r="F28" s="68">
        <v>0</v>
      </c>
      <c r="G28" s="69">
        <v>0</v>
      </c>
      <c r="H28" s="68">
        <v>57</v>
      </c>
      <c r="I28" s="68">
        <v>29</v>
      </c>
      <c r="J28" s="68">
        <v>28</v>
      </c>
      <c r="K28" s="67">
        <v>37</v>
      </c>
      <c r="L28" s="79">
        <v>21</v>
      </c>
      <c r="M28" s="80">
        <v>16</v>
      </c>
    </row>
    <row r="29" spans="1:13">
      <c r="A29" s="15" t="s">
        <v>48</v>
      </c>
      <c r="B29" s="67">
        <v>99</v>
      </c>
      <c r="C29" s="68">
        <v>54</v>
      </c>
      <c r="D29" s="68">
        <v>45</v>
      </c>
      <c r="E29" s="67">
        <v>0</v>
      </c>
      <c r="F29" s="68">
        <v>0</v>
      </c>
      <c r="G29" s="69">
        <v>0</v>
      </c>
      <c r="H29" s="68">
        <v>180</v>
      </c>
      <c r="I29" s="68">
        <v>103</v>
      </c>
      <c r="J29" s="68">
        <v>77</v>
      </c>
      <c r="K29" s="67">
        <v>81</v>
      </c>
      <c r="L29" s="79">
        <v>49</v>
      </c>
      <c r="M29" s="80">
        <v>32</v>
      </c>
    </row>
    <row r="30" spans="1:13" ht="21" customHeight="1">
      <c r="A30" s="36" t="s">
        <v>50</v>
      </c>
      <c r="B30" s="64">
        <v>60</v>
      </c>
      <c r="C30" s="65">
        <v>69</v>
      </c>
      <c r="D30" s="65">
        <v>-9</v>
      </c>
      <c r="E30" s="64">
        <v>0</v>
      </c>
      <c r="F30" s="65">
        <v>0</v>
      </c>
      <c r="G30" s="66">
        <v>0</v>
      </c>
      <c r="H30" s="65">
        <v>1440</v>
      </c>
      <c r="I30" s="65">
        <v>733</v>
      </c>
      <c r="J30" s="65">
        <v>707</v>
      </c>
      <c r="K30" s="64">
        <v>1380</v>
      </c>
      <c r="L30" s="77">
        <v>664</v>
      </c>
      <c r="M30" s="78">
        <v>716</v>
      </c>
    </row>
    <row r="31" spans="1:13">
      <c r="A31" s="15" t="s">
        <v>52</v>
      </c>
      <c r="B31" s="67">
        <v>90</v>
      </c>
      <c r="C31" s="68">
        <v>54</v>
      </c>
      <c r="D31" s="68">
        <v>36</v>
      </c>
      <c r="E31" s="67">
        <v>0</v>
      </c>
      <c r="F31" s="68">
        <v>0</v>
      </c>
      <c r="G31" s="69">
        <v>0</v>
      </c>
      <c r="H31" s="68">
        <v>206</v>
      </c>
      <c r="I31" s="68">
        <v>102</v>
      </c>
      <c r="J31" s="68">
        <v>104</v>
      </c>
      <c r="K31" s="67">
        <v>116</v>
      </c>
      <c r="L31" s="79">
        <v>48</v>
      </c>
      <c r="M31" s="80">
        <v>68</v>
      </c>
    </row>
    <row r="32" spans="1:13">
      <c r="A32" s="15" t="s">
        <v>54</v>
      </c>
      <c r="B32" s="67">
        <v>19</v>
      </c>
      <c r="C32" s="68">
        <v>12</v>
      </c>
      <c r="D32" s="68">
        <v>7</v>
      </c>
      <c r="E32" s="67">
        <v>0</v>
      </c>
      <c r="F32" s="68">
        <v>0</v>
      </c>
      <c r="G32" s="69">
        <v>0</v>
      </c>
      <c r="H32" s="68">
        <v>202</v>
      </c>
      <c r="I32" s="68">
        <v>95</v>
      </c>
      <c r="J32" s="68">
        <v>107</v>
      </c>
      <c r="K32" s="67">
        <v>183</v>
      </c>
      <c r="L32" s="79">
        <v>83</v>
      </c>
      <c r="M32" s="80">
        <v>100</v>
      </c>
    </row>
    <row r="33" spans="1:13">
      <c r="A33" s="15" t="s">
        <v>56</v>
      </c>
      <c r="B33" s="67">
        <v>10</v>
      </c>
      <c r="C33" s="68">
        <v>7</v>
      </c>
      <c r="D33" s="68">
        <v>3</v>
      </c>
      <c r="E33" s="67">
        <v>0</v>
      </c>
      <c r="F33" s="68">
        <v>0</v>
      </c>
      <c r="G33" s="69">
        <v>0</v>
      </c>
      <c r="H33" s="68">
        <v>278</v>
      </c>
      <c r="I33" s="68">
        <v>142</v>
      </c>
      <c r="J33" s="68">
        <v>136</v>
      </c>
      <c r="K33" s="67">
        <v>268</v>
      </c>
      <c r="L33" s="79">
        <v>135</v>
      </c>
      <c r="M33" s="80">
        <v>133</v>
      </c>
    </row>
    <row r="34" spans="1:13">
      <c r="A34" s="15" t="s">
        <v>58</v>
      </c>
      <c r="B34" s="67">
        <v>-31</v>
      </c>
      <c r="C34" s="68">
        <v>2</v>
      </c>
      <c r="D34" s="68">
        <v>-33</v>
      </c>
      <c r="E34" s="67">
        <v>0</v>
      </c>
      <c r="F34" s="68">
        <v>0</v>
      </c>
      <c r="G34" s="69">
        <v>0</v>
      </c>
      <c r="H34" s="68">
        <v>390</v>
      </c>
      <c r="I34" s="68">
        <v>210</v>
      </c>
      <c r="J34" s="68">
        <v>180</v>
      </c>
      <c r="K34" s="67">
        <v>421</v>
      </c>
      <c r="L34" s="79">
        <v>208</v>
      </c>
      <c r="M34" s="80">
        <v>213</v>
      </c>
    </row>
    <row r="35" spans="1:13">
      <c r="A35" s="15" t="s">
        <v>60</v>
      </c>
      <c r="B35" s="67">
        <v>-28</v>
      </c>
      <c r="C35" s="68">
        <v>-6</v>
      </c>
      <c r="D35" s="68">
        <v>-22</v>
      </c>
      <c r="E35" s="67">
        <v>0</v>
      </c>
      <c r="F35" s="68">
        <v>0</v>
      </c>
      <c r="G35" s="69">
        <v>0</v>
      </c>
      <c r="H35" s="68">
        <v>364</v>
      </c>
      <c r="I35" s="68">
        <v>184</v>
      </c>
      <c r="J35" s="68">
        <v>180</v>
      </c>
      <c r="K35" s="67">
        <v>392</v>
      </c>
      <c r="L35" s="79">
        <v>190</v>
      </c>
      <c r="M35" s="80">
        <v>202</v>
      </c>
    </row>
    <row r="36" spans="1:13" ht="21" customHeight="1">
      <c r="A36" s="36" t="s">
        <v>62</v>
      </c>
      <c r="B36" s="64">
        <v>-87</v>
      </c>
      <c r="C36" s="65">
        <v>-13</v>
      </c>
      <c r="D36" s="65">
        <v>-74</v>
      </c>
      <c r="E36" s="64">
        <v>6</v>
      </c>
      <c r="F36" s="65">
        <v>2</v>
      </c>
      <c r="G36" s="66">
        <v>4</v>
      </c>
      <c r="H36" s="65">
        <v>1528</v>
      </c>
      <c r="I36" s="65">
        <v>826</v>
      </c>
      <c r="J36" s="65">
        <v>702</v>
      </c>
      <c r="K36" s="64">
        <v>1609</v>
      </c>
      <c r="L36" s="77">
        <v>837</v>
      </c>
      <c r="M36" s="78">
        <v>772</v>
      </c>
    </row>
    <row r="37" spans="1:13">
      <c r="A37" s="15" t="s">
        <v>64</v>
      </c>
      <c r="B37" s="67">
        <v>-14</v>
      </c>
      <c r="C37" s="68">
        <v>-5</v>
      </c>
      <c r="D37" s="68">
        <v>-9</v>
      </c>
      <c r="E37" s="67">
        <v>2</v>
      </c>
      <c r="F37" s="68">
        <v>0</v>
      </c>
      <c r="G37" s="69">
        <v>2</v>
      </c>
      <c r="H37" s="68">
        <v>359</v>
      </c>
      <c r="I37" s="68">
        <v>182</v>
      </c>
      <c r="J37" s="68">
        <v>177</v>
      </c>
      <c r="K37" s="67">
        <v>371</v>
      </c>
      <c r="L37" s="79">
        <v>187</v>
      </c>
      <c r="M37" s="80">
        <v>184</v>
      </c>
    </row>
    <row r="38" spans="1:13">
      <c r="A38" s="15" t="s">
        <v>66</v>
      </c>
      <c r="B38" s="67">
        <v>8</v>
      </c>
      <c r="C38" s="68">
        <v>11</v>
      </c>
      <c r="D38" s="68">
        <v>-3</v>
      </c>
      <c r="E38" s="67">
        <v>0</v>
      </c>
      <c r="F38" s="68">
        <v>0</v>
      </c>
      <c r="G38" s="69">
        <v>0</v>
      </c>
      <c r="H38" s="68">
        <v>339</v>
      </c>
      <c r="I38" s="68">
        <v>169</v>
      </c>
      <c r="J38" s="68">
        <v>170</v>
      </c>
      <c r="K38" s="67">
        <v>331</v>
      </c>
      <c r="L38" s="79">
        <v>158</v>
      </c>
      <c r="M38" s="80">
        <v>173</v>
      </c>
    </row>
    <row r="39" spans="1:13">
      <c r="A39" s="15" t="s">
        <v>68</v>
      </c>
      <c r="B39" s="67">
        <v>-17</v>
      </c>
      <c r="C39" s="68">
        <v>-4</v>
      </c>
      <c r="D39" s="68">
        <v>-13</v>
      </c>
      <c r="E39" s="67">
        <v>1</v>
      </c>
      <c r="F39" s="68">
        <v>1</v>
      </c>
      <c r="G39" s="69">
        <v>0</v>
      </c>
      <c r="H39" s="68">
        <v>314</v>
      </c>
      <c r="I39" s="68">
        <v>173</v>
      </c>
      <c r="J39" s="68">
        <v>141</v>
      </c>
      <c r="K39" s="67">
        <v>330</v>
      </c>
      <c r="L39" s="79">
        <v>176</v>
      </c>
      <c r="M39" s="80">
        <v>154</v>
      </c>
    </row>
    <row r="40" spans="1:13">
      <c r="A40" s="15" t="s">
        <v>70</v>
      </c>
      <c r="B40" s="67">
        <v>-10</v>
      </c>
      <c r="C40" s="68">
        <v>15</v>
      </c>
      <c r="D40" s="68">
        <v>-25</v>
      </c>
      <c r="E40" s="67">
        <v>3</v>
      </c>
      <c r="F40" s="68">
        <v>1</v>
      </c>
      <c r="G40" s="69">
        <v>2</v>
      </c>
      <c r="H40" s="68">
        <v>301</v>
      </c>
      <c r="I40" s="68">
        <v>183</v>
      </c>
      <c r="J40" s="68">
        <v>118</v>
      </c>
      <c r="K40" s="67">
        <v>308</v>
      </c>
      <c r="L40" s="79">
        <v>167</v>
      </c>
      <c r="M40" s="80">
        <v>141</v>
      </c>
    </row>
    <row r="41" spans="1:13">
      <c r="A41" s="15" t="s">
        <v>72</v>
      </c>
      <c r="B41" s="67">
        <v>-54</v>
      </c>
      <c r="C41" s="68">
        <v>-30</v>
      </c>
      <c r="D41" s="68">
        <v>-24</v>
      </c>
      <c r="E41" s="67">
        <v>0</v>
      </c>
      <c r="F41" s="68">
        <v>0</v>
      </c>
      <c r="G41" s="69">
        <v>0</v>
      </c>
      <c r="H41" s="68">
        <v>215</v>
      </c>
      <c r="I41" s="68">
        <v>119</v>
      </c>
      <c r="J41" s="68">
        <v>96</v>
      </c>
      <c r="K41" s="67">
        <v>269</v>
      </c>
      <c r="L41" s="79">
        <v>149</v>
      </c>
      <c r="M41" s="80">
        <v>120</v>
      </c>
    </row>
    <row r="42" spans="1:13" ht="21" customHeight="1">
      <c r="A42" s="36" t="s">
        <v>74</v>
      </c>
      <c r="B42" s="64">
        <v>-13</v>
      </c>
      <c r="C42" s="65">
        <v>3</v>
      </c>
      <c r="D42" s="65">
        <v>-16</v>
      </c>
      <c r="E42" s="64">
        <v>3</v>
      </c>
      <c r="F42" s="65">
        <v>0</v>
      </c>
      <c r="G42" s="66">
        <v>3</v>
      </c>
      <c r="H42" s="65">
        <v>938</v>
      </c>
      <c r="I42" s="65">
        <v>520</v>
      </c>
      <c r="J42" s="65">
        <v>418</v>
      </c>
      <c r="K42" s="64">
        <v>948</v>
      </c>
      <c r="L42" s="77">
        <v>517</v>
      </c>
      <c r="M42" s="78">
        <v>431</v>
      </c>
    </row>
    <row r="43" spans="1:13">
      <c r="A43" s="15" t="s">
        <v>76</v>
      </c>
      <c r="B43" s="67">
        <v>-13</v>
      </c>
      <c r="C43" s="68">
        <v>-9</v>
      </c>
      <c r="D43" s="68">
        <v>-4</v>
      </c>
      <c r="E43" s="67">
        <v>1</v>
      </c>
      <c r="F43" s="68">
        <v>0</v>
      </c>
      <c r="G43" s="69">
        <v>1</v>
      </c>
      <c r="H43" s="68">
        <v>250</v>
      </c>
      <c r="I43" s="68">
        <v>139</v>
      </c>
      <c r="J43" s="68">
        <v>111</v>
      </c>
      <c r="K43" s="67">
        <v>262</v>
      </c>
      <c r="L43" s="79">
        <v>148</v>
      </c>
      <c r="M43" s="80">
        <v>114</v>
      </c>
    </row>
    <row r="44" spans="1:13">
      <c r="A44" s="15" t="s">
        <v>78</v>
      </c>
      <c r="B44" s="67">
        <v>12</v>
      </c>
      <c r="C44" s="68">
        <v>7</v>
      </c>
      <c r="D44" s="68">
        <v>5</v>
      </c>
      <c r="E44" s="67">
        <v>0</v>
      </c>
      <c r="F44" s="68">
        <v>0</v>
      </c>
      <c r="G44" s="69">
        <v>0</v>
      </c>
      <c r="H44" s="68">
        <v>207</v>
      </c>
      <c r="I44" s="68">
        <v>110</v>
      </c>
      <c r="J44" s="68">
        <v>97</v>
      </c>
      <c r="K44" s="67">
        <v>195</v>
      </c>
      <c r="L44" s="79">
        <v>103</v>
      </c>
      <c r="M44" s="80">
        <v>92</v>
      </c>
    </row>
    <row r="45" spans="1:13">
      <c r="A45" s="15" t="s">
        <v>80</v>
      </c>
      <c r="B45" s="67">
        <v>-21</v>
      </c>
      <c r="C45" s="68">
        <v>-19</v>
      </c>
      <c r="D45" s="68">
        <v>-2</v>
      </c>
      <c r="E45" s="67">
        <v>0</v>
      </c>
      <c r="F45" s="68">
        <v>0</v>
      </c>
      <c r="G45" s="69">
        <v>0</v>
      </c>
      <c r="H45" s="68">
        <v>174</v>
      </c>
      <c r="I45" s="68">
        <v>97</v>
      </c>
      <c r="J45" s="68">
        <v>77</v>
      </c>
      <c r="K45" s="67">
        <v>195</v>
      </c>
      <c r="L45" s="79">
        <v>116</v>
      </c>
      <c r="M45" s="80">
        <v>79</v>
      </c>
    </row>
    <row r="46" spans="1:13">
      <c r="A46" s="15" t="s">
        <v>82</v>
      </c>
      <c r="B46" s="67">
        <v>21</v>
      </c>
      <c r="C46" s="68">
        <v>36</v>
      </c>
      <c r="D46" s="68">
        <v>-15</v>
      </c>
      <c r="E46" s="67">
        <v>1</v>
      </c>
      <c r="F46" s="68">
        <v>0</v>
      </c>
      <c r="G46" s="69">
        <v>1</v>
      </c>
      <c r="H46" s="68">
        <v>172</v>
      </c>
      <c r="I46" s="68">
        <v>105</v>
      </c>
      <c r="J46" s="68">
        <v>67</v>
      </c>
      <c r="K46" s="67">
        <v>150</v>
      </c>
      <c r="L46" s="79">
        <v>69</v>
      </c>
      <c r="M46" s="80">
        <v>81</v>
      </c>
    </row>
    <row r="47" spans="1:13">
      <c r="A47" s="15" t="s">
        <v>84</v>
      </c>
      <c r="B47" s="67">
        <v>-12</v>
      </c>
      <c r="C47" s="68">
        <v>-12</v>
      </c>
      <c r="D47" s="68">
        <v>0</v>
      </c>
      <c r="E47" s="67">
        <v>1</v>
      </c>
      <c r="F47" s="68">
        <v>0</v>
      </c>
      <c r="G47" s="69">
        <v>1</v>
      </c>
      <c r="H47" s="68">
        <v>135</v>
      </c>
      <c r="I47" s="68">
        <v>69</v>
      </c>
      <c r="J47" s="68">
        <v>66</v>
      </c>
      <c r="K47" s="67">
        <v>146</v>
      </c>
      <c r="L47" s="79">
        <v>81</v>
      </c>
      <c r="M47" s="80">
        <v>65</v>
      </c>
    </row>
    <row r="48" spans="1:13" ht="21" customHeight="1">
      <c r="A48" s="36" t="s">
        <v>86</v>
      </c>
      <c r="B48" s="64">
        <v>18</v>
      </c>
      <c r="C48" s="65">
        <v>-8</v>
      </c>
      <c r="D48" s="65">
        <v>26</v>
      </c>
      <c r="E48" s="64">
        <v>6</v>
      </c>
      <c r="F48" s="65">
        <v>5</v>
      </c>
      <c r="G48" s="66">
        <v>1</v>
      </c>
      <c r="H48" s="65">
        <v>587</v>
      </c>
      <c r="I48" s="65">
        <v>331</v>
      </c>
      <c r="J48" s="65">
        <v>256</v>
      </c>
      <c r="K48" s="64">
        <v>563</v>
      </c>
      <c r="L48" s="77">
        <v>334</v>
      </c>
      <c r="M48" s="78">
        <v>229</v>
      </c>
    </row>
    <row r="49" spans="1:13">
      <c r="A49" s="15" t="s">
        <v>88</v>
      </c>
      <c r="B49" s="67">
        <v>2</v>
      </c>
      <c r="C49" s="68">
        <v>-9</v>
      </c>
      <c r="D49" s="68">
        <v>11</v>
      </c>
      <c r="E49" s="67">
        <v>1</v>
      </c>
      <c r="F49" s="68">
        <v>1</v>
      </c>
      <c r="G49" s="69">
        <v>0</v>
      </c>
      <c r="H49" s="68">
        <v>128</v>
      </c>
      <c r="I49" s="68">
        <v>69</v>
      </c>
      <c r="J49" s="68">
        <v>59</v>
      </c>
      <c r="K49" s="67">
        <v>125</v>
      </c>
      <c r="L49" s="79">
        <v>77</v>
      </c>
      <c r="M49" s="80">
        <v>48</v>
      </c>
    </row>
    <row r="50" spans="1:13">
      <c r="A50" s="15" t="s">
        <v>90</v>
      </c>
      <c r="B50" s="67">
        <v>-11</v>
      </c>
      <c r="C50" s="68">
        <v>2</v>
      </c>
      <c r="D50" s="68">
        <v>-13</v>
      </c>
      <c r="E50" s="67">
        <v>1</v>
      </c>
      <c r="F50" s="68">
        <v>1</v>
      </c>
      <c r="G50" s="69">
        <v>0</v>
      </c>
      <c r="H50" s="68">
        <v>127</v>
      </c>
      <c r="I50" s="68">
        <v>72</v>
      </c>
      <c r="J50" s="68">
        <v>55</v>
      </c>
      <c r="K50" s="67">
        <v>137</v>
      </c>
      <c r="L50" s="79">
        <v>69</v>
      </c>
      <c r="M50" s="80">
        <v>68</v>
      </c>
    </row>
    <row r="51" spans="1:13">
      <c r="A51" s="15" t="s">
        <v>92</v>
      </c>
      <c r="B51" s="67">
        <v>29</v>
      </c>
      <c r="C51" s="68">
        <v>0</v>
      </c>
      <c r="D51" s="68">
        <v>29</v>
      </c>
      <c r="E51" s="67">
        <v>1</v>
      </c>
      <c r="F51" s="68">
        <v>1</v>
      </c>
      <c r="G51" s="69">
        <v>0</v>
      </c>
      <c r="H51" s="68">
        <v>131</v>
      </c>
      <c r="I51" s="68">
        <v>70</v>
      </c>
      <c r="J51" s="68">
        <v>61</v>
      </c>
      <c r="K51" s="67">
        <v>101</v>
      </c>
      <c r="L51" s="79">
        <v>69</v>
      </c>
      <c r="M51" s="80">
        <v>32</v>
      </c>
    </row>
    <row r="52" spans="1:13">
      <c r="A52" s="15" t="s">
        <v>94</v>
      </c>
      <c r="B52" s="67">
        <v>-8</v>
      </c>
      <c r="C52" s="68">
        <v>-8</v>
      </c>
      <c r="D52" s="68">
        <v>0</v>
      </c>
      <c r="E52" s="67">
        <v>3</v>
      </c>
      <c r="F52" s="68">
        <v>2</v>
      </c>
      <c r="G52" s="69">
        <v>1</v>
      </c>
      <c r="H52" s="68">
        <v>105</v>
      </c>
      <c r="I52" s="68">
        <v>62</v>
      </c>
      <c r="J52" s="68">
        <v>43</v>
      </c>
      <c r="K52" s="67">
        <v>110</v>
      </c>
      <c r="L52" s="79">
        <v>68</v>
      </c>
      <c r="M52" s="80">
        <v>42</v>
      </c>
    </row>
    <row r="53" spans="1:13">
      <c r="A53" s="15" t="s">
        <v>96</v>
      </c>
      <c r="B53" s="67">
        <v>6</v>
      </c>
      <c r="C53" s="68">
        <v>7</v>
      </c>
      <c r="D53" s="68">
        <v>-1</v>
      </c>
      <c r="E53" s="67">
        <v>0</v>
      </c>
      <c r="F53" s="68">
        <v>0</v>
      </c>
      <c r="G53" s="69">
        <v>0</v>
      </c>
      <c r="H53" s="68">
        <v>96</v>
      </c>
      <c r="I53" s="68">
        <v>58</v>
      </c>
      <c r="J53" s="68">
        <v>38</v>
      </c>
      <c r="K53" s="67">
        <v>90</v>
      </c>
      <c r="L53" s="79">
        <v>51</v>
      </c>
      <c r="M53" s="80">
        <v>39</v>
      </c>
    </row>
    <row r="54" spans="1:13" ht="21" customHeight="1">
      <c r="A54" s="36" t="s">
        <v>98</v>
      </c>
      <c r="B54" s="64">
        <v>10</v>
      </c>
      <c r="C54" s="65">
        <v>7</v>
      </c>
      <c r="D54" s="65">
        <v>3</v>
      </c>
      <c r="E54" s="64">
        <v>12</v>
      </c>
      <c r="F54" s="65">
        <v>8</v>
      </c>
      <c r="G54" s="66">
        <v>4</v>
      </c>
      <c r="H54" s="65">
        <v>421</v>
      </c>
      <c r="I54" s="65">
        <v>247</v>
      </c>
      <c r="J54" s="65">
        <v>174</v>
      </c>
      <c r="K54" s="64">
        <v>399</v>
      </c>
      <c r="L54" s="77">
        <v>232</v>
      </c>
      <c r="M54" s="78">
        <v>167</v>
      </c>
    </row>
    <row r="55" spans="1:13">
      <c r="A55" s="15" t="s">
        <v>100</v>
      </c>
      <c r="B55" s="67">
        <v>-2</v>
      </c>
      <c r="C55" s="68">
        <v>-1</v>
      </c>
      <c r="D55" s="68">
        <v>-1</v>
      </c>
      <c r="E55" s="67">
        <v>1</v>
      </c>
      <c r="F55" s="68">
        <v>1</v>
      </c>
      <c r="G55" s="69">
        <v>0</v>
      </c>
      <c r="H55" s="68">
        <v>94</v>
      </c>
      <c r="I55" s="68">
        <v>56</v>
      </c>
      <c r="J55" s="68">
        <v>38</v>
      </c>
      <c r="K55" s="67">
        <v>95</v>
      </c>
      <c r="L55" s="79">
        <v>56</v>
      </c>
      <c r="M55" s="80">
        <v>39</v>
      </c>
    </row>
    <row r="56" spans="1:13">
      <c r="A56" s="15" t="s">
        <v>102</v>
      </c>
      <c r="B56" s="67">
        <v>-17</v>
      </c>
      <c r="C56" s="68">
        <v>-12</v>
      </c>
      <c r="D56" s="68">
        <v>-5</v>
      </c>
      <c r="E56" s="67">
        <v>5</v>
      </c>
      <c r="F56" s="68">
        <v>3</v>
      </c>
      <c r="G56" s="69">
        <v>2</v>
      </c>
      <c r="H56" s="68">
        <v>77</v>
      </c>
      <c r="I56" s="68">
        <v>45</v>
      </c>
      <c r="J56" s="68">
        <v>32</v>
      </c>
      <c r="K56" s="67">
        <v>89</v>
      </c>
      <c r="L56" s="79">
        <v>54</v>
      </c>
      <c r="M56" s="80">
        <v>35</v>
      </c>
    </row>
    <row r="57" spans="1:13">
      <c r="A57" s="15" t="s">
        <v>104</v>
      </c>
      <c r="B57" s="67">
        <v>1</v>
      </c>
      <c r="C57" s="68">
        <v>-2</v>
      </c>
      <c r="D57" s="68">
        <v>3</v>
      </c>
      <c r="E57" s="67">
        <v>2</v>
      </c>
      <c r="F57" s="68">
        <v>1</v>
      </c>
      <c r="G57" s="69">
        <v>1</v>
      </c>
      <c r="H57" s="68">
        <v>86</v>
      </c>
      <c r="I57" s="68">
        <v>48</v>
      </c>
      <c r="J57" s="68">
        <v>38</v>
      </c>
      <c r="K57" s="67">
        <v>83</v>
      </c>
      <c r="L57" s="79">
        <v>49</v>
      </c>
      <c r="M57" s="80">
        <v>34</v>
      </c>
    </row>
    <row r="58" spans="1:13">
      <c r="A58" s="15" t="s">
        <v>106</v>
      </c>
      <c r="B58" s="67">
        <v>13</v>
      </c>
      <c r="C58" s="68">
        <v>7</v>
      </c>
      <c r="D58" s="68">
        <v>6</v>
      </c>
      <c r="E58" s="67">
        <v>2</v>
      </c>
      <c r="F58" s="68">
        <v>2</v>
      </c>
      <c r="G58" s="69">
        <v>0</v>
      </c>
      <c r="H58" s="68">
        <v>83</v>
      </c>
      <c r="I58" s="68">
        <v>46</v>
      </c>
      <c r="J58" s="68">
        <v>37</v>
      </c>
      <c r="K58" s="67">
        <v>68</v>
      </c>
      <c r="L58" s="79">
        <v>37</v>
      </c>
      <c r="M58" s="80">
        <v>31</v>
      </c>
    </row>
    <row r="59" spans="1:13">
      <c r="A59" s="15" t="s">
        <v>108</v>
      </c>
      <c r="B59" s="67">
        <v>15</v>
      </c>
      <c r="C59" s="68">
        <v>15</v>
      </c>
      <c r="D59" s="68">
        <v>0</v>
      </c>
      <c r="E59" s="67">
        <v>2</v>
      </c>
      <c r="F59" s="68">
        <v>1</v>
      </c>
      <c r="G59" s="69">
        <v>1</v>
      </c>
      <c r="H59" s="68">
        <v>81</v>
      </c>
      <c r="I59" s="68">
        <v>52</v>
      </c>
      <c r="J59" s="68">
        <v>29</v>
      </c>
      <c r="K59" s="67">
        <v>64</v>
      </c>
      <c r="L59" s="79">
        <v>36</v>
      </c>
      <c r="M59" s="80">
        <v>28</v>
      </c>
    </row>
    <row r="60" spans="1:13" ht="21" customHeight="1">
      <c r="A60" s="36" t="s">
        <v>110</v>
      </c>
      <c r="B60" s="64">
        <v>-28</v>
      </c>
      <c r="C60" s="65">
        <v>-8</v>
      </c>
      <c r="D60" s="65">
        <v>-20</v>
      </c>
      <c r="E60" s="64">
        <v>18</v>
      </c>
      <c r="F60" s="65">
        <v>10</v>
      </c>
      <c r="G60" s="66">
        <v>8</v>
      </c>
      <c r="H60" s="65">
        <v>332</v>
      </c>
      <c r="I60" s="65">
        <v>197</v>
      </c>
      <c r="J60" s="65">
        <v>135</v>
      </c>
      <c r="K60" s="64">
        <v>342</v>
      </c>
      <c r="L60" s="77">
        <v>195</v>
      </c>
      <c r="M60" s="78">
        <v>147</v>
      </c>
    </row>
    <row r="61" spans="1:13">
      <c r="A61" s="15" t="s">
        <v>112</v>
      </c>
      <c r="B61" s="67">
        <v>-21</v>
      </c>
      <c r="C61" s="68">
        <v>-4</v>
      </c>
      <c r="D61" s="68">
        <v>-17</v>
      </c>
      <c r="E61" s="67">
        <v>4</v>
      </c>
      <c r="F61" s="68">
        <v>2</v>
      </c>
      <c r="G61" s="69">
        <v>2</v>
      </c>
      <c r="H61" s="68">
        <v>65</v>
      </c>
      <c r="I61" s="68">
        <v>38</v>
      </c>
      <c r="J61" s="68">
        <v>27</v>
      </c>
      <c r="K61" s="67">
        <v>82</v>
      </c>
      <c r="L61" s="79">
        <v>40</v>
      </c>
      <c r="M61" s="80">
        <v>42</v>
      </c>
    </row>
    <row r="62" spans="1:13">
      <c r="A62" s="15" t="s">
        <v>114</v>
      </c>
      <c r="B62" s="67">
        <v>-13</v>
      </c>
      <c r="C62" s="68">
        <v>0</v>
      </c>
      <c r="D62" s="68">
        <v>-13</v>
      </c>
      <c r="E62" s="67">
        <v>2</v>
      </c>
      <c r="F62" s="68">
        <v>0</v>
      </c>
      <c r="G62" s="69">
        <v>2</v>
      </c>
      <c r="H62" s="68">
        <v>55</v>
      </c>
      <c r="I62" s="68">
        <v>36</v>
      </c>
      <c r="J62" s="68">
        <v>19</v>
      </c>
      <c r="K62" s="67">
        <v>66</v>
      </c>
      <c r="L62" s="79">
        <v>36</v>
      </c>
      <c r="M62" s="80">
        <v>30</v>
      </c>
    </row>
    <row r="63" spans="1:13">
      <c r="A63" s="15" t="s">
        <v>116</v>
      </c>
      <c r="B63" s="67">
        <v>5</v>
      </c>
      <c r="C63" s="68">
        <v>-5</v>
      </c>
      <c r="D63" s="68">
        <v>10</v>
      </c>
      <c r="E63" s="67">
        <v>2</v>
      </c>
      <c r="F63" s="68">
        <v>2</v>
      </c>
      <c r="G63" s="69">
        <v>0</v>
      </c>
      <c r="H63" s="68">
        <v>81</v>
      </c>
      <c r="I63" s="68">
        <v>45</v>
      </c>
      <c r="J63" s="68">
        <v>36</v>
      </c>
      <c r="K63" s="67">
        <v>74</v>
      </c>
      <c r="L63" s="79">
        <v>48</v>
      </c>
      <c r="M63" s="80">
        <v>26</v>
      </c>
    </row>
    <row r="64" spans="1:13">
      <c r="A64" s="15" t="s">
        <v>118</v>
      </c>
      <c r="B64" s="67">
        <v>-2</v>
      </c>
      <c r="C64" s="68">
        <v>-8</v>
      </c>
      <c r="D64" s="68">
        <v>6</v>
      </c>
      <c r="E64" s="67">
        <v>6</v>
      </c>
      <c r="F64" s="68">
        <v>4</v>
      </c>
      <c r="G64" s="69">
        <v>2</v>
      </c>
      <c r="H64" s="68">
        <v>67</v>
      </c>
      <c r="I64" s="68">
        <v>36</v>
      </c>
      <c r="J64" s="68">
        <v>31</v>
      </c>
      <c r="K64" s="67">
        <v>63</v>
      </c>
      <c r="L64" s="79">
        <v>40</v>
      </c>
      <c r="M64" s="80">
        <v>23</v>
      </c>
    </row>
    <row r="65" spans="1:13">
      <c r="A65" s="19" t="s">
        <v>120</v>
      </c>
      <c r="B65" s="70">
        <v>3</v>
      </c>
      <c r="C65" s="71">
        <v>9</v>
      </c>
      <c r="D65" s="71">
        <v>-6</v>
      </c>
      <c r="E65" s="70">
        <v>4</v>
      </c>
      <c r="F65" s="71">
        <v>2</v>
      </c>
      <c r="G65" s="72">
        <v>2</v>
      </c>
      <c r="H65" s="71">
        <v>64</v>
      </c>
      <c r="I65" s="71">
        <v>42</v>
      </c>
      <c r="J65" s="71">
        <v>22</v>
      </c>
      <c r="K65" s="70">
        <v>57</v>
      </c>
      <c r="L65" s="81">
        <v>31</v>
      </c>
      <c r="M65" s="82">
        <v>26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47</v>
      </c>
      <c r="C68" s="10" t="s">
        <v>142</v>
      </c>
      <c r="D68" s="10" t="s">
        <v>143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892</v>
      </c>
      <c r="C69" s="50">
        <v>473</v>
      </c>
      <c r="D69" s="84">
        <v>419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48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80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6</v>
      </c>
      <c r="B73" s="9" t="s">
        <v>147</v>
      </c>
      <c r="C73" s="10" t="s">
        <v>142</v>
      </c>
      <c r="D73" s="9" t="s">
        <v>143</v>
      </c>
      <c r="E73" s="9" t="s">
        <v>147</v>
      </c>
      <c r="F73" s="9" t="s">
        <v>142</v>
      </c>
      <c r="G73" s="9" t="s">
        <v>143</v>
      </c>
      <c r="H73" s="9" t="s">
        <v>147</v>
      </c>
      <c r="I73" s="9" t="s">
        <v>142</v>
      </c>
      <c r="J73" s="9" t="s">
        <v>143</v>
      </c>
      <c r="K73" s="9" t="s">
        <v>147</v>
      </c>
      <c r="L73" s="9" t="s">
        <v>142</v>
      </c>
      <c r="M73" s="11" t="s">
        <v>143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31</v>
      </c>
      <c r="C75" s="65">
        <v>-10</v>
      </c>
      <c r="D75" s="65">
        <v>-21</v>
      </c>
      <c r="E75" s="64">
        <v>33</v>
      </c>
      <c r="F75" s="65">
        <v>18</v>
      </c>
      <c r="G75" s="66">
        <v>15</v>
      </c>
      <c r="H75" s="65">
        <v>270</v>
      </c>
      <c r="I75" s="65">
        <v>148</v>
      </c>
      <c r="J75" s="65">
        <v>122</v>
      </c>
      <c r="K75" s="64">
        <v>268</v>
      </c>
      <c r="L75" s="77">
        <v>140</v>
      </c>
      <c r="M75" s="78">
        <v>128</v>
      </c>
    </row>
    <row r="76" spans="1:13">
      <c r="A76" s="27" t="s">
        <v>5</v>
      </c>
      <c r="B76" s="67">
        <v>-9</v>
      </c>
      <c r="C76" s="68">
        <v>-9</v>
      </c>
      <c r="D76" s="68">
        <v>0</v>
      </c>
      <c r="E76" s="67">
        <v>8</v>
      </c>
      <c r="F76" s="68">
        <v>4</v>
      </c>
      <c r="G76" s="69">
        <v>4</v>
      </c>
      <c r="H76" s="68">
        <v>60</v>
      </c>
      <c r="I76" s="68">
        <v>31</v>
      </c>
      <c r="J76" s="68">
        <v>29</v>
      </c>
      <c r="K76" s="67">
        <v>61</v>
      </c>
      <c r="L76" s="79">
        <v>36</v>
      </c>
      <c r="M76" s="80">
        <v>25</v>
      </c>
    </row>
    <row r="77" spans="1:13">
      <c r="A77" s="27" t="s">
        <v>7</v>
      </c>
      <c r="B77" s="67">
        <v>-2</v>
      </c>
      <c r="C77" s="68">
        <v>12</v>
      </c>
      <c r="D77" s="68">
        <v>-14</v>
      </c>
      <c r="E77" s="67">
        <v>7</v>
      </c>
      <c r="F77" s="68">
        <v>2</v>
      </c>
      <c r="G77" s="69">
        <v>5</v>
      </c>
      <c r="H77" s="68">
        <v>69</v>
      </c>
      <c r="I77" s="68">
        <v>44</v>
      </c>
      <c r="J77" s="68">
        <v>25</v>
      </c>
      <c r="K77" s="67">
        <v>64</v>
      </c>
      <c r="L77" s="79">
        <v>30</v>
      </c>
      <c r="M77" s="80">
        <v>34</v>
      </c>
    </row>
    <row r="78" spans="1:13">
      <c r="A78" s="27" t="s">
        <v>9</v>
      </c>
      <c r="B78" s="67">
        <v>-16</v>
      </c>
      <c r="C78" s="68">
        <v>-15</v>
      </c>
      <c r="D78" s="68">
        <v>-1</v>
      </c>
      <c r="E78" s="67">
        <v>6</v>
      </c>
      <c r="F78" s="68">
        <v>5</v>
      </c>
      <c r="G78" s="69">
        <v>1</v>
      </c>
      <c r="H78" s="68">
        <v>50</v>
      </c>
      <c r="I78" s="68">
        <v>24</v>
      </c>
      <c r="J78" s="68">
        <v>26</v>
      </c>
      <c r="K78" s="67">
        <v>60</v>
      </c>
      <c r="L78" s="79">
        <v>34</v>
      </c>
      <c r="M78" s="80">
        <v>26</v>
      </c>
    </row>
    <row r="79" spans="1:13">
      <c r="A79" s="27" t="s">
        <v>11</v>
      </c>
      <c r="B79" s="67">
        <v>2</v>
      </c>
      <c r="C79" s="68">
        <v>9</v>
      </c>
      <c r="D79" s="68">
        <v>-7</v>
      </c>
      <c r="E79" s="67">
        <v>8</v>
      </c>
      <c r="F79" s="68">
        <v>5</v>
      </c>
      <c r="G79" s="69">
        <v>3</v>
      </c>
      <c r="H79" s="68">
        <v>47</v>
      </c>
      <c r="I79" s="68">
        <v>28</v>
      </c>
      <c r="J79" s="68">
        <v>19</v>
      </c>
      <c r="K79" s="67">
        <v>37</v>
      </c>
      <c r="L79" s="79">
        <v>14</v>
      </c>
      <c r="M79" s="80">
        <v>23</v>
      </c>
    </row>
    <row r="80" spans="1:13">
      <c r="A80" s="27" t="s">
        <v>13</v>
      </c>
      <c r="B80" s="67">
        <v>-6</v>
      </c>
      <c r="C80" s="68">
        <v>-7</v>
      </c>
      <c r="D80" s="68">
        <v>1</v>
      </c>
      <c r="E80" s="67">
        <v>4</v>
      </c>
      <c r="F80" s="68">
        <v>2</v>
      </c>
      <c r="G80" s="69">
        <v>2</v>
      </c>
      <c r="H80" s="68">
        <v>44</v>
      </c>
      <c r="I80" s="68">
        <v>21</v>
      </c>
      <c r="J80" s="68">
        <v>23</v>
      </c>
      <c r="K80" s="67">
        <v>46</v>
      </c>
      <c r="L80" s="79">
        <v>26</v>
      </c>
      <c r="M80" s="80">
        <v>20</v>
      </c>
    </row>
    <row r="81" spans="1:13" ht="21" customHeight="1">
      <c r="A81" s="38" t="s">
        <v>15</v>
      </c>
      <c r="B81" s="64">
        <v>-11</v>
      </c>
      <c r="C81" s="65">
        <v>-12</v>
      </c>
      <c r="D81" s="65">
        <v>1</v>
      </c>
      <c r="E81" s="64">
        <v>24</v>
      </c>
      <c r="F81" s="65">
        <v>17</v>
      </c>
      <c r="G81" s="66">
        <v>7</v>
      </c>
      <c r="H81" s="65">
        <v>168</v>
      </c>
      <c r="I81" s="65">
        <v>96</v>
      </c>
      <c r="J81" s="65">
        <v>72</v>
      </c>
      <c r="K81" s="64">
        <v>155</v>
      </c>
      <c r="L81" s="77">
        <v>91</v>
      </c>
      <c r="M81" s="78">
        <v>64</v>
      </c>
    </row>
    <row r="82" spans="1:13">
      <c r="A82" s="27" t="s">
        <v>17</v>
      </c>
      <c r="B82" s="67">
        <v>4</v>
      </c>
      <c r="C82" s="68">
        <v>-5</v>
      </c>
      <c r="D82" s="68">
        <v>9</v>
      </c>
      <c r="E82" s="67">
        <v>5</v>
      </c>
      <c r="F82" s="68">
        <v>4</v>
      </c>
      <c r="G82" s="69">
        <v>1</v>
      </c>
      <c r="H82" s="68">
        <v>50</v>
      </c>
      <c r="I82" s="68">
        <v>28</v>
      </c>
      <c r="J82" s="68">
        <v>22</v>
      </c>
      <c r="K82" s="67">
        <v>41</v>
      </c>
      <c r="L82" s="79">
        <v>29</v>
      </c>
      <c r="M82" s="80">
        <v>12</v>
      </c>
    </row>
    <row r="83" spans="1:13">
      <c r="A83" s="27" t="s">
        <v>19</v>
      </c>
      <c r="B83" s="67">
        <v>-3</v>
      </c>
      <c r="C83" s="68">
        <v>-1</v>
      </c>
      <c r="D83" s="68">
        <v>-2</v>
      </c>
      <c r="E83" s="67">
        <v>4</v>
      </c>
      <c r="F83" s="68">
        <v>3</v>
      </c>
      <c r="G83" s="69">
        <v>1</v>
      </c>
      <c r="H83" s="68">
        <v>28</v>
      </c>
      <c r="I83" s="68">
        <v>15</v>
      </c>
      <c r="J83" s="68">
        <v>13</v>
      </c>
      <c r="K83" s="67">
        <v>27</v>
      </c>
      <c r="L83" s="79">
        <v>13</v>
      </c>
      <c r="M83" s="80">
        <v>14</v>
      </c>
    </row>
    <row r="84" spans="1:13">
      <c r="A84" s="27" t="s">
        <v>21</v>
      </c>
      <c r="B84" s="67">
        <v>3</v>
      </c>
      <c r="C84" s="68">
        <v>-3</v>
      </c>
      <c r="D84" s="68">
        <v>6</v>
      </c>
      <c r="E84" s="67">
        <v>3</v>
      </c>
      <c r="F84" s="68">
        <v>3</v>
      </c>
      <c r="G84" s="69">
        <v>0</v>
      </c>
      <c r="H84" s="68">
        <v>31</v>
      </c>
      <c r="I84" s="68">
        <v>16</v>
      </c>
      <c r="J84" s="68">
        <v>15</v>
      </c>
      <c r="K84" s="67">
        <v>25</v>
      </c>
      <c r="L84" s="79">
        <v>16</v>
      </c>
      <c r="M84" s="80">
        <v>9</v>
      </c>
    </row>
    <row r="85" spans="1:13">
      <c r="A85" s="27" t="s">
        <v>23</v>
      </c>
      <c r="B85" s="67">
        <v>-7</v>
      </c>
      <c r="C85" s="68">
        <v>1</v>
      </c>
      <c r="D85" s="68">
        <v>-8</v>
      </c>
      <c r="E85" s="67">
        <v>6</v>
      </c>
      <c r="F85" s="68">
        <v>4</v>
      </c>
      <c r="G85" s="69">
        <v>2</v>
      </c>
      <c r="H85" s="68">
        <v>29</v>
      </c>
      <c r="I85" s="68">
        <v>21</v>
      </c>
      <c r="J85" s="68">
        <v>8</v>
      </c>
      <c r="K85" s="67">
        <v>30</v>
      </c>
      <c r="L85" s="79">
        <v>16</v>
      </c>
      <c r="M85" s="80">
        <v>14</v>
      </c>
    </row>
    <row r="86" spans="1:13">
      <c r="A86" s="27" t="s">
        <v>25</v>
      </c>
      <c r="B86" s="67">
        <v>-8</v>
      </c>
      <c r="C86" s="68">
        <v>-4</v>
      </c>
      <c r="D86" s="68">
        <v>-4</v>
      </c>
      <c r="E86" s="67">
        <v>6</v>
      </c>
      <c r="F86" s="68">
        <v>3</v>
      </c>
      <c r="G86" s="69">
        <v>3</v>
      </c>
      <c r="H86" s="68">
        <v>30</v>
      </c>
      <c r="I86" s="68">
        <v>16</v>
      </c>
      <c r="J86" s="68">
        <v>14</v>
      </c>
      <c r="K86" s="67">
        <v>32</v>
      </c>
      <c r="L86" s="79">
        <v>17</v>
      </c>
      <c r="M86" s="80">
        <v>15</v>
      </c>
    </row>
    <row r="87" spans="1:13" ht="21" customHeight="1">
      <c r="A87" s="38" t="s">
        <v>27</v>
      </c>
      <c r="B87" s="64">
        <v>-47</v>
      </c>
      <c r="C87" s="65">
        <v>-50</v>
      </c>
      <c r="D87" s="65">
        <v>3</v>
      </c>
      <c r="E87" s="64">
        <v>58</v>
      </c>
      <c r="F87" s="65">
        <v>40</v>
      </c>
      <c r="G87" s="66">
        <v>18</v>
      </c>
      <c r="H87" s="65">
        <v>151</v>
      </c>
      <c r="I87" s="65">
        <v>89</v>
      </c>
      <c r="J87" s="65">
        <v>62</v>
      </c>
      <c r="K87" s="64">
        <v>140</v>
      </c>
      <c r="L87" s="77">
        <v>99</v>
      </c>
      <c r="M87" s="78">
        <v>41</v>
      </c>
    </row>
    <row r="88" spans="1:13">
      <c r="A88" s="27" t="s">
        <v>29</v>
      </c>
      <c r="B88" s="67">
        <v>1</v>
      </c>
      <c r="C88" s="68">
        <v>-4</v>
      </c>
      <c r="D88" s="68">
        <v>5</v>
      </c>
      <c r="E88" s="67">
        <v>12</v>
      </c>
      <c r="F88" s="68">
        <v>8</v>
      </c>
      <c r="G88" s="69">
        <v>4</v>
      </c>
      <c r="H88" s="68">
        <v>50</v>
      </c>
      <c r="I88" s="68">
        <v>32</v>
      </c>
      <c r="J88" s="68">
        <v>18</v>
      </c>
      <c r="K88" s="67">
        <v>37</v>
      </c>
      <c r="L88" s="79">
        <v>28</v>
      </c>
      <c r="M88" s="80">
        <v>9</v>
      </c>
    </row>
    <row r="89" spans="1:13">
      <c r="A89" s="27" t="s">
        <v>31</v>
      </c>
      <c r="B89" s="67">
        <v>-8</v>
      </c>
      <c r="C89" s="68">
        <v>-6</v>
      </c>
      <c r="D89" s="68">
        <v>-2</v>
      </c>
      <c r="E89" s="67">
        <v>5</v>
      </c>
      <c r="F89" s="68">
        <v>3</v>
      </c>
      <c r="G89" s="69">
        <v>2</v>
      </c>
      <c r="H89" s="68">
        <v>26</v>
      </c>
      <c r="I89" s="68">
        <v>16</v>
      </c>
      <c r="J89" s="68">
        <v>10</v>
      </c>
      <c r="K89" s="67">
        <v>29</v>
      </c>
      <c r="L89" s="79">
        <v>19</v>
      </c>
      <c r="M89" s="80">
        <v>10</v>
      </c>
    </row>
    <row r="90" spans="1:13">
      <c r="A90" s="27" t="s">
        <v>33</v>
      </c>
      <c r="B90" s="67">
        <v>-6</v>
      </c>
      <c r="C90" s="68">
        <v>-11</v>
      </c>
      <c r="D90" s="68">
        <v>5</v>
      </c>
      <c r="E90" s="67">
        <v>6</v>
      </c>
      <c r="F90" s="68">
        <v>4</v>
      </c>
      <c r="G90" s="69">
        <v>2</v>
      </c>
      <c r="H90" s="68">
        <v>24</v>
      </c>
      <c r="I90" s="68">
        <v>9</v>
      </c>
      <c r="J90" s="68">
        <v>15</v>
      </c>
      <c r="K90" s="67">
        <v>24</v>
      </c>
      <c r="L90" s="79">
        <v>16</v>
      </c>
      <c r="M90" s="80">
        <v>8</v>
      </c>
    </row>
    <row r="91" spans="1:13">
      <c r="A91" s="27" t="s">
        <v>35</v>
      </c>
      <c r="B91" s="67">
        <v>-14</v>
      </c>
      <c r="C91" s="68">
        <v>-10</v>
      </c>
      <c r="D91" s="68">
        <v>-4</v>
      </c>
      <c r="E91" s="67">
        <v>11</v>
      </c>
      <c r="F91" s="68">
        <v>8</v>
      </c>
      <c r="G91" s="69">
        <v>3</v>
      </c>
      <c r="H91" s="68">
        <v>24</v>
      </c>
      <c r="I91" s="68">
        <v>17</v>
      </c>
      <c r="J91" s="68">
        <v>7</v>
      </c>
      <c r="K91" s="67">
        <v>27</v>
      </c>
      <c r="L91" s="79">
        <v>19</v>
      </c>
      <c r="M91" s="80">
        <v>8</v>
      </c>
    </row>
    <row r="92" spans="1:13">
      <c r="A92" s="27" t="s">
        <v>37</v>
      </c>
      <c r="B92" s="67">
        <v>-20</v>
      </c>
      <c r="C92" s="68">
        <v>-19</v>
      </c>
      <c r="D92" s="68">
        <v>-1</v>
      </c>
      <c r="E92" s="67">
        <v>24</v>
      </c>
      <c r="F92" s="68">
        <v>17</v>
      </c>
      <c r="G92" s="69">
        <v>7</v>
      </c>
      <c r="H92" s="68">
        <v>27</v>
      </c>
      <c r="I92" s="68">
        <v>15</v>
      </c>
      <c r="J92" s="68">
        <v>12</v>
      </c>
      <c r="K92" s="67">
        <v>23</v>
      </c>
      <c r="L92" s="79">
        <v>17</v>
      </c>
      <c r="M92" s="80">
        <v>6</v>
      </c>
    </row>
    <row r="93" spans="1:13" ht="21" customHeight="1">
      <c r="A93" s="38" t="s">
        <v>39</v>
      </c>
      <c r="B93" s="64">
        <v>-60</v>
      </c>
      <c r="C93" s="65">
        <v>-29</v>
      </c>
      <c r="D93" s="65">
        <v>-31</v>
      </c>
      <c r="E93" s="64">
        <v>71</v>
      </c>
      <c r="F93" s="65">
        <v>45</v>
      </c>
      <c r="G93" s="66">
        <v>26</v>
      </c>
      <c r="H93" s="65">
        <v>126</v>
      </c>
      <c r="I93" s="65">
        <v>80</v>
      </c>
      <c r="J93" s="65">
        <v>46</v>
      </c>
      <c r="K93" s="64">
        <v>115</v>
      </c>
      <c r="L93" s="77">
        <v>64</v>
      </c>
      <c r="M93" s="78">
        <v>51</v>
      </c>
    </row>
    <row r="94" spans="1:13">
      <c r="A94" s="27" t="s">
        <v>41</v>
      </c>
      <c r="B94" s="67">
        <v>-5</v>
      </c>
      <c r="C94" s="68">
        <v>-7</v>
      </c>
      <c r="D94" s="68">
        <v>2</v>
      </c>
      <c r="E94" s="67">
        <v>9</v>
      </c>
      <c r="F94" s="68">
        <v>7</v>
      </c>
      <c r="G94" s="69">
        <v>2</v>
      </c>
      <c r="H94" s="68">
        <v>32</v>
      </c>
      <c r="I94" s="68">
        <v>21</v>
      </c>
      <c r="J94" s="68">
        <v>11</v>
      </c>
      <c r="K94" s="67">
        <v>28</v>
      </c>
      <c r="L94" s="79">
        <v>21</v>
      </c>
      <c r="M94" s="80">
        <v>7</v>
      </c>
    </row>
    <row r="95" spans="1:13">
      <c r="A95" s="27" t="s">
        <v>43</v>
      </c>
      <c r="B95" s="67">
        <v>-12</v>
      </c>
      <c r="C95" s="68">
        <v>-6</v>
      </c>
      <c r="D95" s="68">
        <v>-6</v>
      </c>
      <c r="E95" s="67">
        <v>17</v>
      </c>
      <c r="F95" s="68">
        <v>11</v>
      </c>
      <c r="G95" s="69">
        <v>6</v>
      </c>
      <c r="H95" s="68">
        <v>26</v>
      </c>
      <c r="I95" s="68">
        <v>17</v>
      </c>
      <c r="J95" s="68">
        <v>9</v>
      </c>
      <c r="K95" s="67">
        <v>21</v>
      </c>
      <c r="L95" s="79">
        <v>12</v>
      </c>
      <c r="M95" s="80">
        <v>9</v>
      </c>
    </row>
    <row r="96" spans="1:13">
      <c r="A96" s="27" t="s">
        <v>45</v>
      </c>
      <c r="B96" s="67">
        <v>-28</v>
      </c>
      <c r="C96" s="68">
        <v>-11</v>
      </c>
      <c r="D96" s="68">
        <v>-17</v>
      </c>
      <c r="E96" s="67">
        <v>19</v>
      </c>
      <c r="F96" s="68">
        <v>9</v>
      </c>
      <c r="G96" s="69">
        <v>10</v>
      </c>
      <c r="H96" s="68">
        <v>17</v>
      </c>
      <c r="I96" s="68">
        <v>13</v>
      </c>
      <c r="J96" s="68">
        <v>4</v>
      </c>
      <c r="K96" s="67">
        <v>26</v>
      </c>
      <c r="L96" s="79">
        <v>15</v>
      </c>
      <c r="M96" s="80">
        <v>11</v>
      </c>
    </row>
    <row r="97" spans="1:13">
      <c r="A97" s="27" t="s">
        <v>47</v>
      </c>
      <c r="B97" s="67">
        <v>-2</v>
      </c>
      <c r="C97" s="68">
        <v>3</v>
      </c>
      <c r="D97" s="68">
        <v>-5</v>
      </c>
      <c r="E97" s="67">
        <v>11</v>
      </c>
      <c r="F97" s="68">
        <v>7</v>
      </c>
      <c r="G97" s="69">
        <v>4</v>
      </c>
      <c r="H97" s="68">
        <v>26</v>
      </c>
      <c r="I97" s="68">
        <v>17</v>
      </c>
      <c r="J97" s="68">
        <v>9</v>
      </c>
      <c r="K97" s="67">
        <v>17</v>
      </c>
      <c r="L97" s="79">
        <v>7</v>
      </c>
      <c r="M97" s="80">
        <v>10</v>
      </c>
    </row>
    <row r="98" spans="1:13">
      <c r="A98" s="27" t="s">
        <v>49</v>
      </c>
      <c r="B98" s="67">
        <v>-13</v>
      </c>
      <c r="C98" s="68">
        <v>-8</v>
      </c>
      <c r="D98" s="68">
        <v>-5</v>
      </c>
      <c r="E98" s="67">
        <v>15</v>
      </c>
      <c r="F98" s="68">
        <v>11</v>
      </c>
      <c r="G98" s="69">
        <v>4</v>
      </c>
      <c r="H98" s="68">
        <v>25</v>
      </c>
      <c r="I98" s="68">
        <v>12</v>
      </c>
      <c r="J98" s="68">
        <v>13</v>
      </c>
      <c r="K98" s="67">
        <v>23</v>
      </c>
      <c r="L98" s="79">
        <v>9</v>
      </c>
      <c r="M98" s="80">
        <v>14</v>
      </c>
    </row>
    <row r="99" spans="1:13" ht="21" customHeight="1">
      <c r="A99" s="38" t="s">
        <v>51</v>
      </c>
      <c r="B99" s="64">
        <v>-188</v>
      </c>
      <c r="C99" s="65">
        <v>-124</v>
      </c>
      <c r="D99" s="65">
        <v>-64</v>
      </c>
      <c r="E99" s="64">
        <v>207</v>
      </c>
      <c r="F99" s="65">
        <v>138</v>
      </c>
      <c r="G99" s="66">
        <v>69</v>
      </c>
      <c r="H99" s="65">
        <v>122</v>
      </c>
      <c r="I99" s="65">
        <v>70</v>
      </c>
      <c r="J99" s="65">
        <v>52</v>
      </c>
      <c r="K99" s="64">
        <v>103</v>
      </c>
      <c r="L99" s="77">
        <v>56</v>
      </c>
      <c r="M99" s="78">
        <v>47</v>
      </c>
    </row>
    <row r="100" spans="1:13">
      <c r="A100" s="27" t="s">
        <v>53</v>
      </c>
      <c r="B100" s="67">
        <v>-35</v>
      </c>
      <c r="C100" s="68">
        <v>-27</v>
      </c>
      <c r="D100" s="68">
        <v>-8</v>
      </c>
      <c r="E100" s="67">
        <v>31</v>
      </c>
      <c r="F100" s="68">
        <v>21</v>
      </c>
      <c r="G100" s="69">
        <v>10</v>
      </c>
      <c r="H100" s="68">
        <v>21</v>
      </c>
      <c r="I100" s="68">
        <v>13</v>
      </c>
      <c r="J100" s="68">
        <v>8</v>
      </c>
      <c r="K100" s="67">
        <v>25</v>
      </c>
      <c r="L100" s="79">
        <v>19</v>
      </c>
      <c r="M100" s="80">
        <v>6</v>
      </c>
    </row>
    <row r="101" spans="1:13">
      <c r="A101" s="27" t="s">
        <v>55</v>
      </c>
      <c r="B101" s="67">
        <v>-25</v>
      </c>
      <c r="C101" s="68">
        <v>-13</v>
      </c>
      <c r="D101" s="68">
        <v>-12</v>
      </c>
      <c r="E101" s="67">
        <v>28</v>
      </c>
      <c r="F101" s="68">
        <v>18</v>
      </c>
      <c r="G101" s="69">
        <v>10</v>
      </c>
      <c r="H101" s="68">
        <v>24</v>
      </c>
      <c r="I101" s="68">
        <v>15</v>
      </c>
      <c r="J101" s="68">
        <v>9</v>
      </c>
      <c r="K101" s="67">
        <v>21</v>
      </c>
      <c r="L101" s="79">
        <v>10</v>
      </c>
      <c r="M101" s="80">
        <v>11</v>
      </c>
    </row>
    <row r="102" spans="1:13">
      <c r="A102" s="27" t="s">
        <v>57</v>
      </c>
      <c r="B102" s="67">
        <v>-50</v>
      </c>
      <c r="C102" s="68">
        <v>-35</v>
      </c>
      <c r="D102" s="68">
        <v>-15</v>
      </c>
      <c r="E102" s="67">
        <v>53</v>
      </c>
      <c r="F102" s="68">
        <v>35</v>
      </c>
      <c r="G102" s="69">
        <v>18</v>
      </c>
      <c r="H102" s="68">
        <v>19</v>
      </c>
      <c r="I102" s="68">
        <v>9</v>
      </c>
      <c r="J102" s="68">
        <v>10</v>
      </c>
      <c r="K102" s="67">
        <v>16</v>
      </c>
      <c r="L102" s="79">
        <v>9</v>
      </c>
      <c r="M102" s="80">
        <v>7</v>
      </c>
    </row>
    <row r="103" spans="1:13">
      <c r="A103" s="27" t="s">
        <v>59</v>
      </c>
      <c r="B103" s="67">
        <v>-41</v>
      </c>
      <c r="C103" s="68">
        <v>-29</v>
      </c>
      <c r="D103" s="68">
        <v>-12</v>
      </c>
      <c r="E103" s="67">
        <v>44</v>
      </c>
      <c r="F103" s="68">
        <v>34</v>
      </c>
      <c r="G103" s="69">
        <v>10</v>
      </c>
      <c r="H103" s="68">
        <v>23</v>
      </c>
      <c r="I103" s="68">
        <v>14</v>
      </c>
      <c r="J103" s="68">
        <v>9</v>
      </c>
      <c r="K103" s="67">
        <v>20</v>
      </c>
      <c r="L103" s="79">
        <v>9</v>
      </c>
      <c r="M103" s="80">
        <v>11</v>
      </c>
    </row>
    <row r="104" spans="1:13">
      <c r="A104" s="27" t="s">
        <v>61</v>
      </c>
      <c r="B104" s="67">
        <v>-37</v>
      </c>
      <c r="C104" s="68">
        <v>-20</v>
      </c>
      <c r="D104" s="68">
        <v>-17</v>
      </c>
      <c r="E104" s="67">
        <v>51</v>
      </c>
      <c r="F104" s="68">
        <v>30</v>
      </c>
      <c r="G104" s="69">
        <v>21</v>
      </c>
      <c r="H104" s="68">
        <v>35</v>
      </c>
      <c r="I104" s="68">
        <v>19</v>
      </c>
      <c r="J104" s="68">
        <v>16</v>
      </c>
      <c r="K104" s="67">
        <v>21</v>
      </c>
      <c r="L104" s="79">
        <v>9</v>
      </c>
      <c r="M104" s="80">
        <v>12</v>
      </c>
    </row>
    <row r="105" spans="1:13" ht="21" customHeight="1">
      <c r="A105" s="38" t="s">
        <v>63</v>
      </c>
      <c r="B105" s="64">
        <v>-257</v>
      </c>
      <c r="C105" s="65">
        <v>-168</v>
      </c>
      <c r="D105" s="65">
        <v>-89</v>
      </c>
      <c r="E105" s="64">
        <v>258</v>
      </c>
      <c r="F105" s="65">
        <v>167</v>
      </c>
      <c r="G105" s="66">
        <v>91</v>
      </c>
      <c r="H105" s="65">
        <v>77</v>
      </c>
      <c r="I105" s="65">
        <v>34</v>
      </c>
      <c r="J105" s="65">
        <v>43</v>
      </c>
      <c r="K105" s="64">
        <v>76</v>
      </c>
      <c r="L105" s="77">
        <v>35</v>
      </c>
      <c r="M105" s="78">
        <v>41</v>
      </c>
    </row>
    <row r="106" spans="1:13">
      <c r="A106" s="27" t="s">
        <v>65</v>
      </c>
      <c r="B106" s="67">
        <v>-61</v>
      </c>
      <c r="C106" s="68">
        <v>-41</v>
      </c>
      <c r="D106" s="68">
        <v>-20</v>
      </c>
      <c r="E106" s="67">
        <v>55</v>
      </c>
      <c r="F106" s="68">
        <v>39</v>
      </c>
      <c r="G106" s="69">
        <v>16</v>
      </c>
      <c r="H106" s="68">
        <v>16</v>
      </c>
      <c r="I106" s="68">
        <v>7</v>
      </c>
      <c r="J106" s="68">
        <v>9</v>
      </c>
      <c r="K106" s="67">
        <v>22</v>
      </c>
      <c r="L106" s="79">
        <v>9</v>
      </c>
      <c r="M106" s="80">
        <v>13</v>
      </c>
    </row>
    <row r="107" spans="1:13">
      <c r="A107" s="27" t="s">
        <v>67</v>
      </c>
      <c r="B107" s="67">
        <v>-41</v>
      </c>
      <c r="C107" s="68">
        <v>-29</v>
      </c>
      <c r="D107" s="68">
        <v>-12</v>
      </c>
      <c r="E107" s="67">
        <v>46</v>
      </c>
      <c r="F107" s="68">
        <v>30</v>
      </c>
      <c r="G107" s="69">
        <v>16</v>
      </c>
      <c r="H107" s="68">
        <v>22</v>
      </c>
      <c r="I107" s="68">
        <v>12</v>
      </c>
      <c r="J107" s="68">
        <v>10</v>
      </c>
      <c r="K107" s="67">
        <v>17</v>
      </c>
      <c r="L107" s="79">
        <v>11</v>
      </c>
      <c r="M107" s="80">
        <v>6</v>
      </c>
    </row>
    <row r="108" spans="1:13">
      <c r="A108" s="27" t="s">
        <v>69</v>
      </c>
      <c r="B108" s="67">
        <v>-41</v>
      </c>
      <c r="C108" s="68">
        <v>-30</v>
      </c>
      <c r="D108" s="68">
        <v>-11</v>
      </c>
      <c r="E108" s="67">
        <v>44</v>
      </c>
      <c r="F108" s="68">
        <v>31</v>
      </c>
      <c r="G108" s="69">
        <v>13</v>
      </c>
      <c r="H108" s="68">
        <v>11</v>
      </c>
      <c r="I108" s="68">
        <v>4</v>
      </c>
      <c r="J108" s="68">
        <v>7</v>
      </c>
      <c r="K108" s="67">
        <v>8</v>
      </c>
      <c r="L108" s="79">
        <v>3</v>
      </c>
      <c r="M108" s="80">
        <v>5</v>
      </c>
    </row>
    <row r="109" spans="1:13">
      <c r="A109" s="27" t="s">
        <v>71</v>
      </c>
      <c r="B109" s="67">
        <v>-58</v>
      </c>
      <c r="C109" s="68">
        <v>-37</v>
      </c>
      <c r="D109" s="68">
        <v>-21</v>
      </c>
      <c r="E109" s="67">
        <v>54</v>
      </c>
      <c r="F109" s="68">
        <v>33</v>
      </c>
      <c r="G109" s="69">
        <v>21</v>
      </c>
      <c r="H109" s="68">
        <v>9</v>
      </c>
      <c r="I109" s="68">
        <v>1</v>
      </c>
      <c r="J109" s="68">
        <v>8</v>
      </c>
      <c r="K109" s="67">
        <v>13</v>
      </c>
      <c r="L109" s="79">
        <v>5</v>
      </c>
      <c r="M109" s="80">
        <v>8</v>
      </c>
    </row>
    <row r="110" spans="1:13">
      <c r="A110" s="27" t="s">
        <v>73</v>
      </c>
      <c r="B110" s="67">
        <v>-56</v>
      </c>
      <c r="C110" s="68">
        <v>-31</v>
      </c>
      <c r="D110" s="68">
        <v>-25</v>
      </c>
      <c r="E110" s="67">
        <v>59</v>
      </c>
      <c r="F110" s="68">
        <v>34</v>
      </c>
      <c r="G110" s="69">
        <v>25</v>
      </c>
      <c r="H110" s="68">
        <v>19</v>
      </c>
      <c r="I110" s="68">
        <v>10</v>
      </c>
      <c r="J110" s="68">
        <v>9</v>
      </c>
      <c r="K110" s="67">
        <v>16</v>
      </c>
      <c r="L110" s="79">
        <v>7</v>
      </c>
      <c r="M110" s="80">
        <v>9</v>
      </c>
    </row>
    <row r="111" spans="1:13" ht="21" customHeight="1">
      <c r="A111" s="38" t="s">
        <v>75</v>
      </c>
      <c r="B111" s="64">
        <v>-340</v>
      </c>
      <c r="C111" s="65">
        <v>-204</v>
      </c>
      <c r="D111" s="65">
        <v>-136</v>
      </c>
      <c r="E111" s="64">
        <v>357</v>
      </c>
      <c r="F111" s="65">
        <v>209</v>
      </c>
      <c r="G111" s="66">
        <v>148</v>
      </c>
      <c r="H111" s="65">
        <v>90</v>
      </c>
      <c r="I111" s="65">
        <v>34</v>
      </c>
      <c r="J111" s="65">
        <v>56</v>
      </c>
      <c r="K111" s="64">
        <v>73</v>
      </c>
      <c r="L111" s="77">
        <v>29</v>
      </c>
      <c r="M111" s="78">
        <v>44</v>
      </c>
    </row>
    <row r="112" spans="1:13">
      <c r="A112" s="27" t="s">
        <v>77</v>
      </c>
      <c r="B112" s="67">
        <v>-63</v>
      </c>
      <c r="C112" s="68">
        <v>-45</v>
      </c>
      <c r="D112" s="68">
        <v>-18</v>
      </c>
      <c r="E112" s="67">
        <v>68</v>
      </c>
      <c r="F112" s="68">
        <v>43</v>
      </c>
      <c r="G112" s="69">
        <v>25</v>
      </c>
      <c r="H112" s="68">
        <v>17</v>
      </c>
      <c r="I112" s="68">
        <v>5</v>
      </c>
      <c r="J112" s="68">
        <v>12</v>
      </c>
      <c r="K112" s="67">
        <v>12</v>
      </c>
      <c r="L112" s="79">
        <v>7</v>
      </c>
      <c r="M112" s="80">
        <v>5</v>
      </c>
    </row>
    <row r="113" spans="1:13">
      <c r="A113" s="27" t="s">
        <v>79</v>
      </c>
      <c r="B113" s="67">
        <v>-82</v>
      </c>
      <c r="C113" s="68">
        <v>-52</v>
      </c>
      <c r="D113" s="68">
        <v>-30</v>
      </c>
      <c r="E113" s="67">
        <v>82</v>
      </c>
      <c r="F113" s="68">
        <v>51</v>
      </c>
      <c r="G113" s="69">
        <v>31</v>
      </c>
      <c r="H113" s="68">
        <v>23</v>
      </c>
      <c r="I113" s="68">
        <v>10</v>
      </c>
      <c r="J113" s="68">
        <v>13</v>
      </c>
      <c r="K113" s="67">
        <v>23</v>
      </c>
      <c r="L113" s="79">
        <v>11</v>
      </c>
      <c r="M113" s="80">
        <v>12</v>
      </c>
    </row>
    <row r="114" spans="1:13">
      <c r="A114" s="27" t="s">
        <v>81</v>
      </c>
      <c r="B114" s="67">
        <v>-76</v>
      </c>
      <c r="C114" s="68">
        <v>-39</v>
      </c>
      <c r="D114" s="68">
        <v>-37</v>
      </c>
      <c r="E114" s="67">
        <v>74</v>
      </c>
      <c r="F114" s="68">
        <v>40</v>
      </c>
      <c r="G114" s="69">
        <v>34</v>
      </c>
      <c r="H114" s="68">
        <v>14</v>
      </c>
      <c r="I114" s="68">
        <v>5</v>
      </c>
      <c r="J114" s="68">
        <v>9</v>
      </c>
      <c r="K114" s="67">
        <v>16</v>
      </c>
      <c r="L114" s="79">
        <v>4</v>
      </c>
      <c r="M114" s="80">
        <v>12</v>
      </c>
    </row>
    <row r="115" spans="1:13">
      <c r="A115" s="27" t="s">
        <v>83</v>
      </c>
      <c r="B115" s="67">
        <v>-60</v>
      </c>
      <c r="C115" s="68">
        <v>-29</v>
      </c>
      <c r="D115" s="68">
        <v>-31</v>
      </c>
      <c r="E115" s="67">
        <v>63</v>
      </c>
      <c r="F115" s="68">
        <v>31</v>
      </c>
      <c r="G115" s="69">
        <v>32</v>
      </c>
      <c r="H115" s="68">
        <v>15</v>
      </c>
      <c r="I115" s="68">
        <v>6</v>
      </c>
      <c r="J115" s="68">
        <v>9</v>
      </c>
      <c r="K115" s="67">
        <v>12</v>
      </c>
      <c r="L115" s="79">
        <v>4</v>
      </c>
      <c r="M115" s="80">
        <v>8</v>
      </c>
    </row>
    <row r="116" spans="1:13">
      <c r="A116" s="27" t="s">
        <v>85</v>
      </c>
      <c r="B116" s="67">
        <v>-59</v>
      </c>
      <c r="C116" s="68">
        <v>-39</v>
      </c>
      <c r="D116" s="68">
        <v>-20</v>
      </c>
      <c r="E116" s="67">
        <v>70</v>
      </c>
      <c r="F116" s="68">
        <v>44</v>
      </c>
      <c r="G116" s="69">
        <v>26</v>
      </c>
      <c r="H116" s="68">
        <v>21</v>
      </c>
      <c r="I116" s="68">
        <v>8</v>
      </c>
      <c r="J116" s="68">
        <v>13</v>
      </c>
      <c r="K116" s="67">
        <v>10</v>
      </c>
      <c r="L116" s="79">
        <v>3</v>
      </c>
      <c r="M116" s="80">
        <v>7</v>
      </c>
    </row>
    <row r="117" spans="1:13" ht="21" customHeight="1">
      <c r="A117" s="38" t="s">
        <v>87</v>
      </c>
      <c r="B117" s="64">
        <v>-354</v>
      </c>
      <c r="C117" s="65">
        <v>-189</v>
      </c>
      <c r="D117" s="65">
        <v>-165</v>
      </c>
      <c r="E117" s="64">
        <v>373</v>
      </c>
      <c r="F117" s="65">
        <v>193</v>
      </c>
      <c r="G117" s="66">
        <v>180</v>
      </c>
      <c r="H117" s="65">
        <v>78</v>
      </c>
      <c r="I117" s="65">
        <v>26</v>
      </c>
      <c r="J117" s="65">
        <v>52</v>
      </c>
      <c r="K117" s="64">
        <v>59</v>
      </c>
      <c r="L117" s="77">
        <v>22</v>
      </c>
      <c r="M117" s="78">
        <v>37</v>
      </c>
    </row>
    <row r="118" spans="1:13">
      <c r="A118" s="27" t="s">
        <v>89</v>
      </c>
      <c r="B118" s="67">
        <v>-64</v>
      </c>
      <c r="C118" s="68">
        <v>-43</v>
      </c>
      <c r="D118" s="68">
        <v>-21</v>
      </c>
      <c r="E118" s="67">
        <v>69</v>
      </c>
      <c r="F118" s="68">
        <v>44</v>
      </c>
      <c r="G118" s="69">
        <v>25</v>
      </c>
      <c r="H118" s="68">
        <v>18</v>
      </c>
      <c r="I118" s="68">
        <v>4</v>
      </c>
      <c r="J118" s="68">
        <v>14</v>
      </c>
      <c r="K118" s="67">
        <v>13</v>
      </c>
      <c r="L118" s="79">
        <v>3</v>
      </c>
      <c r="M118" s="80">
        <v>10</v>
      </c>
    </row>
    <row r="119" spans="1:13">
      <c r="A119" s="27" t="s">
        <v>91</v>
      </c>
      <c r="B119" s="67">
        <v>-67</v>
      </c>
      <c r="C119" s="68">
        <v>-38</v>
      </c>
      <c r="D119" s="68">
        <v>-29</v>
      </c>
      <c r="E119" s="67">
        <v>78</v>
      </c>
      <c r="F119" s="68">
        <v>42</v>
      </c>
      <c r="G119" s="69">
        <v>36</v>
      </c>
      <c r="H119" s="68">
        <v>23</v>
      </c>
      <c r="I119" s="68">
        <v>9</v>
      </c>
      <c r="J119" s="68">
        <v>14</v>
      </c>
      <c r="K119" s="67">
        <v>12</v>
      </c>
      <c r="L119" s="79">
        <v>5</v>
      </c>
      <c r="M119" s="80">
        <v>7</v>
      </c>
    </row>
    <row r="120" spans="1:13">
      <c r="A120" s="27" t="s">
        <v>93</v>
      </c>
      <c r="B120" s="67">
        <v>-77</v>
      </c>
      <c r="C120" s="68">
        <v>-36</v>
      </c>
      <c r="D120" s="68">
        <v>-41</v>
      </c>
      <c r="E120" s="67">
        <v>71</v>
      </c>
      <c r="F120" s="68">
        <v>31</v>
      </c>
      <c r="G120" s="69">
        <v>40</v>
      </c>
      <c r="H120" s="68">
        <v>11</v>
      </c>
      <c r="I120" s="68">
        <v>4</v>
      </c>
      <c r="J120" s="68">
        <v>7</v>
      </c>
      <c r="K120" s="67">
        <v>17</v>
      </c>
      <c r="L120" s="79">
        <v>9</v>
      </c>
      <c r="M120" s="80">
        <v>8</v>
      </c>
    </row>
    <row r="121" spans="1:13">
      <c r="A121" s="27" t="s">
        <v>95</v>
      </c>
      <c r="B121" s="67">
        <v>-80</v>
      </c>
      <c r="C121" s="68">
        <v>-43</v>
      </c>
      <c r="D121" s="68">
        <v>-37</v>
      </c>
      <c r="E121" s="67">
        <v>83</v>
      </c>
      <c r="F121" s="68">
        <v>45</v>
      </c>
      <c r="G121" s="69">
        <v>38</v>
      </c>
      <c r="H121" s="68">
        <v>10</v>
      </c>
      <c r="I121" s="68">
        <v>2</v>
      </c>
      <c r="J121" s="68">
        <v>8</v>
      </c>
      <c r="K121" s="67">
        <v>7</v>
      </c>
      <c r="L121" s="79">
        <v>0</v>
      </c>
      <c r="M121" s="80">
        <v>7</v>
      </c>
    </row>
    <row r="122" spans="1:13">
      <c r="A122" s="27" t="s">
        <v>97</v>
      </c>
      <c r="B122" s="67">
        <v>-66</v>
      </c>
      <c r="C122" s="68">
        <v>-29</v>
      </c>
      <c r="D122" s="68">
        <v>-37</v>
      </c>
      <c r="E122" s="67">
        <v>72</v>
      </c>
      <c r="F122" s="68">
        <v>31</v>
      </c>
      <c r="G122" s="69">
        <v>41</v>
      </c>
      <c r="H122" s="68">
        <v>16</v>
      </c>
      <c r="I122" s="68">
        <v>7</v>
      </c>
      <c r="J122" s="68">
        <v>9</v>
      </c>
      <c r="K122" s="67">
        <v>10</v>
      </c>
      <c r="L122" s="79">
        <v>5</v>
      </c>
      <c r="M122" s="80">
        <v>5</v>
      </c>
    </row>
    <row r="123" spans="1:13" ht="21" customHeight="1">
      <c r="A123" s="38" t="s">
        <v>99</v>
      </c>
      <c r="B123" s="64">
        <v>-285</v>
      </c>
      <c r="C123" s="65">
        <v>-106</v>
      </c>
      <c r="D123" s="65">
        <v>-179</v>
      </c>
      <c r="E123" s="64">
        <v>305</v>
      </c>
      <c r="F123" s="65">
        <v>111</v>
      </c>
      <c r="G123" s="66">
        <v>194</v>
      </c>
      <c r="H123" s="65">
        <v>44</v>
      </c>
      <c r="I123" s="65">
        <v>13</v>
      </c>
      <c r="J123" s="65">
        <v>31</v>
      </c>
      <c r="K123" s="64">
        <v>24</v>
      </c>
      <c r="L123" s="77">
        <v>8</v>
      </c>
      <c r="M123" s="78">
        <v>16</v>
      </c>
    </row>
    <row r="124" spans="1:13">
      <c r="A124" s="27" t="s">
        <v>101</v>
      </c>
      <c r="B124" s="67">
        <v>-62</v>
      </c>
      <c r="C124" s="68">
        <v>-34</v>
      </c>
      <c r="D124" s="68">
        <v>-28</v>
      </c>
      <c r="E124" s="67">
        <v>68</v>
      </c>
      <c r="F124" s="68">
        <v>35</v>
      </c>
      <c r="G124" s="69">
        <v>33</v>
      </c>
      <c r="H124" s="68">
        <v>13</v>
      </c>
      <c r="I124" s="68">
        <v>3</v>
      </c>
      <c r="J124" s="68">
        <v>10</v>
      </c>
      <c r="K124" s="67">
        <v>7</v>
      </c>
      <c r="L124" s="79">
        <v>2</v>
      </c>
      <c r="M124" s="80">
        <v>5</v>
      </c>
    </row>
    <row r="125" spans="1:13">
      <c r="A125" s="27" t="s">
        <v>103</v>
      </c>
      <c r="B125" s="67">
        <v>-50</v>
      </c>
      <c r="C125" s="68">
        <v>-21</v>
      </c>
      <c r="D125" s="68">
        <v>-29</v>
      </c>
      <c r="E125" s="67">
        <v>53</v>
      </c>
      <c r="F125" s="68">
        <v>21</v>
      </c>
      <c r="G125" s="69">
        <v>32</v>
      </c>
      <c r="H125" s="68">
        <v>10</v>
      </c>
      <c r="I125" s="68">
        <v>2</v>
      </c>
      <c r="J125" s="68">
        <v>8</v>
      </c>
      <c r="K125" s="67">
        <v>7</v>
      </c>
      <c r="L125" s="79">
        <v>2</v>
      </c>
      <c r="M125" s="80">
        <v>5</v>
      </c>
    </row>
    <row r="126" spans="1:13">
      <c r="A126" s="27" t="s">
        <v>105</v>
      </c>
      <c r="B126" s="67">
        <v>-65</v>
      </c>
      <c r="C126" s="68">
        <v>-19</v>
      </c>
      <c r="D126" s="68">
        <v>-46</v>
      </c>
      <c r="E126" s="67">
        <v>74</v>
      </c>
      <c r="F126" s="68">
        <v>20</v>
      </c>
      <c r="G126" s="69">
        <v>54</v>
      </c>
      <c r="H126" s="68">
        <v>13</v>
      </c>
      <c r="I126" s="68">
        <v>2</v>
      </c>
      <c r="J126" s="68">
        <v>11</v>
      </c>
      <c r="K126" s="67">
        <v>4</v>
      </c>
      <c r="L126" s="79">
        <v>1</v>
      </c>
      <c r="M126" s="80">
        <v>3</v>
      </c>
    </row>
    <row r="127" spans="1:13">
      <c r="A127" s="27" t="s">
        <v>107</v>
      </c>
      <c r="B127" s="67">
        <v>-62</v>
      </c>
      <c r="C127" s="68">
        <v>-21</v>
      </c>
      <c r="D127" s="68">
        <v>-41</v>
      </c>
      <c r="E127" s="67">
        <v>65</v>
      </c>
      <c r="F127" s="68">
        <v>23</v>
      </c>
      <c r="G127" s="69">
        <v>42</v>
      </c>
      <c r="H127" s="68">
        <v>4</v>
      </c>
      <c r="I127" s="68">
        <v>3</v>
      </c>
      <c r="J127" s="68">
        <v>1</v>
      </c>
      <c r="K127" s="67">
        <v>1</v>
      </c>
      <c r="L127" s="79">
        <v>1</v>
      </c>
      <c r="M127" s="80">
        <v>0</v>
      </c>
    </row>
    <row r="128" spans="1:13">
      <c r="A128" s="27" t="s">
        <v>109</v>
      </c>
      <c r="B128" s="67">
        <v>-46</v>
      </c>
      <c r="C128" s="68">
        <v>-11</v>
      </c>
      <c r="D128" s="68">
        <v>-35</v>
      </c>
      <c r="E128" s="67">
        <v>45</v>
      </c>
      <c r="F128" s="68">
        <v>12</v>
      </c>
      <c r="G128" s="69">
        <v>33</v>
      </c>
      <c r="H128" s="68">
        <v>4</v>
      </c>
      <c r="I128" s="68">
        <v>3</v>
      </c>
      <c r="J128" s="68">
        <v>1</v>
      </c>
      <c r="K128" s="67">
        <v>5</v>
      </c>
      <c r="L128" s="79">
        <v>2</v>
      </c>
      <c r="M128" s="80">
        <v>3</v>
      </c>
    </row>
    <row r="129" spans="1:14" ht="21" customHeight="1">
      <c r="A129" s="38" t="s">
        <v>111</v>
      </c>
      <c r="B129" s="64">
        <v>-162</v>
      </c>
      <c r="C129" s="65">
        <v>-35</v>
      </c>
      <c r="D129" s="65">
        <v>-127</v>
      </c>
      <c r="E129" s="64">
        <v>168</v>
      </c>
      <c r="F129" s="65">
        <v>36</v>
      </c>
      <c r="G129" s="66">
        <v>132</v>
      </c>
      <c r="H129" s="65">
        <v>11</v>
      </c>
      <c r="I129" s="65">
        <v>3</v>
      </c>
      <c r="J129" s="65">
        <v>8</v>
      </c>
      <c r="K129" s="64">
        <v>5</v>
      </c>
      <c r="L129" s="77">
        <v>2</v>
      </c>
      <c r="M129" s="78">
        <v>3</v>
      </c>
    </row>
    <row r="130" spans="1:14">
      <c r="A130" s="27" t="s">
        <v>113</v>
      </c>
      <c r="B130" s="67">
        <v>-47</v>
      </c>
      <c r="C130" s="68">
        <v>-12</v>
      </c>
      <c r="D130" s="68">
        <v>-35</v>
      </c>
      <c r="E130" s="67">
        <v>48</v>
      </c>
      <c r="F130" s="68">
        <v>12</v>
      </c>
      <c r="G130" s="69">
        <v>36</v>
      </c>
      <c r="H130" s="68">
        <v>3</v>
      </c>
      <c r="I130" s="68">
        <v>1</v>
      </c>
      <c r="J130" s="68">
        <v>2</v>
      </c>
      <c r="K130" s="67">
        <v>2</v>
      </c>
      <c r="L130" s="79">
        <v>1</v>
      </c>
      <c r="M130" s="80">
        <v>1</v>
      </c>
    </row>
    <row r="131" spans="1:14">
      <c r="A131" s="27" t="s">
        <v>115</v>
      </c>
      <c r="B131" s="67">
        <v>-47</v>
      </c>
      <c r="C131" s="68">
        <v>-8</v>
      </c>
      <c r="D131" s="68">
        <v>-39</v>
      </c>
      <c r="E131" s="67">
        <v>47</v>
      </c>
      <c r="F131" s="68">
        <v>8</v>
      </c>
      <c r="G131" s="69">
        <v>39</v>
      </c>
      <c r="H131" s="68">
        <v>3</v>
      </c>
      <c r="I131" s="68">
        <v>1</v>
      </c>
      <c r="J131" s="68">
        <v>2</v>
      </c>
      <c r="K131" s="67">
        <v>3</v>
      </c>
      <c r="L131" s="79">
        <v>1</v>
      </c>
      <c r="M131" s="80">
        <v>2</v>
      </c>
    </row>
    <row r="132" spans="1:14">
      <c r="A132" s="27" t="s">
        <v>117</v>
      </c>
      <c r="B132" s="67">
        <v>-26</v>
      </c>
      <c r="C132" s="68">
        <v>-7</v>
      </c>
      <c r="D132" s="68">
        <v>-19</v>
      </c>
      <c r="E132" s="67">
        <v>28</v>
      </c>
      <c r="F132" s="68">
        <v>7</v>
      </c>
      <c r="G132" s="69">
        <v>21</v>
      </c>
      <c r="H132" s="68">
        <v>2</v>
      </c>
      <c r="I132" s="68">
        <v>0</v>
      </c>
      <c r="J132" s="68">
        <v>2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25</v>
      </c>
      <c r="C133" s="68">
        <v>-5</v>
      </c>
      <c r="D133" s="68">
        <v>-20</v>
      </c>
      <c r="E133" s="67">
        <v>26</v>
      </c>
      <c r="F133" s="68">
        <v>5</v>
      </c>
      <c r="G133" s="69">
        <v>21</v>
      </c>
      <c r="H133" s="68">
        <v>1</v>
      </c>
      <c r="I133" s="68">
        <v>0</v>
      </c>
      <c r="J133" s="68">
        <v>1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17</v>
      </c>
      <c r="C134" s="68">
        <v>-3</v>
      </c>
      <c r="D134" s="68">
        <v>-14</v>
      </c>
      <c r="E134" s="67">
        <v>19</v>
      </c>
      <c r="F134" s="68">
        <v>4</v>
      </c>
      <c r="G134" s="69">
        <v>15</v>
      </c>
      <c r="H134" s="68">
        <v>2</v>
      </c>
      <c r="I134" s="68">
        <v>1</v>
      </c>
      <c r="J134" s="68">
        <v>1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55</v>
      </c>
      <c r="C135" s="40">
        <v>-8</v>
      </c>
      <c r="D135" s="40">
        <v>-47</v>
      </c>
      <c r="E135" s="42">
        <v>58</v>
      </c>
      <c r="F135" s="40">
        <v>9</v>
      </c>
      <c r="G135" s="43">
        <v>49</v>
      </c>
      <c r="H135" s="40">
        <v>4</v>
      </c>
      <c r="I135" s="40">
        <v>1</v>
      </c>
      <c r="J135" s="40">
        <v>3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45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75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6</v>
      </c>
      <c r="B4" s="9" t="s">
        <v>147</v>
      </c>
      <c r="C4" s="10" t="s">
        <v>142</v>
      </c>
      <c r="D4" s="9" t="s">
        <v>143</v>
      </c>
      <c r="E4" s="9" t="s">
        <v>147</v>
      </c>
      <c r="F4" s="9" t="s">
        <v>142</v>
      </c>
      <c r="G4" s="9" t="s">
        <v>143</v>
      </c>
      <c r="H4" s="9" t="s">
        <v>147</v>
      </c>
      <c r="I4" s="9" t="s">
        <v>142</v>
      </c>
      <c r="J4" s="9" t="s">
        <v>143</v>
      </c>
      <c r="K4" s="9" t="s">
        <v>147</v>
      </c>
      <c r="L4" s="9" t="s">
        <v>142</v>
      </c>
      <c r="M4" s="11" t="s">
        <v>143</v>
      </c>
    </row>
    <row r="5" spans="1:13" s="33" customFormat="1" ht="22.5" customHeight="1">
      <c r="A5" s="35" t="s">
        <v>1</v>
      </c>
      <c r="B5" s="61">
        <v>400</v>
      </c>
      <c r="C5" s="62">
        <v>99</v>
      </c>
      <c r="D5" s="62">
        <v>301</v>
      </c>
      <c r="E5" s="61">
        <v>3047</v>
      </c>
      <c r="F5" s="62">
        <v>1735</v>
      </c>
      <c r="G5" s="63">
        <v>1312</v>
      </c>
      <c r="H5" s="62">
        <v>13171</v>
      </c>
      <c r="I5" s="62">
        <v>7178</v>
      </c>
      <c r="J5" s="62">
        <v>5993</v>
      </c>
      <c r="K5" s="61">
        <v>11345</v>
      </c>
      <c r="L5" s="75">
        <v>6162</v>
      </c>
      <c r="M5" s="76">
        <v>5183</v>
      </c>
    </row>
    <row r="6" spans="1:13" ht="23.25" customHeight="1">
      <c r="A6" s="36" t="s">
        <v>2</v>
      </c>
      <c r="B6" s="64">
        <v>1750</v>
      </c>
      <c r="C6" s="65">
        <v>892</v>
      </c>
      <c r="D6" s="65">
        <v>858</v>
      </c>
      <c r="E6" s="64">
        <v>7</v>
      </c>
      <c r="F6" s="65">
        <v>4</v>
      </c>
      <c r="G6" s="66">
        <v>3</v>
      </c>
      <c r="H6" s="65">
        <v>651</v>
      </c>
      <c r="I6" s="65">
        <v>350</v>
      </c>
      <c r="J6" s="65">
        <v>301</v>
      </c>
      <c r="K6" s="64">
        <v>515</v>
      </c>
      <c r="L6" s="77">
        <v>272</v>
      </c>
      <c r="M6" s="78">
        <v>243</v>
      </c>
    </row>
    <row r="7" spans="1:13">
      <c r="A7" s="15" t="s">
        <v>4</v>
      </c>
      <c r="B7" s="67">
        <v>1637</v>
      </c>
      <c r="C7" s="68">
        <v>818</v>
      </c>
      <c r="D7" s="68">
        <v>819</v>
      </c>
      <c r="E7" s="67">
        <v>4</v>
      </c>
      <c r="F7" s="68">
        <v>3</v>
      </c>
      <c r="G7" s="69">
        <v>1</v>
      </c>
      <c r="H7" s="68">
        <v>103</v>
      </c>
      <c r="I7" s="68">
        <v>49</v>
      </c>
      <c r="J7" s="68">
        <v>54</v>
      </c>
      <c r="K7" s="67">
        <v>83</v>
      </c>
      <c r="L7" s="79">
        <v>46</v>
      </c>
      <c r="M7" s="80">
        <v>37</v>
      </c>
    </row>
    <row r="8" spans="1:13">
      <c r="A8" s="15" t="s">
        <v>6</v>
      </c>
      <c r="B8" s="67">
        <v>41</v>
      </c>
      <c r="C8" s="68">
        <v>33</v>
      </c>
      <c r="D8" s="68">
        <v>8</v>
      </c>
      <c r="E8" s="67">
        <v>2</v>
      </c>
      <c r="F8" s="68">
        <v>0</v>
      </c>
      <c r="G8" s="69">
        <v>2</v>
      </c>
      <c r="H8" s="68">
        <v>175</v>
      </c>
      <c r="I8" s="68">
        <v>102</v>
      </c>
      <c r="J8" s="68">
        <v>73</v>
      </c>
      <c r="K8" s="67">
        <v>132</v>
      </c>
      <c r="L8" s="79">
        <v>69</v>
      </c>
      <c r="M8" s="80">
        <v>63</v>
      </c>
    </row>
    <row r="9" spans="1:13">
      <c r="A9" s="15" t="s">
        <v>8</v>
      </c>
      <c r="B9" s="67">
        <v>24</v>
      </c>
      <c r="C9" s="68">
        <v>15</v>
      </c>
      <c r="D9" s="68">
        <v>9</v>
      </c>
      <c r="E9" s="67">
        <v>1</v>
      </c>
      <c r="F9" s="68">
        <v>1</v>
      </c>
      <c r="G9" s="69">
        <v>0</v>
      </c>
      <c r="H9" s="68">
        <v>143</v>
      </c>
      <c r="I9" s="68">
        <v>79</v>
      </c>
      <c r="J9" s="68">
        <v>64</v>
      </c>
      <c r="K9" s="67">
        <v>118</v>
      </c>
      <c r="L9" s="79">
        <v>63</v>
      </c>
      <c r="M9" s="80">
        <v>55</v>
      </c>
    </row>
    <row r="10" spans="1:13">
      <c r="A10" s="15" t="s">
        <v>10</v>
      </c>
      <c r="B10" s="67">
        <v>20</v>
      </c>
      <c r="C10" s="68">
        <v>17</v>
      </c>
      <c r="D10" s="68">
        <v>3</v>
      </c>
      <c r="E10" s="67">
        <v>0</v>
      </c>
      <c r="F10" s="68">
        <v>0</v>
      </c>
      <c r="G10" s="69">
        <v>0</v>
      </c>
      <c r="H10" s="68">
        <v>126</v>
      </c>
      <c r="I10" s="68">
        <v>72</v>
      </c>
      <c r="J10" s="68">
        <v>54</v>
      </c>
      <c r="K10" s="67">
        <v>106</v>
      </c>
      <c r="L10" s="79">
        <v>55</v>
      </c>
      <c r="M10" s="80">
        <v>51</v>
      </c>
    </row>
    <row r="11" spans="1:13">
      <c r="A11" s="15" t="s">
        <v>12</v>
      </c>
      <c r="B11" s="67">
        <v>28</v>
      </c>
      <c r="C11" s="68">
        <v>9</v>
      </c>
      <c r="D11" s="68">
        <v>19</v>
      </c>
      <c r="E11" s="67">
        <v>0</v>
      </c>
      <c r="F11" s="68">
        <v>0</v>
      </c>
      <c r="G11" s="69">
        <v>0</v>
      </c>
      <c r="H11" s="68">
        <v>104</v>
      </c>
      <c r="I11" s="68">
        <v>48</v>
      </c>
      <c r="J11" s="68">
        <v>56</v>
      </c>
      <c r="K11" s="67">
        <v>76</v>
      </c>
      <c r="L11" s="79">
        <v>39</v>
      </c>
      <c r="M11" s="80">
        <v>37</v>
      </c>
    </row>
    <row r="12" spans="1:13" ht="21" customHeight="1">
      <c r="A12" s="36" t="s">
        <v>14</v>
      </c>
      <c r="B12" s="64">
        <v>48</v>
      </c>
      <c r="C12" s="65">
        <v>22</v>
      </c>
      <c r="D12" s="65">
        <v>26</v>
      </c>
      <c r="E12" s="64">
        <v>2</v>
      </c>
      <c r="F12" s="65">
        <v>1</v>
      </c>
      <c r="G12" s="66">
        <v>1</v>
      </c>
      <c r="H12" s="65">
        <v>301</v>
      </c>
      <c r="I12" s="65">
        <v>162</v>
      </c>
      <c r="J12" s="65">
        <v>139</v>
      </c>
      <c r="K12" s="64">
        <v>251</v>
      </c>
      <c r="L12" s="77">
        <v>139</v>
      </c>
      <c r="M12" s="78">
        <v>112</v>
      </c>
    </row>
    <row r="13" spans="1:13">
      <c r="A13" s="15" t="s">
        <v>16</v>
      </c>
      <c r="B13" s="67">
        <v>3</v>
      </c>
      <c r="C13" s="68">
        <v>0</v>
      </c>
      <c r="D13" s="68">
        <v>3</v>
      </c>
      <c r="E13" s="67">
        <v>1</v>
      </c>
      <c r="F13" s="68">
        <v>0</v>
      </c>
      <c r="G13" s="69">
        <v>1</v>
      </c>
      <c r="H13" s="68">
        <v>75</v>
      </c>
      <c r="I13" s="68">
        <v>38</v>
      </c>
      <c r="J13" s="68">
        <v>37</v>
      </c>
      <c r="K13" s="67">
        <v>71</v>
      </c>
      <c r="L13" s="79">
        <v>38</v>
      </c>
      <c r="M13" s="80">
        <v>33</v>
      </c>
    </row>
    <row r="14" spans="1:13">
      <c r="A14" s="15" t="s">
        <v>18</v>
      </c>
      <c r="B14" s="67">
        <v>10</v>
      </c>
      <c r="C14" s="68">
        <v>4</v>
      </c>
      <c r="D14" s="68">
        <v>6</v>
      </c>
      <c r="E14" s="67">
        <v>0</v>
      </c>
      <c r="F14" s="68">
        <v>0</v>
      </c>
      <c r="G14" s="69">
        <v>0</v>
      </c>
      <c r="H14" s="68">
        <v>70</v>
      </c>
      <c r="I14" s="68">
        <v>42</v>
      </c>
      <c r="J14" s="68">
        <v>28</v>
      </c>
      <c r="K14" s="67">
        <v>60</v>
      </c>
      <c r="L14" s="79">
        <v>38</v>
      </c>
      <c r="M14" s="80">
        <v>22</v>
      </c>
    </row>
    <row r="15" spans="1:13">
      <c r="A15" s="15" t="s">
        <v>20</v>
      </c>
      <c r="B15" s="67">
        <v>14</v>
      </c>
      <c r="C15" s="68">
        <v>4</v>
      </c>
      <c r="D15" s="68">
        <v>10</v>
      </c>
      <c r="E15" s="67">
        <v>1</v>
      </c>
      <c r="F15" s="68">
        <v>1</v>
      </c>
      <c r="G15" s="69">
        <v>0</v>
      </c>
      <c r="H15" s="68">
        <v>67</v>
      </c>
      <c r="I15" s="68">
        <v>36</v>
      </c>
      <c r="J15" s="68">
        <v>31</v>
      </c>
      <c r="K15" s="67">
        <v>52</v>
      </c>
      <c r="L15" s="79">
        <v>31</v>
      </c>
      <c r="M15" s="80">
        <v>21</v>
      </c>
    </row>
    <row r="16" spans="1:13">
      <c r="A16" s="15" t="s">
        <v>22</v>
      </c>
      <c r="B16" s="67">
        <v>13</v>
      </c>
      <c r="C16" s="68">
        <v>9</v>
      </c>
      <c r="D16" s="68">
        <v>4</v>
      </c>
      <c r="E16" s="67">
        <v>0</v>
      </c>
      <c r="F16" s="68">
        <v>0</v>
      </c>
      <c r="G16" s="69">
        <v>0</v>
      </c>
      <c r="H16" s="68">
        <v>52</v>
      </c>
      <c r="I16" s="68">
        <v>27</v>
      </c>
      <c r="J16" s="68">
        <v>25</v>
      </c>
      <c r="K16" s="67">
        <v>39</v>
      </c>
      <c r="L16" s="79">
        <v>18</v>
      </c>
      <c r="M16" s="80">
        <v>21</v>
      </c>
    </row>
    <row r="17" spans="1:13">
      <c r="A17" s="15" t="s">
        <v>24</v>
      </c>
      <c r="B17" s="67">
        <v>8</v>
      </c>
      <c r="C17" s="68">
        <v>5</v>
      </c>
      <c r="D17" s="68">
        <v>3</v>
      </c>
      <c r="E17" s="67">
        <v>0</v>
      </c>
      <c r="F17" s="68">
        <v>0</v>
      </c>
      <c r="G17" s="69">
        <v>0</v>
      </c>
      <c r="H17" s="68">
        <v>37</v>
      </c>
      <c r="I17" s="68">
        <v>19</v>
      </c>
      <c r="J17" s="68">
        <v>18</v>
      </c>
      <c r="K17" s="67">
        <v>29</v>
      </c>
      <c r="L17" s="79">
        <v>14</v>
      </c>
      <c r="M17" s="80">
        <v>15</v>
      </c>
    </row>
    <row r="18" spans="1:13" ht="21" customHeight="1">
      <c r="A18" s="36" t="s">
        <v>26</v>
      </c>
      <c r="B18" s="64">
        <v>1</v>
      </c>
      <c r="C18" s="65">
        <v>9</v>
      </c>
      <c r="D18" s="65">
        <v>-8</v>
      </c>
      <c r="E18" s="64">
        <v>0</v>
      </c>
      <c r="F18" s="65">
        <v>0</v>
      </c>
      <c r="G18" s="66">
        <v>0</v>
      </c>
      <c r="H18" s="65">
        <v>157</v>
      </c>
      <c r="I18" s="65">
        <v>75</v>
      </c>
      <c r="J18" s="65">
        <v>82</v>
      </c>
      <c r="K18" s="64">
        <v>156</v>
      </c>
      <c r="L18" s="77">
        <v>66</v>
      </c>
      <c r="M18" s="78">
        <v>90</v>
      </c>
    </row>
    <row r="19" spans="1:13">
      <c r="A19" s="15" t="s">
        <v>28</v>
      </c>
      <c r="B19" s="67">
        <v>-3</v>
      </c>
      <c r="C19" s="68">
        <v>5</v>
      </c>
      <c r="D19" s="68">
        <v>-8</v>
      </c>
      <c r="E19" s="67">
        <v>0</v>
      </c>
      <c r="F19" s="68">
        <v>0</v>
      </c>
      <c r="G19" s="69">
        <v>0</v>
      </c>
      <c r="H19" s="68">
        <v>32</v>
      </c>
      <c r="I19" s="68">
        <v>16</v>
      </c>
      <c r="J19" s="68">
        <v>16</v>
      </c>
      <c r="K19" s="67">
        <v>35</v>
      </c>
      <c r="L19" s="79">
        <v>11</v>
      </c>
      <c r="M19" s="80">
        <v>24</v>
      </c>
    </row>
    <row r="20" spans="1:13">
      <c r="A20" s="15" t="s">
        <v>30</v>
      </c>
      <c r="B20" s="67">
        <v>2</v>
      </c>
      <c r="C20" s="68">
        <v>0</v>
      </c>
      <c r="D20" s="68">
        <v>2</v>
      </c>
      <c r="E20" s="67">
        <v>0</v>
      </c>
      <c r="F20" s="68">
        <v>0</v>
      </c>
      <c r="G20" s="69">
        <v>0</v>
      </c>
      <c r="H20" s="68">
        <v>31</v>
      </c>
      <c r="I20" s="68">
        <v>15</v>
      </c>
      <c r="J20" s="68">
        <v>16</v>
      </c>
      <c r="K20" s="67">
        <v>29</v>
      </c>
      <c r="L20" s="79">
        <v>15</v>
      </c>
      <c r="M20" s="80">
        <v>14</v>
      </c>
    </row>
    <row r="21" spans="1:13">
      <c r="A21" s="15" t="s">
        <v>32</v>
      </c>
      <c r="B21" s="67">
        <v>17</v>
      </c>
      <c r="C21" s="68">
        <v>11</v>
      </c>
      <c r="D21" s="68">
        <v>6</v>
      </c>
      <c r="E21" s="67">
        <v>0</v>
      </c>
      <c r="F21" s="68">
        <v>0</v>
      </c>
      <c r="G21" s="69">
        <v>0</v>
      </c>
      <c r="H21" s="68">
        <v>42</v>
      </c>
      <c r="I21" s="68">
        <v>19</v>
      </c>
      <c r="J21" s="68">
        <v>23</v>
      </c>
      <c r="K21" s="67">
        <v>25</v>
      </c>
      <c r="L21" s="79">
        <v>8</v>
      </c>
      <c r="M21" s="80">
        <v>17</v>
      </c>
    </row>
    <row r="22" spans="1:13">
      <c r="A22" s="15" t="s">
        <v>34</v>
      </c>
      <c r="B22" s="67">
        <v>-16</v>
      </c>
      <c r="C22" s="68">
        <v>-6</v>
      </c>
      <c r="D22" s="68">
        <v>-10</v>
      </c>
      <c r="E22" s="67">
        <v>0</v>
      </c>
      <c r="F22" s="68">
        <v>0</v>
      </c>
      <c r="G22" s="69">
        <v>0</v>
      </c>
      <c r="H22" s="68">
        <v>27</v>
      </c>
      <c r="I22" s="68">
        <v>11</v>
      </c>
      <c r="J22" s="68">
        <v>16</v>
      </c>
      <c r="K22" s="67">
        <v>43</v>
      </c>
      <c r="L22" s="79">
        <v>17</v>
      </c>
      <c r="M22" s="80">
        <v>26</v>
      </c>
    </row>
    <row r="23" spans="1:13">
      <c r="A23" s="15" t="s">
        <v>36</v>
      </c>
      <c r="B23" s="67">
        <v>1</v>
      </c>
      <c r="C23" s="68">
        <v>-1</v>
      </c>
      <c r="D23" s="68">
        <v>2</v>
      </c>
      <c r="E23" s="67">
        <v>0</v>
      </c>
      <c r="F23" s="68">
        <v>0</v>
      </c>
      <c r="G23" s="69">
        <v>0</v>
      </c>
      <c r="H23" s="68">
        <v>25</v>
      </c>
      <c r="I23" s="68">
        <v>14</v>
      </c>
      <c r="J23" s="68">
        <v>11</v>
      </c>
      <c r="K23" s="67">
        <v>24</v>
      </c>
      <c r="L23" s="79">
        <v>15</v>
      </c>
      <c r="M23" s="80">
        <v>9</v>
      </c>
    </row>
    <row r="24" spans="1:13" ht="21" customHeight="1">
      <c r="A24" s="36" t="s">
        <v>38</v>
      </c>
      <c r="B24" s="64">
        <v>216</v>
      </c>
      <c r="C24" s="65">
        <v>84</v>
      </c>
      <c r="D24" s="65">
        <v>132</v>
      </c>
      <c r="E24" s="64">
        <v>3</v>
      </c>
      <c r="F24" s="65">
        <v>2</v>
      </c>
      <c r="G24" s="66">
        <v>1</v>
      </c>
      <c r="H24" s="65">
        <v>506</v>
      </c>
      <c r="I24" s="65">
        <v>239</v>
      </c>
      <c r="J24" s="65">
        <v>267</v>
      </c>
      <c r="K24" s="64">
        <v>287</v>
      </c>
      <c r="L24" s="77">
        <v>153</v>
      </c>
      <c r="M24" s="78">
        <v>134</v>
      </c>
    </row>
    <row r="25" spans="1:13">
      <c r="A25" s="15" t="s">
        <v>40</v>
      </c>
      <c r="B25" s="67">
        <v>-4</v>
      </c>
      <c r="C25" s="68">
        <v>0</v>
      </c>
      <c r="D25" s="68">
        <v>-4</v>
      </c>
      <c r="E25" s="67">
        <v>1</v>
      </c>
      <c r="F25" s="68">
        <v>1</v>
      </c>
      <c r="G25" s="69">
        <v>0</v>
      </c>
      <c r="H25" s="68">
        <v>28</v>
      </c>
      <c r="I25" s="68">
        <v>17</v>
      </c>
      <c r="J25" s="68">
        <v>11</v>
      </c>
      <c r="K25" s="67">
        <v>31</v>
      </c>
      <c r="L25" s="79">
        <v>16</v>
      </c>
      <c r="M25" s="80">
        <v>15</v>
      </c>
    </row>
    <row r="26" spans="1:13">
      <c r="A26" s="15" t="s">
        <v>42</v>
      </c>
      <c r="B26" s="67">
        <v>-9</v>
      </c>
      <c r="C26" s="68">
        <v>-3</v>
      </c>
      <c r="D26" s="68">
        <v>-6</v>
      </c>
      <c r="E26" s="67">
        <v>0</v>
      </c>
      <c r="F26" s="68">
        <v>0</v>
      </c>
      <c r="G26" s="69">
        <v>0</v>
      </c>
      <c r="H26" s="68">
        <v>44</v>
      </c>
      <c r="I26" s="68">
        <v>20</v>
      </c>
      <c r="J26" s="68">
        <v>24</v>
      </c>
      <c r="K26" s="67">
        <v>53</v>
      </c>
      <c r="L26" s="79">
        <v>23</v>
      </c>
      <c r="M26" s="80">
        <v>30</v>
      </c>
    </row>
    <row r="27" spans="1:13">
      <c r="A27" s="15" t="s">
        <v>44</v>
      </c>
      <c r="B27" s="67">
        <v>-4</v>
      </c>
      <c r="C27" s="68">
        <v>-5</v>
      </c>
      <c r="D27" s="68">
        <v>1</v>
      </c>
      <c r="E27" s="67">
        <v>1</v>
      </c>
      <c r="F27" s="68">
        <v>1</v>
      </c>
      <c r="G27" s="69">
        <v>0</v>
      </c>
      <c r="H27" s="68">
        <v>26</v>
      </c>
      <c r="I27" s="68">
        <v>13</v>
      </c>
      <c r="J27" s="68">
        <v>13</v>
      </c>
      <c r="K27" s="67">
        <v>29</v>
      </c>
      <c r="L27" s="79">
        <v>17</v>
      </c>
      <c r="M27" s="80">
        <v>12</v>
      </c>
    </row>
    <row r="28" spans="1:13">
      <c r="A28" s="15" t="s">
        <v>46</v>
      </c>
      <c r="B28" s="67">
        <v>36</v>
      </c>
      <c r="C28" s="68">
        <v>9</v>
      </c>
      <c r="D28" s="68">
        <v>27</v>
      </c>
      <c r="E28" s="67">
        <v>0</v>
      </c>
      <c r="F28" s="68">
        <v>0</v>
      </c>
      <c r="G28" s="69">
        <v>0</v>
      </c>
      <c r="H28" s="68">
        <v>96</v>
      </c>
      <c r="I28" s="68">
        <v>44</v>
      </c>
      <c r="J28" s="68">
        <v>52</v>
      </c>
      <c r="K28" s="67">
        <v>60</v>
      </c>
      <c r="L28" s="79">
        <v>35</v>
      </c>
      <c r="M28" s="80">
        <v>25</v>
      </c>
    </row>
    <row r="29" spans="1:13">
      <c r="A29" s="15" t="s">
        <v>48</v>
      </c>
      <c r="B29" s="67">
        <v>197</v>
      </c>
      <c r="C29" s="68">
        <v>83</v>
      </c>
      <c r="D29" s="68">
        <v>114</v>
      </c>
      <c r="E29" s="67">
        <v>1</v>
      </c>
      <c r="F29" s="68">
        <v>0</v>
      </c>
      <c r="G29" s="69">
        <v>1</v>
      </c>
      <c r="H29" s="68">
        <v>312</v>
      </c>
      <c r="I29" s="68">
        <v>145</v>
      </c>
      <c r="J29" s="68">
        <v>167</v>
      </c>
      <c r="K29" s="67">
        <v>114</v>
      </c>
      <c r="L29" s="79">
        <v>62</v>
      </c>
      <c r="M29" s="80">
        <v>52</v>
      </c>
    </row>
    <row r="30" spans="1:13" ht="21" customHeight="1">
      <c r="A30" s="36" t="s">
        <v>50</v>
      </c>
      <c r="B30" s="64">
        <v>366</v>
      </c>
      <c r="C30" s="65">
        <v>242</v>
      </c>
      <c r="D30" s="65">
        <v>124</v>
      </c>
      <c r="E30" s="64">
        <v>7</v>
      </c>
      <c r="F30" s="65">
        <v>5</v>
      </c>
      <c r="G30" s="66">
        <v>2</v>
      </c>
      <c r="H30" s="65">
        <v>2466</v>
      </c>
      <c r="I30" s="65">
        <v>1293</v>
      </c>
      <c r="J30" s="65">
        <v>1173</v>
      </c>
      <c r="K30" s="64">
        <v>2093</v>
      </c>
      <c r="L30" s="77">
        <v>1046</v>
      </c>
      <c r="M30" s="78">
        <v>1047</v>
      </c>
    </row>
    <row r="31" spans="1:13">
      <c r="A31" s="15" t="s">
        <v>52</v>
      </c>
      <c r="B31" s="67">
        <v>119</v>
      </c>
      <c r="C31" s="68">
        <v>62</v>
      </c>
      <c r="D31" s="68">
        <v>57</v>
      </c>
      <c r="E31" s="67">
        <v>4</v>
      </c>
      <c r="F31" s="68">
        <v>2</v>
      </c>
      <c r="G31" s="69">
        <v>2</v>
      </c>
      <c r="H31" s="68">
        <v>279</v>
      </c>
      <c r="I31" s="68">
        <v>139</v>
      </c>
      <c r="J31" s="68">
        <v>140</v>
      </c>
      <c r="K31" s="67">
        <v>156</v>
      </c>
      <c r="L31" s="79">
        <v>75</v>
      </c>
      <c r="M31" s="80">
        <v>81</v>
      </c>
    </row>
    <row r="32" spans="1:13">
      <c r="A32" s="15" t="s">
        <v>54</v>
      </c>
      <c r="B32" s="67">
        <v>159</v>
      </c>
      <c r="C32" s="68">
        <v>90</v>
      </c>
      <c r="D32" s="68">
        <v>69</v>
      </c>
      <c r="E32" s="67">
        <v>0</v>
      </c>
      <c r="F32" s="68">
        <v>0</v>
      </c>
      <c r="G32" s="69">
        <v>0</v>
      </c>
      <c r="H32" s="68">
        <v>427</v>
      </c>
      <c r="I32" s="68">
        <v>220</v>
      </c>
      <c r="J32" s="68">
        <v>207</v>
      </c>
      <c r="K32" s="67">
        <v>268</v>
      </c>
      <c r="L32" s="79">
        <v>130</v>
      </c>
      <c r="M32" s="80">
        <v>138</v>
      </c>
    </row>
    <row r="33" spans="1:13">
      <c r="A33" s="15" t="s">
        <v>56</v>
      </c>
      <c r="B33" s="67">
        <v>87</v>
      </c>
      <c r="C33" s="68">
        <v>59</v>
      </c>
      <c r="D33" s="68">
        <v>28</v>
      </c>
      <c r="E33" s="67">
        <v>2</v>
      </c>
      <c r="F33" s="68">
        <v>2</v>
      </c>
      <c r="G33" s="69">
        <v>0</v>
      </c>
      <c r="H33" s="68">
        <v>510</v>
      </c>
      <c r="I33" s="68">
        <v>265</v>
      </c>
      <c r="J33" s="68">
        <v>245</v>
      </c>
      <c r="K33" s="67">
        <v>421</v>
      </c>
      <c r="L33" s="79">
        <v>204</v>
      </c>
      <c r="M33" s="80">
        <v>217</v>
      </c>
    </row>
    <row r="34" spans="1:13">
      <c r="A34" s="15" t="s">
        <v>58</v>
      </c>
      <c r="B34" s="67">
        <v>57</v>
      </c>
      <c r="C34" s="68">
        <v>49</v>
      </c>
      <c r="D34" s="68">
        <v>8</v>
      </c>
      <c r="E34" s="67">
        <v>1</v>
      </c>
      <c r="F34" s="68">
        <v>1</v>
      </c>
      <c r="G34" s="69">
        <v>0</v>
      </c>
      <c r="H34" s="68">
        <v>686</v>
      </c>
      <c r="I34" s="68">
        <v>369</v>
      </c>
      <c r="J34" s="68">
        <v>317</v>
      </c>
      <c r="K34" s="67">
        <v>628</v>
      </c>
      <c r="L34" s="79">
        <v>319</v>
      </c>
      <c r="M34" s="80">
        <v>309</v>
      </c>
    </row>
    <row r="35" spans="1:13">
      <c r="A35" s="15" t="s">
        <v>60</v>
      </c>
      <c r="B35" s="67">
        <v>-56</v>
      </c>
      <c r="C35" s="68">
        <v>-18</v>
      </c>
      <c r="D35" s="68">
        <v>-38</v>
      </c>
      <c r="E35" s="67">
        <v>0</v>
      </c>
      <c r="F35" s="68">
        <v>0</v>
      </c>
      <c r="G35" s="69">
        <v>0</v>
      </c>
      <c r="H35" s="68">
        <v>564</v>
      </c>
      <c r="I35" s="68">
        <v>300</v>
      </c>
      <c r="J35" s="68">
        <v>264</v>
      </c>
      <c r="K35" s="67">
        <v>620</v>
      </c>
      <c r="L35" s="79">
        <v>318</v>
      </c>
      <c r="M35" s="80">
        <v>302</v>
      </c>
    </row>
    <row r="36" spans="1:13" ht="21" customHeight="1">
      <c r="A36" s="36" t="s">
        <v>62</v>
      </c>
      <c r="B36" s="64">
        <v>53</v>
      </c>
      <c r="C36" s="65">
        <v>54</v>
      </c>
      <c r="D36" s="65">
        <v>-1</v>
      </c>
      <c r="E36" s="64">
        <v>4</v>
      </c>
      <c r="F36" s="65">
        <v>4</v>
      </c>
      <c r="G36" s="66">
        <v>0</v>
      </c>
      <c r="H36" s="65">
        <v>2679</v>
      </c>
      <c r="I36" s="65">
        <v>1480</v>
      </c>
      <c r="J36" s="65">
        <v>1199</v>
      </c>
      <c r="K36" s="64">
        <v>2622</v>
      </c>
      <c r="L36" s="77">
        <v>1422</v>
      </c>
      <c r="M36" s="78">
        <v>1200</v>
      </c>
    </row>
    <row r="37" spans="1:13">
      <c r="A37" s="15" t="s">
        <v>64</v>
      </c>
      <c r="B37" s="67">
        <v>-19</v>
      </c>
      <c r="C37" s="68">
        <v>-1</v>
      </c>
      <c r="D37" s="68">
        <v>-18</v>
      </c>
      <c r="E37" s="67">
        <v>1</v>
      </c>
      <c r="F37" s="68">
        <v>1</v>
      </c>
      <c r="G37" s="69">
        <v>0</v>
      </c>
      <c r="H37" s="68">
        <v>604</v>
      </c>
      <c r="I37" s="68">
        <v>334</v>
      </c>
      <c r="J37" s="68">
        <v>270</v>
      </c>
      <c r="K37" s="67">
        <v>622</v>
      </c>
      <c r="L37" s="79">
        <v>334</v>
      </c>
      <c r="M37" s="80">
        <v>288</v>
      </c>
    </row>
    <row r="38" spans="1:13">
      <c r="A38" s="15" t="s">
        <v>66</v>
      </c>
      <c r="B38" s="67">
        <v>-3</v>
      </c>
      <c r="C38" s="68">
        <v>10</v>
      </c>
      <c r="D38" s="68">
        <v>-13</v>
      </c>
      <c r="E38" s="67">
        <v>1</v>
      </c>
      <c r="F38" s="68">
        <v>1</v>
      </c>
      <c r="G38" s="69">
        <v>0</v>
      </c>
      <c r="H38" s="68">
        <v>567</v>
      </c>
      <c r="I38" s="68">
        <v>318</v>
      </c>
      <c r="J38" s="68">
        <v>249</v>
      </c>
      <c r="K38" s="67">
        <v>569</v>
      </c>
      <c r="L38" s="79">
        <v>307</v>
      </c>
      <c r="M38" s="80">
        <v>262</v>
      </c>
    </row>
    <row r="39" spans="1:13">
      <c r="A39" s="15" t="s">
        <v>68</v>
      </c>
      <c r="B39" s="67">
        <v>3</v>
      </c>
      <c r="C39" s="68">
        <v>15</v>
      </c>
      <c r="D39" s="68">
        <v>-12</v>
      </c>
      <c r="E39" s="67">
        <v>0</v>
      </c>
      <c r="F39" s="68">
        <v>0</v>
      </c>
      <c r="G39" s="69">
        <v>0</v>
      </c>
      <c r="H39" s="68">
        <v>533</v>
      </c>
      <c r="I39" s="68">
        <v>278</v>
      </c>
      <c r="J39" s="68">
        <v>255</v>
      </c>
      <c r="K39" s="67">
        <v>530</v>
      </c>
      <c r="L39" s="79">
        <v>263</v>
      </c>
      <c r="M39" s="80">
        <v>267</v>
      </c>
    </row>
    <row r="40" spans="1:13">
      <c r="A40" s="15" t="s">
        <v>70</v>
      </c>
      <c r="B40" s="67">
        <v>1</v>
      </c>
      <c r="C40" s="68">
        <v>2</v>
      </c>
      <c r="D40" s="68">
        <v>-1</v>
      </c>
      <c r="E40" s="67">
        <v>1</v>
      </c>
      <c r="F40" s="68">
        <v>1</v>
      </c>
      <c r="G40" s="69">
        <v>0</v>
      </c>
      <c r="H40" s="68">
        <v>489</v>
      </c>
      <c r="I40" s="68">
        <v>286</v>
      </c>
      <c r="J40" s="68">
        <v>203</v>
      </c>
      <c r="K40" s="67">
        <v>487</v>
      </c>
      <c r="L40" s="79">
        <v>283</v>
      </c>
      <c r="M40" s="80">
        <v>204</v>
      </c>
    </row>
    <row r="41" spans="1:13">
      <c r="A41" s="15" t="s">
        <v>72</v>
      </c>
      <c r="B41" s="67">
        <v>71</v>
      </c>
      <c r="C41" s="68">
        <v>28</v>
      </c>
      <c r="D41" s="68">
        <v>43</v>
      </c>
      <c r="E41" s="67">
        <v>1</v>
      </c>
      <c r="F41" s="68">
        <v>1</v>
      </c>
      <c r="G41" s="69">
        <v>0</v>
      </c>
      <c r="H41" s="68">
        <v>486</v>
      </c>
      <c r="I41" s="68">
        <v>264</v>
      </c>
      <c r="J41" s="68">
        <v>222</v>
      </c>
      <c r="K41" s="67">
        <v>414</v>
      </c>
      <c r="L41" s="79">
        <v>235</v>
      </c>
      <c r="M41" s="80">
        <v>179</v>
      </c>
    </row>
    <row r="42" spans="1:13" ht="21" customHeight="1">
      <c r="A42" s="36" t="s">
        <v>74</v>
      </c>
      <c r="B42" s="64">
        <v>196</v>
      </c>
      <c r="C42" s="65">
        <v>129</v>
      </c>
      <c r="D42" s="65">
        <v>67</v>
      </c>
      <c r="E42" s="64">
        <v>4</v>
      </c>
      <c r="F42" s="65">
        <v>2</v>
      </c>
      <c r="G42" s="66">
        <v>2</v>
      </c>
      <c r="H42" s="65">
        <v>1732</v>
      </c>
      <c r="I42" s="65">
        <v>992</v>
      </c>
      <c r="J42" s="65">
        <v>740</v>
      </c>
      <c r="K42" s="64">
        <v>1532</v>
      </c>
      <c r="L42" s="77">
        <v>861</v>
      </c>
      <c r="M42" s="78">
        <v>671</v>
      </c>
    </row>
    <row r="43" spans="1:13">
      <c r="A43" s="15" t="s">
        <v>76</v>
      </c>
      <c r="B43" s="67">
        <v>78</v>
      </c>
      <c r="C43" s="68">
        <v>41</v>
      </c>
      <c r="D43" s="68">
        <v>37</v>
      </c>
      <c r="E43" s="67">
        <v>1</v>
      </c>
      <c r="F43" s="68">
        <v>0</v>
      </c>
      <c r="G43" s="69">
        <v>1</v>
      </c>
      <c r="H43" s="68">
        <v>453</v>
      </c>
      <c r="I43" s="68">
        <v>241</v>
      </c>
      <c r="J43" s="68">
        <v>212</v>
      </c>
      <c r="K43" s="67">
        <v>374</v>
      </c>
      <c r="L43" s="79">
        <v>200</v>
      </c>
      <c r="M43" s="80">
        <v>174</v>
      </c>
    </row>
    <row r="44" spans="1:13">
      <c r="A44" s="15" t="s">
        <v>78</v>
      </c>
      <c r="B44" s="67">
        <v>65</v>
      </c>
      <c r="C44" s="68">
        <v>26</v>
      </c>
      <c r="D44" s="68">
        <v>39</v>
      </c>
      <c r="E44" s="67">
        <v>0</v>
      </c>
      <c r="F44" s="68">
        <v>0</v>
      </c>
      <c r="G44" s="69">
        <v>0</v>
      </c>
      <c r="H44" s="68">
        <v>382</v>
      </c>
      <c r="I44" s="68">
        <v>206</v>
      </c>
      <c r="J44" s="68">
        <v>176</v>
      </c>
      <c r="K44" s="67">
        <v>317</v>
      </c>
      <c r="L44" s="79">
        <v>180</v>
      </c>
      <c r="M44" s="80">
        <v>137</v>
      </c>
    </row>
    <row r="45" spans="1:13">
      <c r="A45" s="15" t="s">
        <v>80</v>
      </c>
      <c r="B45" s="67">
        <v>18</v>
      </c>
      <c r="C45" s="68">
        <v>22</v>
      </c>
      <c r="D45" s="68">
        <v>-4</v>
      </c>
      <c r="E45" s="67">
        <v>0</v>
      </c>
      <c r="F45" s="68">
        <v>0</v>
      </c>
      <c r="G45" s="69">
        <v>0</v>
      </c>
      <c r="H45" s="68">
        <v>320</v>
      </c>
      <c r="I45" s="68">
        <v>190</v>
      </c>
      <c r="J45" s="68">
        <v>130</v>
      </c>
      <c r="K45" s="67">
        <v>302</v>
      </c>
      <c r="L45" s="79">
        <v>168</v>
      </c>
      <c r="M45" s="80">
        <v>134</v>
      </c>
    </row>
    <row r="46" spans="1:13">
      <c r="A46" s="15" t="s">
        <v>82</v>
      </c>
      <c r="B46" s="67">
        <v>21</v>
      </c>
      <c r="C46" s="68">
        <v>26</v>
      </c>
      <c r="D46" s="68">
        <v>-5</v>
      </c>
      <c r="E46" s="67">
        <v>0</v>
      </c>
      <c r="F46" s="68">
        <v>0</v>
      </c>
      <c r="G46" s="69">
        <v>0</v>
      </c>
      <c r="H46" s="68">
        <v>312</v>
      </c>
      <c r="I46" s="68">
        <v>191</v>
      </c>
      <c r="J46" s="68">
        <v>121</v>
      </c>
      <c r="K46" s="67">
        <v>291</v>
      </c>
      <c r="L46" s="79">
        <v>165</v>
      </c>
      <c r="M46" s="80">
        <v>126</v>
      </c>
    </row>
    <row r="47" spans="1:13">
      <c r="A47" s="15" t="s">
        <v>84</v>
      </c>
      <c r="B47" s="67">
        <v>14</v>
      </c>
      <c r="C47" s="68">
        <v>14</v>
      </c>
      <c r="D47" s="68">
        <v>0</v>
      </c>
      <c r="E47" s="67">
        <v>3</v>
      </c>
      <c r="F47" s="68">
        <v>2</v>
      </c>
      <c r="G47" s="69">
        <v>1</v>
      </c>
      <c r="H47" s="68">
        <v>265</v>
      </c>
      <c r="I47" s="68">
        <v>164</v>
      </c>
      <c r="J47" s="68">
        <v>101</v>
      </c>
      <c r="K47" s="67">
        <v>248</v>
      </c>
      <c r="L47" s="79">
        <v>148</v>
      </c>
      <c r="M47" s="80">
        <v>100</v>
      </c>
    </row>
    <row r="48" spans="1:13" ht="21" customHeight="1">
      <c r="A48" s="36" t="s">
        <v>86</v>
      </c>
      <c r="B48" s="64">
        <v>83</v>
      </c>
      <c r="C48" s="65">
        <v>26</v>
      </c>
      <c r="D48" s="65">
        <v>57</v>
      </c>
      <c r="E48" s="64">
        <v>11</v>
      </c>
      <c r="F48" s="65">
        <v>8</v>
      </c>
      <c r="G48" s="66">
        <v>3</v>
      </c>
      <c r="H48" s="65">
        <v>1029</v>
      </c>
      <c r="I48" s="65">
        <v>594</v>
      </c>
      <c r="J48" s="65">
        <v>435</v>
      </c>
      <c r="K48" s="64">
        <v>935</v>
      </c>
      <c r="L48" s="77">
        <v>560</v>
      </c>
      <c r="M48" s="78">
        <v>375</v>
      </c>
    </row>
    <row r="49" spans="1:13">
      <c r="A49" s="15" t="s">
        <v>88</v>
      </c>
      <c r="B49" s="67">
        <v>40</v>
      </c>
      <c r="C49" s="68">
        <v>19</v>
      </c>
      <c r="D49" s="68">
        <v>21</v>
      </c>
      <c r="E49" s="67">
        <v>2</v>
      </c>
      <c r="F49" s="68">
        <v>1</v>
      </c>
      <c r="G49" s="69">
        <v>1</v>
      </c>
      <c r="H49" s="68">
        <v>237</v>
      </c>
      <c r="I49" s="68">
        <v>140</v>
      </c>
      <c r="J49" s="68">
        <v>97</v>
      </c>
      <c r="K49" s="67">
        <v>195</v>
      </c>
      <c r="L49" s="79">
        <v>120</v>
      </c>
      <c r="M49" s="80">
        <v>75</v>
      </c>
    </row>
    <row r="50" spans="1:13">
      <c r="A50" s="15" t="s">
        <v>90</v>
      </c>
      <c r="B50" s="67">
        <v>19</v>
      </c>
      <c r="C50" s="68">
        <v>-2</v>
      </c>
      <c r="D50" s="68">
        <v>21</v>
      </c>
      <c r="E50" s="67">
        <v>1</v>
      </c>
      <c r="F50" s="68">
        <v>1</v>
      </c>
      <c r="G50" s="69">
        <v>0</v>
      </c>
      <c r="H50" s="68">
        <v>230</v>
      </c>
      <c r="I50" s="68">
        <v>133</v>
      </c>
      <c r="J50" s="68">
        <v>97</v>
      </c>
      <c r="K50" s="67">
        <v>210</v>
      </c>
      <c r="L50" s="79">
        <v>134</v>
      </c>
      <c r="M50" s="80">
        <v>76</v>
      </c>
    </row>
    <row r="51" spans="1:13">
      <c r="A51" s="15" t="s">
        <v>92</v>
      </c>
      <c r="B51" s="67">
        <v>-3</v>
      </c>
      <c r="C51" s="68">
        <v>-7</v>
      </c>
      <c r="D51" s="68">
        <v>4</v>
      </c>
      <c r="E51" s="67">
        <v>2</v>
      </c>
      <c r="F51" s="68">
        <v>2</v>
      </c>
      <c r="G51" s="69">
        <v>0</v>
      </c>
      <c r="H51" s="68">
        <v>210</v>
      </c>
      <c r="I51" s="68">
        <v>120</v>
      </c>
      <c r="J51" s="68">
        <v>90</v>
      </c>
      <c r="K51" s="67">
        <v>211</v>
      </c>
      <c r="L51" s="79">
        <v>125</v>
      </c>
      <c r="M51" s="80">
        <v>86</v>
      </c>
    </row>
    <row r="52" spans="1:13">
      <c r="A52" s="15" t="s">
        <v>94</v>
      </c>
      <c r="B52" s="67">
        <v>12</v>
      </c>
      <c r="C52" s="68">
        <v>10</v>
      </c>
      <c r="D52" s="68">
        <v>2</v>
      </c>
      <c r="E52" s="67">
        <v>3</v>
      </c>
      <c r="F52" s="68">
        <v>2</v>
      </c>
      <c r="G52" s="69">
        <v>1</v>
      </c>
      <c r="H52" s="68">
        <v>176</v>
      </c>
      <c r="I52" s="68">
        <v>107</v>
      </c>
      <c r="J52" s="68">
        <v>69</v>
      </c>
      <c r="K52" s="67">
        <v>161</v>
      </c>
      <c r="L52" s="79">
        <v>95</v>
      </c>
      <c r="M52" s="80">
        <v>66</v>
      </c>
    </row>
    <row r="53" spans="1:13">
      <c r="A53" s="15" t="s">
        <v>96</v>
      </c>
      <c r="B53" s="67">
        <v>15</v>
      </c>
      <c r="C53" s="68">
        <v>6</v>
      </c>
      <c r="D53" s="68">
        <v>9</v>
      </c>
      <c r="E53" s="67">
        <v>3</v>
      </c>
      <c r="F53" s="68">
        <v>2</v>
      </c>
      <c r="G53" s="69">
        <v>1</v>
      </c>
      <c r="H53" s="68">
        <v>176</v>
      </c>
      <c r="I53" s="68">
        <v>94</v>
      </c>
      <c r="J53" s="68">
        <v>82</v>
      </c>
      <c r="K53" s="67">
        <v>158</v>
      </c>
      <c r="L53" s="79">
        <v>86</v>
      </c>
      <c r="M53" s="80">
        <v>72</v>
      </c>
    </row>
    <row r="54" spans="1:13" ht="21" customHeight="1">
      <c r="A54" s="36" t="s">
        <v>98</v>
      </c>
      <c r="B54" s="64">
        <v>89</v>
      </c>
      <c r="C54" s="65">
        <v>61</v>
      </c>
      <c r="D54" s="65">
        <v>28</v>
      </c>
      <c r="E54" s="64">
        <v>13</v>
      </c>
      <c r="F54" s="65">
        <v>8</v>
      </c>
      <c r="G54" s="66">
        <v>5</v>
      </c>
      <c r="H54" s="65">
        <v>706</v>
      </c>
      <c r="I54" s="65">
        <v>412</v>
      </c>
      <c r="J54" s="65">
        <v>294</v>
      </c>
      <c r="K54" s="64">
        <v>604</v>
      </c>
      <c r="L54" s="77">
        <v>343</v>
      </c>
      <c r="M54" s="78">
        <v>261</v>
      </c>
    </row>
    <row r="55" spans="1:13">
      <c r="A55" s="15" t="s">
        <v>100</v>
      </c>
      <c r="B55" s="67">
        <v>36</v>
      </c>
      <c r="C55" s="68">
        <v>28</v>
      </c>
      <c r="D55" s="68">
        <v>8</v>
      </c>
      <c r="E55" s="67">
        <v>5</v>
      </c>
      <c r="F55" s="68">
        <v>2</v>
      </c>
      <c r="G55" s="69">
        <v>3</v>
      </c>
      <c r="H55" s="68">
        <v>159</v>
      </c>
      <c r="I55" s="68">
        <v>90</v>
      </c>
      <c r="J55" s="68">
        <v>69</v>
      </c>
      <c r="K55" s="67">
        <v>118</v>
      </c>
      <c r="L55" s="79">
        <v>60</v>
      </c>
      <c r="M55" s="80">
        <v>58</v>
      </c>
    </row>
    <row r="56" spans="1:13">
      <c r="A56" s="15" t="s">
        <v>102</v>
      </c>
      <c r="B56" s="67">
        <v>36</v>
      </c>
      <c r="C56" s="68">
        <v>26</v>
      </c>
      <c r="D56" s="68">
        <v>10</v>
      </c>
      <c r="E56" s="67">
        <v>2</v>
      </c>
      <c r="F56" s="68">
        <v>1</v>
      </c>
      <c r="G56" s="69">
        <v>1</v>
      </c>
      <c r="H56" s="68">
        <v>162</v>
      </c>
      <c r="I56" s="68">
        <v>106</v>
      </c>
      <c r="J56" s="68">
        <v>56</v>
      </c>
      <c r="K56" s="67">
        <v>124</v>
      </c>
      <c r="L56" s="79">
        <v>79</v>
      </c>
      <c r="M56" s="80">
        <v>45</v>
      </c>
    </row>
    <row r="57" spans="1:13">
      <c r="A57" s="15" t="s">
        <v>104</v>
      </c>
      <c r="B57" s="67">
        <v>20</v>
      </c>
      <c r="C57" s="68">
        <v>8</v>
      </c>
      <c r="D57" s="68">
        <v>12</v>
      </c>
      <c r="E57" s="67">
        <v>1</v>
      </c>
      <c r="F57" s="68">
        <v>1</v>
      </c>
      <c r="G57" s="69">
        <v>0</v>
      </c>
      <c r="H57" s="68">
        <v>138</v>
      </c>
      <c r="I57" s="68">
        <v>78</v>
      </c>
      <c r="J57" s="68">
        <v>60</v>
      </c>
      <c r="K57" s="67">
        <v>117</v>
      </c>
      <c r="L57" s="79">
        <v>69</v>
      </c>
      <c r="M57" s="80">
        <v>48</v>
      </c>
    </row>
    <row r="58" spans="1:13">
      <c r="A58" s="15" t="s">
        <v>106</v>
      </c>
      <c r="B58" s="67">
        <v>-5</v>
      </c>
      <c r="C58" s="68">
        <v>1</v>
      </c>
      <c r="D58" s="68">
        <v>-6</v>
      </c>
      <c r="E58" s="67">
        <v>0</v>
      </c>
      <c r="F58" s="68">
        <v>0</v>
      </c>
      <c r="G58" s="69">
        <v>0</v>
      </c>
      <c r="H58" s="68">
        <v>131</v>
      </c>
      <c r="I58" s="68">
        <v>76</v>
      </c>
      <c r="J58" s="68">
        <v>55</v>
      </c>
      <c r="K58" s="67">
        <v>136</v>
      </c>
      <c r="L58" s="79">
        <v>75</v>
      </c>
      <c r="M58" s="80">
        <v>61</v>
      </c>
    </row>
    <row r="59" spans="1:13">
      <c r="A59" s="15" t="s">
        <v>108</v>
      </c>
      <c r="B59" s="67">
        <v>2</v>
      </c>
      <c r="C59" s="68">
        <v>-2</v>
      </c>
      <c r="D59" s="68">
        <v>4</v>
      </c>
      <c r="E59" s="67">
        <v>5</v>
      </c>
      <c r="F59" s="68">
        <v>4</v>
      </c>
      <c r="G59" s="69">
        <v>1</v>
      </c>
      <c r="H59" s="68">
        <v>116</v>
      </c>
      <c r="I59" s="68">
        <v>62</v>
      </c>
      <c r="J59" s="68">
        <v>54</v>
      </c>
      <c r="K59" s="67">
        <v>109</v>
      </c>
      <c r="L59" s="79">
        <v>60</v>
      </c>
      <c r="M59" s="80">
        <v>49</v>
      </c>
    </row>
    <row r="60" spans="1:13" ht="21" customHeight="1">
      <c r="A60" s="36" t="s">
        <v>110</v>
      </c>
      <c r="B60" s="64">
        <v>59</v>
      </c>
      <c r="C60" s="65">
        <v>23</v>
      </c>
      <c r="D60" s="65">
        <v>36</v>
      </c>
      <c r="E60" s="64">
        <v>40</v>
      </c>
      <c r="F60" s="65">
        <v>26</v>
      </c>
      <c r="G60" s="66">
        <v>14</v>
      </c>
      <c r="H60" s="65">
        <v>632</v>
      </c>
      <c r="I60" s="65">
        <v>367</v>
      </c>
      <c r="J60" s="65">
        <v>265</v>
      </c>
      <c r="K60" s="64">
        <v>533</v>
      </c>
      <c r="L60" s="77">
        <v>318</v>
      </c>
      <c r="M60" s="78">
        <v>215</v>
      </c>
    </row>
    <row r="61" spans="1:13">
      <c r="A61" s="15" t="s">
        <v>112</v>
      </c>
      <c r="B61" s="67">
        <v>6</v>
      </c>
      <c r="C61" s="68">
        <v>-1</v>
      </c>
      <c r="D61" s="68">
        <v>7</v>
      </c>
      <c r="E61" s="67">
        <v>6</v>
      </c>
      <c r="F61" s="68">
        <v>5</v>
      </c>
      <c r="G61" s="69">
        <v>1</v>
      </c>
      <c r="H61" s="68">
        <v>107</v>
      </c>
      <c r="I61" s="68">
        <v>65</v>
      </c>
      <c r="J61" s="68">
        <v>42</v>
      </c>
      <c r="K61" s="67">
        <v>95</v>
      </c>
      <c r="L61" s="79">
        <v>61</v>
      </c>
      <c r="M61" s="80">
        <v>34</v>
      </c>
    </row>
    <row r="62" spans="1:13">
      <c r="A62" s="15" t="s">
        <v>114</v>
      </c>
      <c r="B62" s="67">
        <v>35</v>
      </c>
      <c r="C62" s="68">
        <v>19</v>
      </c>
      <c r="D62" s="68">
        <v>16</v>
      </c>
      <c r="E62" s="67">
        <v>8</v>
      </c>
      <c r="F62" s="68">
        <v>5</v>
      </c>
      <c r="G62" s="69">
        <v>3</v>
      </c>
      <c r="H62" s="68">
        <v>134</v>
      </c>
      <c r="I62" s="68">
        <v>76</v>
      </c>
      <c r="J62" s="68">
        <v>58</v>
      </c>
      <c r="K62" s="67">
        <v>91</v>
      </c>
      <c r="L62" s="79">
        <v>52</v>
      </c>
      <c r="M62" s="80">
        <v>39</v>
      </c>
    </row>
    <row r="63" spans="1:13">
      <c r="A63" s="15" t="s">
        <v>116</v>
      </c>
      <c r="B63" s="67">
        <v>0</v>
      </c>
      <c r="C63" s="68">
        <v>-10</v>
      </c>
      <c r="D63" s="68">
        <v>10</v>
      </c>
      <c r="E63" s="67">
        <v>9</v>
      </c>
      <c r="F63" s="68">
        <v>6</v>
      </c>
      <c r="G63" s="69">
        <v>3</v>
      </c>
      <c r="H63" s="68">
        <v>139</v>
      </c>
      <c r="I63" s="68">
        <v>81</v>
      </c>
      <c r="J63" s="68">
        <v>58</v>
      </c>
      <c r="K63" s="67">
        <v>130</v>
      </c>
      <c r="L63" s="79">
        <v>85</v>
      </c>
      <c r="M63" s="80">
        <v>45</v>
      </c>
    </row>
    <row r="64" spans="1:13">
      <c r="A64" s="15" t="s">
        <v>118</v>
      </c>
      <c r="B64" s="67">
        <v>28</v>
      </c>
      <c r="C64" s="68">
        <v>10</v>
      </c>
      <c r="D64" s="68">
        <v>18</v>
      </c>
      <c r="E64" s="67">
        <v>7</v>
      </c>
      <c r="F64" s="68">
        <v>4</v>
      </c>
      <c r="G64" s="69">
        <v>3</v>
      </c>
      <c r="H64" s="68">
        <v>137</v>
      </c>
      <c r="I64" s="68">
        <v>79</v>
      </c>
      <c r="J64" s="68">
        <v>58</v>
      </c>
      <c r="K64" s="67">
        <v>102</v>
      </c>
      <c r="L64" s="79">
        <v>65</v>
      </c>
      <c r="M64" s="80">
        <v>37</v>
      </c>
    </row>
    <row r="65" spans="1:13">
      <c r="A65" s="19" t="s">
        <v>120</v>
      </c>
      <c r="B65" s="70">
        <v>-10</v>
      </c>
      <c r="C65" s="71">
        <v>5</v>
      </c>
      <c r="D65" s="71">
        <v>-15</v>
      </c>
      <c r="E65" s="70">
        <v>10</v>
      </c>
      <c r="F65" s="71">
        <v>6</v>
      </c>
      <c r="G65" s="72">
        <v>4</v>
      </c>
      <c r="H65" s="71">
        <v>115</v>
      </c>
      <c r="I65" s="71">
        <v>66</v>
      </c>
      <c r="J65" s="71">
        <v>49</v>
      </c>
      <c r="K65" s="70">
        <v>115</v>
      </c>
      <c r="L65" s="81">
        <v>55</v>
      </c>
      <c r="M65" s="82">
        <v>60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47</v>
      </c>
      <c r="C68" s="10" t="s">
        <v>142</v>
      </c>
      <c r="D68" s="10" t="s">
        <v>143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621</v>
      </c>
      <c r="C69" s="50">
        <v>818</v>
      </c>
      <c r="D69" s="84">
        <v>803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48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78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6</v>
      </c>
      <c r="B73" s="9" t="s">
        <v>147</v>
      </c>
      <c r="C73" s="10" t="s">
        <v>142</v>
      </c>
      <c r="D73" s="9" t="s">
        <v>143</v>
      </c>
      <c r="E73" s="9" t="s">
        <v>147</v>
      </c>
      <c r="F73" s="9" t="s">
        <v>142</v>
      </c>
      <c r="G73" s="9" t="s">
        <v>143</v>
      </c>
      <c r="H73" s="9" t="s">
        <v>147</v>
      </c>
      <c r="I73" s="9" t="s">
        <v>142</v>
      </c>
      <c r="J73" s="9" t="s">
        <v>143</v>
      </c>
      <c r="K73" s="9" t="s">
        <v>147</v>
      </c>
      <c r="L73" s="9" t="s">
        <v>142</v>
      </c>
      <c r="M73" s="11" t="s">
        <v>143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1</v>
      </c>
      <c r="C75" s="65">
        <v>-16</v>
      </c>
      <c r="D75" s="65">
        <v>17</v>
      </c>
      <c r="E75" s="64">
        <v>68</v>
      </c>
      <c r="F75" s="65">
        <v>49</v>
      </c>
      <c r="G75" s="66">
        <v>19</v>
      </c>
      <c r="H75" s="65">
        <v>543</v>
      </c>
      <c r="I75" s="65">
        <v>313</v>
      </c>
      <c r="J75" s="65">
        <v>230</v>
      </c>
      <c r="K75" s="64">
        <v>474</v>
      </c>
      <c r="L75" s="77">
        <v>280</v>
      </c>
      <c r="M75" s="78">
        <v>194</v>
      </c>
    </row>
    <row r="76" spans="1:13">
      <c r="A76" s="27" t="s">
        <v>5</v>
      </c>
      <c r="B76" s="67">
        <v>15</v>
      </c>
      <c r="C76" s="68">
        <v>12</v>
      </c>
      <c r="D76" s="68">
        <v>3</v>
      </c>
      <c r="E76" s="67">
        <v>8</v>
      </c>
      <c r="F76" s="68">
        <v>6</v>
      </c>
      <c r="G76" s="69">
        <v>2</v>
      </c>
      <c r="H76" s="68">
        <v>114</v>
      </c>
      <c r="I76" s="68">
        <v>73</v>
      </c>
      <c r="J76" s="68">
        <v>41</v>
      </c>
      <c r="K76" s="67">
        <v>91</v>
      </c>
      <c r="L76" s="79">
        <v>55</v>
      </c>
      <c r="M76" s="80">
        <v>36</v>
      </c>
    </row>
    <row r="77" spans="1:13">
      <c r="A77" s="27" t="s">
        <v>7</v>
      </c>
      <c r="B77" s="67">
        <v>1</v>
      </c>
      <c r="C77" s="68">
        <v>-9</v>
      </c>
      <c r="D77" s="68">
        <v>10</v>
      </c>
      <c r="E77" s="67">
        <v>14</v>
      </c>
      <c r="F77" s="68">
        <v>10</v>
      </c>
      <c r="G77" s="69">
        <v>4</v>
      </c>
      <c r="H77" s="68">
        <v>131</v>
      </c>
      <c r="I77" s="68">
        <v>68</v>
      </c>
      <c r="J77" s="68">
        <v>63</v>
      </c>
      <c r="K77" s="67">
        <v>116</v>
      </c>
      <c r="L77" s="79">
        <v>67</v>
      </c>
      <c r="M77" s="80">
        <v>49</v>
      </c>
    </row>
    <row r="78" spans="1:13">
      <c r="A78" s="27" t="s">
        <v>9</v>
      </c>
      <c r="B78" s="67">
        <v>20</v>
      </c>
      <c r="C78" s="68">
        <v>18</v>
      </c>
      <c r="D78" s="68">
        <v>2</v>
      </c>
      <c r="E78" s="67">
        <v>11</v>
      </c>
      <c r="F78" s="68">
        <v>7</v>
      </c>
      <c r="G78" s="69">
        <v>4</v>
      </c>
      <c r="H78" s="68">
        <v>113</v>
      </c>
      <c r="I78" s="68">
        <v>72</v>
      </c>
      <c r="J78" s="68">
        <v>41</v>
      </c>
      <c r="K78" s="67">
        <v>82</v>
      </c>
      <c r="L78" s="79">
        <v>47</v>
      </c>
      <c r="M78" s="80">
        <v>35</v>
      </c>
    </row>
    <row r="79" spans="1:13">
      <c r="A79" s="27" t="s">
        <v>11</v>
      </c>
      <c r="B79" s="67">
        <v>-9</v>
      </c>
      <c r="C79" s="68">
        <v>-13</v>
      </c>
      <c r="D79" s="68">
        <v>4</v>
      </c>
      <c r="E79" s="67">
        <v>17</v>
      </c>
      <c r="F79" s="68">
        <v>13</v>
      </c>
      <c r="G79" s="69">
        <v>4</v>
      </c>
      <c r="H79" s="68">
        <v>100</v>
      </c>
      <c r="I79" s="68">
        <v>51</v>
      </c>
      <c r="J79" s="68">
        <v>49</v>
      </c>
      <c r="K79" s="67">
        <v>92</v>
      </c>
      <c r="L79" s="79">
        <v>51</v>
      </c>
      <c r="M79" s="80">
        <v>41</v>
      </c>
    </row>
    <row r="80" spans="1:13">
      <c r="A80" s="27" t="s">
        <v>13</v>
      </c>
      <c r="B80" s="67">
        <v>-26</v>
      </c>
      <c r="C80" s="68">
        <v>-24</v>
      </c>
      <c r="D80" s="68">
        <v>-2</v>
      </c>
      <c r="E80" s="67">
        <v>18</v>
      </c>
      <c r="F80" s="68">
        <v>13</v>
      </c>
      <c r="G80" s="69">
        <v>5</v>
      </c>
      <c r="H80" s="68">
        <v>85</v>
      </c>
      <c r="I80" s="68">
        <v>49</v>
      </c>
      <c r="J80" s="68">
        <v>36</v>
      </c>
      <c r="K80" s="67">
        <v>93</v>
      </c>
      <c r="L80" s="79">
        <v>60</v>
      </c>
      <c r="M80" s="80">
        <v>33</v>
      </c>
    </row>
    <row r="81" spans="1:13" ht="21" customHeight="1">
      <c r="A81" s="38" t="s">
        <v>15</v>
      </c>
      <c r="B81" s="64">
        <v>-57</v>
      </c>
      <c r="C81" s="65">
        <v>-33</v>
      </c>
      <c r="D81" s="65">
        <v>-24</v>
      </c>
      <c r="E81" s="64">
        <v>93</v>
      </c>
      <c r="F81" s="65">
        <v>63</v>
      </c>
      <c r="G81" s="66">
        <v>30</v>
      </c>
      <c r="H81" s="65">
        <v>374</v>
      </c>
      <c r="I81" s="65">
        <v>225</v>
      </c>
      <c r="J81" s="65">
        <v>149</v>
      </c>
      <c r="K81" s="64">
        <v>338</v>
      </c>
      <c r="L81" s="77">
        <v>195</v>
      </c>
      <c r="M81" s="78">
        <v>143</v>
      </c>
    </row>
    <row r="82" spans="1:13">
      <c r="A82" s="27" t="s">
        <v>17</v>
      </c>
      <c r="B82" s="67">
        <v>-29</v>
      </c>
      <c r="C82" s="68">
        <v>-17</v>
      </c>
      <c r="D82" s="68">
        <v>-12</v>
      </c>
      <c r="E82" s="67">
        <v>20</v>
      </c>
      <c r="F82" s="68">
        <v>10</v>
      </c>
      <c r="G82" s="69">
        <v>10</v>
      </c>
      <c r="H82" s="68">
        <v>90</v>
      </c>
      <c r="I82" s="68">
        <v>57</v>
      </c>
      <c r="J82" s="68">
        <v>33</v>
      </c>
      <c r="K82" s="67">
        <v>99</v>
      </c>
      <c r="L82" s="79">
        <v>64</v>
      </c>
      <c r="M82" s="80">
        <v>35</v>
      </c>
    </row>
    <row r="83" spans="1:13">
      <c r="A83" s="27" t="s">
        <v>19</v>
      </c>
      <c r="B83" s="67">
        <v>2</v>
      </c>
      <c r="C83" s="68">
        <v>7</v>
      </c>
      <c r="D83" s="68">
        <v>-5</v>
      </c>
      <c r="E83" s="67">
        <v>11</v>
      </c>
      <c r="F83" s="68">
        <v>7</v>
      </c>
      <c r="G83" s="69">
        <v>4</v>
      </c>
      <c r="H83" s="68">
        <v>72</v>
      </c>
      <c r="I83" s="68">
        <v>41</v>
      </c>
      <c r="J83" s="68">
        <v>31</v>
      </c>
      <c r="K83" s="67">
        <v>59</v>
      </c>
      <c r="L83" s="79">
        <v>27</v>
      </c>
      <c r="M83" s="80">
        <v>32</v>
      </c>
    </row>
    <row r="84" spans="1:13">
      <c r="A84" s="27" t="s">
        <v>21</v>
      </c>
      <c r="B84" s="67">
        <v>-10</v>
      </c>
      <c r="C84" s="68">
        <v>-2</v>
      </c>
      <c r="D84" s="68">
        <v>-8</v>
      </c>
      <c r="E84" s="67">
        <v>23</v>
      </c>
      <c r="F84" s="68">
        <v>15</v>
      </c>
      <c r="G84" s="69">
        <v>8</v>
      </c>
      <c r="H84" s="68">
        <v>74</v>
      </c>
      <c r="I84" s="68">
        <v>48</v>
      </c>
      <c r="J84" s="68">
        <v>26</v>
      </c>
      <c r="K84" s="67">
        <v>61</v>
      </c>
      <c r="L84" s="79">
        <v>35</v>
      </c>
      <c r="M84" s="80">
        <v>26</v>
      </c>
    </row>
    <row r="85" spans="1:13">
      <c r="A85" s="27" t="s">
        <v>23</v>
      </c>
      <c r="B85" s="67">
        <v>-23</v>
      </c>
      <c r="C85" s="68">
        <v>-18</v>
      </c>
      <c r="D85" s="68">
        <v>-5</v>
      </c>
      <c r="E85" s="67">
        <v>20</v>
      </c>
      <c r="F85" s="68">
        <v>16</v>
      </c>
      <c r="G85" s="69">
        <v>4</v>
      </c>
      <c r="H85" s="68">
        <v>68</v>
      </c>
      <c r="I85" s="68">
        <v>39</v>
      </c>
      <c r="J85" s="68">
        <v>29</v>
      </c>
      <c r="K85" s="67">
        <v>71</v>
      </c>
      <c r="L85" s="79">
        <v>41</v>
      </c>
      <c r="M85" s="80">
        <v>30</v>
      </c>
    </row>
    <row r="86" spans="1:13">
      <c r="A86" s="27" t="s">
        <v>25</v>
      </c>
      <c r="B86" s="67">
        <v>3</v>
      </c>
      <c r="C86" s="68">
        <v>-3</v>
      </c>
      <c r="D86" s="68">
        <v>6</v>
      </c>
      <c r="E86" s="67">
        <v>19</v>
      </c>
      <c r="F86" s="68">
        <v>15</v>
      </c>
      <c r="G86" s="69">
        <v>4</v>
      </c>
      <c r="H86" s="68">
        <v>70</v>
      </c>
      <c r="I86" s="68">
        <v>40</v>
      </c>
      <c r="J86" s="68">
        <v>30</v>
      </c>
      <c r="K86" s="67">
        <v>48</v>
      </c>
      <c r="L86" s="79">
        <v>28</v>
      </c>
      <c r="M86" s="80">
        <v>20</v>
      </c>
    </row>
    <row r="87" spans="1:13" ht="21" customHeight="1">
      <c r="A87" s="38" t="s">
        <v>27</v>
      </c>
      <c r="B87" s="64">
        <v>-65</v>
      </c>
      <c r="C87" s="65">
        <v>-57</v>
      </c>
      <c r="D87" s="65">
        <v>-8</v>
      </c>
      <c r="E87" s="64">
        <v>98</v>
      </c>
      <c r="F87" s="65">
        <v>72</v>
      </c>
      <c r="G87" s="66">
        <v>26</v>
      </c>
      <c r="H87" s="65">
        <v>299</v>
      </c>
      <c r="I87" s="65">
        <v>167</v>
      </c>
      <c r="J87" s="65">
        <v>132</v>
      </c>
      <c r="K87" s="64">
        <v>266</v>
      </c>
      <c r="L87" s="77">
        <v>152</v>
      </c>
      <c r="M87" s="78">
        <v>114</v>
      </c>
    </row>
    <row r="88" spans="1:13">
      <c r="A88" s="27" t="s">
        <v>29</v>
      </c>
      <c r="B88" s="67">
        <v>-7</v>
      </c>
      <c r="C88" s="68">
        <v>-16</v>
      </c>
      <c r="D88" s="68">
        <v>9</v>
      </c>
      <c r="E88" s="67">
        <v>18</v>
      </c>
      <c r="F88" s="68">
        <v>15</v>
      </c>
      <c r="G88" s="69">
        <v>3</v>
      </c>
      <c r="H88" s="68">
        <v>74</v>
      </c>
      <c r="I88" s="68">
        <v>42</v>
      </c>
      <c r="J88" s="68">
        <v>32</v>
      </c>
      <c r="K88" s="67">
        <v>63</v>
      </c>
      <c r="L88" s="79">
        <v>43</v>
      </c>
      <c r="M88" s="80">
        <v>20</v>
      </c>
    </row>
    <row r="89" spans="1:13">
      <c r="A89" s="27" t="s">
        <v>31</v>
      </c>
      <c r="B89" s="67">
        <v>-13</v>
      </c>
      <c r="C89" s="68">
        <v>-6</v>
      </c>
      <c r="D89" s="68">
        <v>-7</v>
      </c>
      <c r="E89" s="67">
        <v>22</v>
      </c>
      <c r="F89" s="68">
        <v>17</v>
      </c>
      <c r="G89" s="69">
        <v>5</v>
      </c>
      <c r="H89" s="68">
        <v>72</v>
      </c>
      <c r="I89" s="68">
        <v>42</v>
      </c>
      <c r="J89" s="68">
        <v>30</v>
      </c>
      <c r="K89" s="67">
        <v>63</v>
      </c>
      <c r="L89" s="79">
        <v>31</v>
      </c>
      <c r="M89" s="80">
        <v>32</v>
      </c>
    </row>
    <row r="90" spans="1:13">
      <c r="A90" s="27" t="s">
        <v>33</v>
      </c>
      <c r="B90" s="67">
        <v>0</v>
      </c>
      <c r="C90" s="68">
        <v>-1</v>
      </c>
      <c r="D90" s="68">
        <v>1</v>
      </c>
      <c r="E90" s="67">
        <v>19</v>
      </c>
      <c r="F90" s="68">
        <v>10</v>
      </c>
      <c r="G90" s="69">
        <v>9</v>
      </c>
      <c r="H90" s="68">
        <v>61</v>
      </c>
      <c r="I90" s="68">
        <v>33</v>
      </c>
      <c r="J90" s="68">
        <v>28</v>
      </c>
      <c r="K90" s="67">
        <v>42</v>
      </c>
      <c r="L90" s="79">
        <v>24</v>
      </c>
      <c r="M90" s="80">
        <v>18</v>
      </c>
    </row>
    <row r="91" spans="1:13">
      <c r="A91" s="27" t="s">
        <v>35</v>
      </c>
      <c r="B91" s="67">
        <v>-15</v>
      </c>
      <c r="C91" s="68">
        <v>-16</v>
      </c>
      <c r="D91" s="68">
        <v>1</v>
      </c>
      <c r="E91" s="67">
        <v>22</v>
      </c>
      <c r="F91" s="68">
        <v>18</v>
      </c>
      <c r="G91" s="69">
        <v>4</v>
      </c>
      <c r="H91" s="68">
        <v>51</v>
      </c>
      <c r="I91" s="68">
        <v>30</v>
      </c>
      <c r="J91" s="68">
        <v>21</v>
      </c>
      <c r="K91" s="67">
        <v>44</v>
      </c>
      <c r="L91" s="79">
        <v>28</v>
      </c>
      <c r="M91" s="80">
        <v>16</v>
      </c>
    </row>
    <row r="92" spans="1:13">
      <c r="A92" s="27" t="s">
        <v>37</v>
      </c>
      <c r="B92" s="67">
        <v>-30</v>
      </c>
      <c r="C92" s="68">
        <v>-18</v>
      </c>
      <c r="D92" s="68">
        <v>-12</v>
      </c>
      <c r="E92" s="67">
        <v>17</v>
      </c>
      <c r="F92" s="68">
        <v>12</v>
      </c>
      <c r="G92" s="69">
        <v>5</v>
      </c>
      <c r="H92" s="68">
        <v>41</v>
      </c>
      <c r="I92" s="68">
        <v>20</v>
      </c>
      <c r="J92" s="68">
        <v>21</v>
      </c>
      <c r="K92" s="67">
        <v>54</v>
      </c>
      <c r="L92" s="79">
        <v>26</v>
      </c>
      <c r="M92" s="80">
        <v>28</v>
      </c>
    </row>
    <row r="93" spans="1:13" ht="21" customHeight="1">
      <c r="A93" s="38" t="s">
        <v>39</v>
      </c>
      <c r="B93" s="64">
        <v>-111</v>
      </c>
      <c r="C93" s="65">
        <v>-94</v>
      </c>
      <c r="D93" s="65">
        <v>-17</v>
      </c>
      <c r="E93" s="64">
        <v>155</v>
      </c>
      <c r="F93" s="65">
        <v>108</v>
      </c>
      <c r="G93" s="66">
        <v>47</v>
      </c>
      <c r="H93" s="65">
        <v>236</v>
      </c>
      <c r="I93" s="65">
        <v>140</v>
      </c>
      <c r="J93" s="65">
        <v>96</v>
      </c>
      <c r="K93" s="64">
        <v>192</v>
      </c>
      <c r="L93" s="77">
        <v>126</v>
      </c>
      <c r="M93" s="78">
        <v>66</v>
      </c>
    </row>
    <row r="94" spans="1:13">
      <c r="A94" s="27" t="s">
        <v>41</v>
      </c>
      <c r="B94" s="67">
        <v>-16</v>
      </c>
      <c r="C94" s="68">
        <v>-11</v>
      </c>
      <c r="D94" s="68">
        <v>-5</v>
      </c>
      <c r="E94" s="67">
        <v>16</v>
      </c>
      <c r="F94" s="68">
        <v>12</v>
      </c>
      <c r="G94" s="69">
        <v>4</v>
      </c>
      <c r="H94" s="68">
        <v>49</v>
      </c>
      <c r="I94" s="68">
        <v>33</v>
      </c>
      <c r="J94" s="68">
        <v>16</v>
      </c>
      <c r="K94" s="67">
        <v>49</v>
      </c>
      <c r="L94" s="79">
        <v>32</v>
      </c>
      <c r="M94" s="80">
        <v>17</v>
      </c>
    </row>
    <row r="95" spans="1:13">
      <c r="A95" s="27" t="s">
        <v>43</v>
      </c>
      <c r="B95" s="67">
        <v>-19</v>
      </c>
      <c r="C95" s="68">
        <v>-11</v>
      </c>
      <c r="D95" s="68">
        <v>-8</v>
      </c>
      <c r="E95" s="67">
        <v>30</v>
      </c>
      <c r="F95" s="68">
        <v>19</v>
      </c>
      <c r="G95" s="69">
        <v>11</v>
      </c>
      <c r="H95" s="68">
        <v>51</v>
      </c>
      <c r="I95" s="68">
        <v>36</v>
      </c>
      <c r="J95" s="68">
        <v>15</v>
      </c>
      <c r="K95" s="67">
        <v>40</v>
      </c>
      <c r="L95" s="79">
        <v>28</v>
      </c>
      <c r="M95" s="80">
        <v>12</v>
      </c>
    </row>
    <row r="96" spans="1:13">
      <c r="A96" s="27" t="s">
        <v>45</v>
      </c>
      <c r="B96" s="67">
        <v>-30</v>
      </c>
      <c r="C96" s="68">
        <v>-26</v>
      </c>
      <c r="D96" s="68">
        <v>-4</v>
      </c>
      <c r="E96" s="67">
        <v>36</v>
      </c>
      <c r="F96" s="68">
        <v>28</v>
      </c>
      <c r="G96" s="69">
        <v>8</v>
      </c>
      <c r="H96" s="68">
        <v>38</v>
      </c>
      <c r="I96" s="68">
        <v>24</v>
      </c>
      <c r="J96" s="68">
        <v>14</v>
      </c>
      <c r="K96" s="67">
        <v>32</v>
      </c>
      <c r="L96" s="79">
        <v>22</v>
      </c>
      <c r="M96" s="80">
        <v>10</v>
      </c>
    </row>
    <row r="97" spans="1:13">
      <c r="A97" s="27" t="s">
        <v>47</v>
      </c>
      <c r="B97" s="67">
        <v>-22</v>
      </c>
      <c r="C97" s="68">
        <v>-19</v>
      </c>
      <c r="D97" s="68">
        <v>-3</v>
      </c>
      <c r="E97" s="67">
        <v>32</v>
      </c>
      <c r="F97" s="68">
        <v>19</v>
      </c>
      <c r="G97" s="69">
        <v>13</v>
      </c>
      <c r="H97" s="68">
        <v>49</v>
      </c>
      <c r="I97" s="68">
        <v>26</v>
      </c>
      <c r="J97" s="68">
        <v>23</v>
      </c>
      <c r="K97" s="67">
        <v>39</v>
      </c>
      <c r="L97" s="79">
        <v>26</v>
      </c>
      <c r="M97" s="80">
        <v>13</v>
      </c>
    </row>
    <row r="98" spans="1:13">
      <c r="A98" s="27" t="s">
        <v>49</v>
      </c>
      <c r="B98" s="67">
        <v>-24</v>
      </c>
      <c r="C98" s="68">
        <v>-27</v>
      </c>
      <c r="D98" s="68">
        <v>3</v>
      </c>
      <c r="E98" s="67">
        <v>41</v>
      </c>
      <c r="F98" s="68">
        <v>30</v>
      </c>
      <c r="G98" s="69">
        <v>11</v>
      </c>
      <c r="H98" s="68">
        <v>49</v>
      </c>
      <c r="I98" s="68">
        <v>21</v>
      </c>
      <c r="J98" s="68">
        <v>28</v>
      </c>
      <c r="K98" s="67">
        <v>32</v>
      </c>
      <c r="L98" s="79">
        <v>18</v>
      </c>
      <c r="M98" s="80">
        <v>14</v>
      </c>
    </row>
    <row r="99" spans="1:13" ht="21" customHeight="1">
      <c r="A99" s="38" t="s">
        <v>51</v>
      </c>
      <c r="B99" s="64">
        <v>-253</v>
      </c>
      <c r="C99" s="65">
        <v>-178</v>
      </c>
      <c r="D99" s="65">
        <v>-75</v>
      </c>
      <c r="E99" s="64">
        <v>290</v>
      </c>
      <c r="F99" s="65">
        <v>193</v>
      </c>
      <c r="G99" s="66">
        <v>97</v>
      </c>
      <c r="H99" s="65">
        <v>215</v>
      </c>
      <c r="I99" s="65">
        <v>114</v>
      </c>
      <c r="J99" s="65">
        <v>101</v>
      </c>
      <c r="K99" s="64">
        <v>178</v>
      </c>
      <c r="L99" s="77">
        <v>99</v>
      </c>
      <c r="M99" s="78">
        <v>79</v>
      </c>
    </row>
    <row r="100" spans="1:13">
      <c r="A100" s="27" t="s">
        <v>53</v>
      </c>
      <c r="B100" s="67">
        <v>-33</v>
      </c>
      <c r="C100" s="68">
        <v>-23</v>
      </c>
      <c r="D100" s="68">
        <v>-10</v>
      </c>
      <c r="E100" s="67">
        <v>41</v>
      </c>
      <c r="F100" s="68">
        <v>26</v>
      </c>
      <c r="G100" s="69">
        <v>15</v>
      </c>
      <c r="H100" s="68">
        <v>39</v>
      </c>
      <c r="I100" s="68">
        <v>22</v>
      </c>
      <c r="J100" s="68">
        <v>17</v>
      </c>
      <c r="K100" s="67">
        <v>31</v>
      </c>
      <c r="L100" s="79">
        <v>19</v>
      </c>
      <c r="M100" s="80">
        <v>12</v>
      </c>
    </row>
    <row r="101" spans="1:13">
      <c r="A101" s="27" t="s">
        <v>55</v>
      </c>
      <c r="B101" s="67">
        <v>-55</v>
      </c>
      <c r="C101" s="68">
        <v>-42</v>
      </c>
      <c r="D101" s="68">
        <v>-13</v>
      </c>
      <c r="E101" s="67">
        <v>55</v>
      </c>
      <c r="F101" s="68">
        <v>41</v>
      </c>
      <c r="G101" s="69">
        <v>14</v>
      </c>
      <c r="H101" s="68">
        <v>43</v>
      </c>
      <c r="I101" s="68">
        <v>23</v>
      </c>
      <c r="J101" s="68">
        <v>20</v>
      </c>
      <c r="K101" s="67">
        <v>43</v>
      </c>
      <c r="L101" s="79">
        <v>24</v>
      </c>
      <c r="M101" s="80">
        <v>19</v>
      </c>
    </row>
    <row r="102" spans="1:13">
      <c r="A102" s="27" t="s">
        <v>57</v>
      </c>
      <c r="B102" s="67">
        <v>-38</v>
      </c>
      <c r="C102" s="68">
        <v>-33</v>
      </c>
      <c r="D102" s="68">
        <v>-5</v>
      </c>
      <c r="E102" s="67">
        <v>48</v>
      </c>
      <c r="F102" s="68">
        <v>31</v>
      </c>
      <c r="G102" s="69">
        <v>17</v>
      </c>
      <c r="H102" s="68">
        <v>42</v>
      </c>
      <c r="I102" s="68">
        <v>15</v>
      </c>
      <c r="J102" s="68">
        <v>27</v>
      </c>
      <c r="K102" s="67">
        <v>32</v>
      </c>
      <c r="L102" s="79">
        <v>17</v>
      </c>
      <c r="M102" s="80">
        <v>15</v>
      </c>
    </row>
    <row r="103" spans="1:13">
      <c r="A103" s="27" t="s">
        <v>59</v>
      </c>
      <c r="B103" s="67">
        <v>-56</v>
      </c>
      <c r="C103" s="68">
        <v>-38</v>
      </c>
      <c r="D103" s="68">
        <v>-18</v>
      </c>
      <c r="E103" s="67">
        <v>66</v>
      </c>
      <c r="F103" s="68">
        <v>48</v>
      </c>
      <c r="G103" s="69">
        <v>18</v>
      </c>
      <c r="H103" s="68">
        <v>47</v>
      </c>
      <c r="I103" s="68">
        <v>30</v>
      </c>
      <c r="J103" s="68">
        <v>17</v>
      </c>
      <c r="K103" s="67">
        <v>37</v>
      </c>
      <c r="L103" s="79">
        <v>20</v>
      </c>
      <c r="M103" s="80">
        <v>17</v>
      </c>
    </row>
    <row r="104" spans="1:13">
      <c r="A104" s="27" t="s">
        <v>61</v>
      </c>
      <c r="B104" s="67">
        <v>-71</v>
      </c>
      <c r="C104" s="68">
        <v>-42</v>
      </c>
      <c r="D104" s="68">
        <v>-29</v>
      </c>
      <c r="E104" s="67">
        <v>80</v>
      </c>
      <c r="F104" s="68">
        <v>47</v>
      </c>
      <c r="G104" s="69">
        <v>33</v>
      </c>
      <c r="H104" s="68">
        <v>44</v>
      </c>
      <c r="I104" s="68">
        <v>24</v>
      </c>
      <c r="J104" s="68">
        <v>20</v>
      </c>
      <c r="K104" s="67">
        <v>35</v>
      </c>
      <c r="L104" s="79">
        <v>19</v>
      </c>
      <c r="M104" s="80">
        <v>16</v>
      </c>
    </row>
    <row r="105" spans="1:13" ht="21" customHeight="1">
      <c r="A105" s="38" t="s">
        <v>63</v>
      </c>
      <c r="B105" s="64">
        <v>-313</v>
      </c>
      <c r="C105" s="65">
        <v>-208</v>
      </c>
      <c r="D105" s="65">
        <v>-105</v>
      </c>
      <c r="E105" s="64">
        <v>386</v>
      </c>
      <c r="F105" s="65">
        <v>245</v>
      </c>
      <c r="G105" s="66">
        <v>141</v>
      </c>
      <c r="H105" s="65">
        <v>184</v>
      </c>
      <c r="I105" s="65">
        <v>89</v>
      </c>
      <c r="J105" s="65">
        <v>95</v>
      </c>
      <c r="K105" s="64">
        <v>111</v>
      </c>
      <c r="L105" s="77">
        <v>52</v>
      </c>
      <c r="M105" s="78">
        <v>59</v>
      </c>
    </row>
    <row r="106" spans="1:13">
      <c r="A106" s="27" t="s">
        <v>65</v>
      </c>
      <c r="B106" s="67">
        <v>-48</v>
      </c>
      <c r="C106" s="68">
        <v>-43</v>
      </c>
      <c r="D106" s="68">
        <v>-5</v>
      </c>
      <c r="E106" s="67">
        <v>77</v>
      </c>
      <c r="F106" s="68">
        <v>51</v>
      </c>
      <c r="G106" s="69">
        <v>26</v>
      </c>
      <c r="H106" s="68">
        <v>53</v>
      </c>
      <c r="I106" s="68">
        <v>22</v>
      </c>
      <c r="J106" s="68">
        <v>31</v>
      </c>
      <c r="K106" s="67">
        <v>24</v>
      </c>
      <c r="L106" s="79">
        <v>14</v>
      </c>
      <c r="M106" s="80">
        <v>10</v>
      </c>
    </row>
    <row r="107" spans="1:13">
      <c r="A107" s="27" t="s">
        <v>67</v>
      </c>
      <c r="B107" s="67">
        <v>-62</v>
      </c>
      <c r="C107" s="68">
        <v>-40</v>
      </c>
      <c r="D107" s="68">
        <v>-22</v>
      </c>
      <c r="E107" s="67">
        <v>63</v>
      </c>
      <c r="F107" s="68">
        <v>41</v>
      </c>
      <c r="G107" s="69">
        <v>22</v>
      </c>
      <c r="H107" s="68">
        <v>25</v>
      </c>
      <c r="I107" s="68">
        <v>13</v>
      </c>
      <c r="J107" s="68">
        <v>12</v>
      </c>
      <c r="K107" s="67">
        <v>24</v>
      </c>
      <c r="L107" s="79">
        <v>12</v>
      </c>
      <c r="M107" s="80">
        <v>12</v>
      </c>
    </row>
    <row r="108" spans="1:13">
      <c r="A108" s="27" t="s">
        <v>69</v>
      </c>
      <c r="B108" s="67">
        <v>-46</v>
      </c>
      <c r="C108" s="68">
        <v>-27</v>
      </c>
      <c r="D108" s="68">
        <v>-19</v>
      </c>
      <c r="E108" s="67">
        <v>64</v>
      </c>
      <c r="F108" s="68">
        <v>43</v>
      </c>
      <c r="G108" s="69">
        <v>21</v>
      </c>
      <c r="H108" s="68">
        <v>38</v>
      </c>
      <c r="I108" s="68">
        <v>23</v>
      </c>
      <c r="J108" s="68">
        <v>15</v>
      </c>
      <c r="K108" s="67">
        <v>20</v>
      </c>
      <c r="L108" s="79">
        <v>7</v>
      </c>
      <c r="M108" s="80">
        <v>13</v>
      </c>
    </row>
    <row r="109" spans="1:13">
      <c r="A109" s="27" t="s">
        <v>71</v>
      </c>
      <c r="B109" s="67">
        <v>-74</v>
      </c>
      <c r="C109" s="68">
        <v>-37</v>
      </c>
      <c r="D109" s="68">
        <v>-37</v>
      </c>
      <c r="E109" s="67">
        <v>78</v>
      </c>
      <c r="F109" s="68">
        <v>39</v>
      </c>
      <c r="G109" s="69">
        <v>39</v>
      </c>
      <c r="H109" s="68">
        <v>26</v>
      </c>
      <c r="I109" s="68">
        <v>11</v>
      </c>
      <c r="J109" s="68">
        <v>15</v>
      </c>
      <c r="K109" s="67">
        <v>22</v>
      </c>
      <c r="L109" s="79">
        <v>9</v>
      </c>
      <c r="M109" s="80">
        <v>13</v>
      </c>
    </row>
    <row r="110" spans="1:13">
      <c r="A110" s="27" t="s">
        <v>73</v>
      </c>
      <c r="B110" s="67">
        <v>-83</v>
      </c>
      <c r="C110" s="68">
        <v>-61</v>
      </c>
      <c r="D110" s="68">
        <v>-22</v>
      </c>
      <c r="E110" s="67">
        <v>104</v>
      </c>
      <c r="F110" s="68">
        <v>71</v>
      </c>
      <c r="G110" s="69">
        <v>33</v>
      </c>
      <c r="H110" s="68">
        <v>42</v>
      </c>
      <c r="I110" s="68">
        <v>20</v>
      </c>
      <c r="J110" s="68">
        <v>22</v>
      </c>
      <c r="K110" s="67">
        <v>21</v>
      </c>
      <c r="L110" s="79">
        <v>10</v>
      </c>
      <c r="M110" s="80">
        <v>11</v>
      </c>
    </row>
    <row r="111" spans="1:13" ht="21" customHeight="1">
      <c r="A111" s="38" t="s">
        <v>75</v>
      </c>
      <c r="B111" s="64">
        <v>-506</v>
      </c>
      <c r="C111" s="65">
        <v>-334</v>
      </c>
      <c r="D111" s="65">
        <v>-172</v>
      </c>
      <c r="E111" s="64">
        <v>577</v>
      </c>
      <c r="F111" s="65">
        <v>362</v>
      </c>
      <c r="G111" s="66">
        <v>215</v>
      </c>
      <c r="H111" s="65">
        <v>189</v>
      </c>
      <c r="I111" s="65">
        <v>72</v>
      </c>
      <c r="J111" s="65">
        <v>117</v>
      </c>
      <c r="K111" s="64">
        <v>118</v>
      </c>
      <c r="L111" s="77">
        <v>44</v>
      </c>
      <c r="M111" s="78">
        <v>74</v>
      </c>
    </row>
    <row r="112" spans="1:13">
      <c r="A112" s="27" t="s">
        <v>77</v>
      </c>
      <c r="B112" s="67">
        <v>-82</v>
      </c>
      <c r="C112" s="68">
        <v>-62</v>
      </c>
      <c r="D112" s="68">
        <v>-20</v>
      </c>
      <c r="E112" s="67">
        <v>103</v>
      </c>
      <c r="F112" s="68">
        <v>70</v>
      </c>
      <c r="G112" s="69">
        <v>33</v>
      </c>
      <c r="H112" s="68">
        <v>47</v>
      </c>
      <c r="I112" s="68">
        <v>14</v>
      </c>
      <c r="J112" s="68">
        <v>33</v>
      </c>
      <c r="K112" s="67">
        <v>26</v>
      </c>
      <c r="L112" s="79">
        <v>6</v>
      </c>
      <c r="M112" s="80">
        <v>20</v>
      </c>
    </row>
    <row r="113" spans="1:13">
      <c r="A113" s="27" t="s">
        <v>79</v>
      </c>
      <c r="B113" s="67">
        <v>-96</v>
      </c>
      <c r="C113" s="68">
        <v>-66</v>
      </c>
      <c r="D113" s="68">
        <v>-30</v>
      </c>
      <c r="E113" s="67">
        <v>112</v>
      </c>
      <c r="F113" s="68">
        <v>75</v>
      </c>
      <c r="G113" s="69">
        <v>37</v>
      </c>
      <c r="H113" s="68">
        <v>47</v>
      </c>
      <c r="I113" s="68">
        <v>21</v>
      </c>
      <c r="J113" s="68">
        <v>26</v>
      </c>
      <c r="K113" s="67">
        <v>31</v>
      </c>
      <c r="L113" s="79">
        <v>12</v>
      </c>
      <c r="M113" s="80">
        <v>19</v>
      </c>
    </row>
    <row r="114" spans="1:13">
      <c r="A114" s="27" t="s">
        <v>81</v>
      </c>
      <c r="B114" s="67">
        <v>-104</v>
      </c>
      <c r="C114" s="68">
        <v>-68</v>
      </c>
      <c r="D114" s="68">
        <v>-36</v>
      </c>
      <c r="E114" s="67">
        <v>122</v>
      </c>
      <c r="F114" s="68">
        <v>71</v>
      </c>
      <c r="G114" s="69">
        <v>51</v>
      </c>
      <c r="H114" s="68">
        <v>40</v>
      </c>
      <c r="I114" s="68">
        <v>13</v>
      </c>
      <c r="J114" s="68">
        <v>27</v>
      </c>
      <c r="K114" s="67">
        <v>22</v>
      </c>
      <c r="L114" s="79">
        <v>10</v>
      </c>
      <c r="M114" s="80">
        <v>12</v>
      </c>
    </row>
    <row r="115" spans="1:13">
      <c r="A115" s="27" t="s">
        <v>83</v>
      </c>
      <c r="B115" s="67">
        <v>-109</v>
      </c>
      <c r="C115" s="68">
        <v>-64</v>
      </c>
      <c r="D115" s="68">
        <v>-45</v>
      </c>
      <c r="E115" s="67">
        <v>114</v>
      </c>
      <c r="F115" s="68">
        <v>64</v>
      </c>
      <c r="G115" s="69">
        <v>50</v>
      </c>
      <c r="H115" s="68">
        <v>23</v>
      </c>
      <c r="I115" s="68">
        <v>10</v>
      </c>
      <c r="J115" s="68">
        <v>13</v>
      </c>
      <c r="K115" s="67">
        <v>18</v>
      </c>
      <c r="L115" s="79">
        <v>10</v>
      </c>
      <c r="M115" s="80">
        <v>8</v>
      </c>
    </row>
    <row r="116" spans="1:13">
      <c r="A116" s="27" t="s">
        <v>85</v>
      </c>
      <c r="B116" s="67">
        <v>-115</v>
      </c>
      <c r="C116" s="68">
        <v>-74</v>
      </c>
      <c r="D116" s="68">
        <v>-41</v>
      </c>
      <c r="E116" s="67">
        <v>126</v>
      </c>
      <c r="F116" s="68">
        <v>82</v>
      </c>
      <c r="G116" s="69">
        <v>44</v>
      </c>
      <c r="H116" s="68">
        <v>32</v>
      </c>
      <c r="I116" s="68">
        <v>14</v>
      </c>
      <c r="J116" s="68">
        <v>18</v>
      </c>
      <c r="K116" s="67">
        <v>21</v>
      </c>
      <c r="L116" s="79">
        <v>6</v>
      </c>
      <c r="M116" s="80">
        <v>15</v>
      </c>
    </row>
    <row r="117" spans="1:13" ht="21" customHeight="1">
      <c r="A117" s="38" t="s">
        <v>87</v>
      </c>
      <c r="B117" s="64">
        <v>-552</v>
      </c>
      <c r="C117" s="65">
        <v>-318</v>
      </c>
      <c r="D117" s="65">
        <v>-234</v>
      </c>
      <c r="E117" s="64">
        <v>641</v>
      </c>
      <c r="F117" s="65">
        <v>355</v>
      </c>
      <c r="G117" s="66">
        <v>286</v>
      </c>
      <c r="H117" s="65">
        <v>172</v>
      </c>
      <c r="I117" s="65">
        <v>61</v>
      </c>
      <c r="J117" s="65">
        <v>111</v>
      </c>
      <c r="K117" s="64">
        <v>83</v>
      </c>
      <c r="L117" s="77">
        <v>24</v>
      </c>
      <c r="M117" s="78">
        <v>59</v>
      </c>
    </row>
    <row r="118" spans="1:13">
      <c r="A118" s="27" t="s">
        <v>89</v>
      </c>
      <c r="B118" s="67">
        <v>-130</v>
      </c>
      <c r="C118" s="68">
        <v>-83</v>
      </c>
      <c r="D118" s="68">
        <v>-47</v>
      </c>
      <c r="E118" s="67">
        <v>150</v>
      </c>
      <c r="F118" s="68">
        <v>88</v>
      </c>
      <c r="G118" s="69">
        <v>62</v>
      </c>
      <c r="H118" s="68">
        <v>36</v>
      </c>
      <c r="I118" s="68">
        <v>10</v>
      </c>
      <c r="J118" s="68">
        <v>26</v>
      </c>
      <c r="K118" s="67">
        <v>16</v>
      </c>
      <c r="L118" s="79">
        <v>5</v>
      </c>
      <c r="M118" s="80">
        <v>11</v>
      </c>
    </row>
    <row r="119" spans="1:13">
      <c r="A119" s="27" t="s">
        <v>91</v>
      </c>
      <c r="B119" s="67">
        <v>-121</v>
      </c>
      <c r="C119" s="68">
        <v>-69</v>
      </c>
      <c r="D119" s="68">
        <v>-52</v>
      </c>
      <c r="E119" s="67">
        <v>139</v>
      </c>
      <c r="F119" s="68">
        <v>82</v>
      </c>
      <c r="G119" s="69">
        <v>57</v>
      </c>
      <c r="H119" s="68">
        <v>39</v>
      </c>
      <c r="I119" s="68">
        <v>21</v>
      </c>
      <c r="J119" s="68">
        <v>18</v>
      </c>
      <c r="K119" s="67">
        <v>21</v>
      </c>
      <c r="L119" s="79">
        <v>8</v>
      </c>
      <c r="M119" s="80">
        <v>13</v>
      </c>
    </row>
    <row r="120" spans="1:13">
      <c r="A120" s="27" t="s">
        <v>93</v>
      </c>
      <c r="B120" s="67">
        <v>-99</v>
      </c>
      <c r="C120" s="68">
        <v>-45</v>
      </c>
      <c r="D120" s="68">
        <v>-54</v>
      </c>
      <c r="E120" s="67">
        <v>119</v>
      </c>
      <c r="F120" s="68">
        <v>56</v>
      </c>
      <c r="G120" s="69">
        <v>63</v>
      </c>
      <c r="H120" s="68">
        <v>36</v>
      </c>
      <c r="I120" s="68">
        <v>15</v>
      </c>
      <c r="J120" s="68">
        <v>21</v>
      </c>
      <c r="K120" s="67">
        <v>16</v>
      </c>
      <c r="L120" s="79">
        <v>4</v>
      </c>
      <c r="M120" s="80">
        <v>12</v>
      </c>
    </row>
    <row r="121" spans="1:13">
      <c r="A121" s="27" t="s">
        <v>95</v>
      </c>
      <c r="B121" s="67">
        <v>-112</v>
      </c>
      <c r="C121" s="68">
        <v>-62</v>
      </c>
      <c r="D121" s="68">
        <v>-50</v>
      </c>
      <c r="E121" s="67">
        <v>123</v>
      </c>
      <c r="F121" s="68">
        <v>63</v>
      </c>
      <c r="G121" s="69">
        <v>60</v>
      </c>
      <c r="H121" s="68">
        <v>25</v>
      </c>
      <c r="I121" s="68">
        <v>5</v>
      </c>
      <c r="J121" s="68">
        <v>20</v>
      </c>
      <c r="K121" s="67">
        <v>14</v>
      </c>
      <c r="L121" s="79">
        <v>4</v>
      </c>
      <c r="M121" s="80">
        <v>10</v>
      </c>
    </row>
    <row r="122" spans="1:13">
      <c r="A122" s="27" t="s">
        <v>97</v>
      </c>
      <c r="B122" s="67">
        <v>-90</v>
      </c>
      <c r="C122" s="68">
        <v>-59</v>
      </c>
      <c r="D122" s="68">
        <v>-31</v>
      </c>
      <c r="E122" s="67">
        <v>110</v>
      </c>
      <c r="F122" s="68">
        <v>66</v>
      </c>
      <c r="G122" s="69">
        <v>44</v>
      </c>
      <c r="H122" s="68">
        <v>36</v>
      </c>
      <c r="I122" s="68">
        <v>10</v>
      </c>
      <c r="J122" s="68">
        <v>26</v>
      </c>
      <c r="K122" s="67">
        <v>16</v>
      </c>
      <c r="L122" s="79">
        <v>3</v>
      </c>
      <c r="M122" s="80">
        <v>13</v>
      </c>
    </row>
    <row r="123" spans="1:13" ht="21" customHeight="1">
      <c r="A123" s="38" t="s">
        <v>99</v>
      </c>
      <c r="B123" s="64">
        <v>-386</v>
      </c>
      <c r="C123" s="65">
        <v>-154</v>
      </c>
      <c r="D123" s="65">
        <v>-232</v>
      </c>
      <c r="E123" s="64">
        <v>414</v>
      </c>
      <c r="F123" s="65">
        <v>175</v>
      </c>
      <c r="G123" s="66">
        <v>239</v>
      </c>
      <c r="H123" s="65">
        <v>71</v>
      </c>
      <c r="I123" s="65">
        <v>28</v>
      </c>
      <c r="J123" s="65">
        <v>43</v>
      </c>
      <c r="K123" s="64">
        <v>43</v>
      </c>
      <c r="L123" s="77">
        <v>7</v>
      </c>
      <c r="M123" s="78">
        <v>36</v>
      </c>
    </row>
    <row r="124" spans="1:13">
      <c r="A124" s="27" t="s">
        <v>101</v>
      </c>
      <c r="B124" s="67">
        <v>-93</v>
      </c>
      <c r="C124" s="68">
        <v>-40</v>
      </c>
      <c r="D124" s="68">
        <v>-53</v>
      </c>
      <c r="E124" s="67">
        <v>104</v>
      </c>
      <c r="F124" s="68">
        <v>46</v>
      </c>
      <c r="G124" s="69">
        <v>58</v>
      </c>
      <c r="H124" s="68">
        <v>20</v>
      </c>
      <c r="I124" s="68">
        <v>8</v>
      </c>
      <c r="J124" s="68">
        <v>12</v>
      </c>
      <c r="K124" s="67">
        <v>9</v>
      </c>
      <c r="L124" s="79">
        <v>2</v>
      </c>
      <c r="M124" s="80">
        <v>7</v>
      </c>
    </row>
    <row r="125" spans="1:13">
      <c r="A125" s="27" t="s">
        <v>103</v>
      </c>
      <c r="B125" s="67">
        <v>-79</v>
      </c>
      <c r="C125" s="68">
        <v>-31</v>
      </c>
      <c r="D125" s="68">
        <v>-48</v>
      </c>
      <c r="E125" s="67">
        <v>89</v>
      </c>
      <c r="F125" s="68">
        <v>39</v>
      </c>
      <c r="G125" s="69">
        <v>50</v>
      </c>
      <c r="H125" s="68">
        <v>19</v>
      </c>
      <c r="I125" s="68">
        <v>8</v>
      </c>
      <c r="J125" s="68">
        <v>11</v>
      </c>
      <c r="K125" s="67">
        <v>9</v>
      </c>
      <c r="L125" s="79">
        <v>0</v>
      </c>
      <c r="M125" s="80">
        <v>9</v>
      </c>
    </row>
    <row r="126" spans="1:13">
      <c r="A126" s="27" t="s">
        <v>105</v>
      </c>
      <c r="B126" s="67">
        <v>-78</v>
      </c>
      <c r="C126" s="68">
        <v>-36</v>
      </c>
      <c r="D126" s="68">
        <v>-42</v>
      </c>
      <c r="E126" s="67">
        <v>83</v>
      </c>
      <c r="F126" s="68">
        <v>41</v>
      </c>
      <c r="G126" s="69">
        <v>42</v>
      </c>
      <c r="H126" s="68">
        <v>16</v>
      </c>
      <c r="I126" s="68">
        <v>6</v>
      </c>
      <c r="J126" s="68">
        <v>10</v>
      </c>
      <c r="K126" s="67">
        <v>11</v>
      </c>
      <c r="L126" s="79">
        <v>1</v>
      </c>
      <c r="M126" s="80">
        <v>10</v>
      </c>
    </row>
    <row r="127" spans="1:13">
      <c r="A127" s="27" t="s">
        <v>107</v>
      </c>
      <c r="B127" s="67">
        <v>-69</v>
      </c>
      <c r="C127" s="68">
        <v>-25</v>
      </c>
      <c r="D127" s="68">
        <v>-44</v>
      </c>
      <c r="E127" s="67">
        <v>69</v>
      </c>
      <c r="F127" s="68">
        <v>26</v>
      </c>
      <c r="G127" s="69">
        <v>43</v>
      </c>
      <c r="H127" s="68">
        <v>9</v>
      </c>
      <c r="I127" s="68">
        <v>4</v>
      </c>
      <c r="J127" s="68">
        <v>5</v>
      </c>
      <c r="K127" s="67">
        <v>9</v>
      </c>
      <c r="L127" s="79">
        <v>3</v>
      </c>
      <c r="M127" s="80">
        <v>6</v>
      </c>
    </row>
    <row r="128" spans="1:13">
      <c r="A128" s="27" t="s">
        <v>109</v>
      </c>
      <c r="B128" s="67">
        <v>-67</v>
      </c>
      <c r="C128" s="68">
        <v>-22</v>
      </c>
      <c r="D128" s="68">
        <v>-45</v>
      </c>
      <c r="E128" s="67">
        <v>69</v>
      </c>
      <c r="F128" s="68">
        <v>23</v>
      </c>
      <c r="G128" s="69">
        <v>46</v>
      </c>
      <c r="H128" s="68">
        <v>7</v>
      </c>
      <c r="I128" s="68">
        <v>2</v>
      </c>
      <c r="J128" s="68">
        <v>5</v>
      </c>
      <c r="K128" s="67">
        <v>5</v>
      </c>
      <c r="L128" s="79">
        <v>1</v>
      </c>
      <c r="M128" s="80">
        <v>4</v>
      </c>
    </row>
    <row r="129" spans="1:14" ht="21" customHeight="1">
      <c r="A129" s="38" t="s">
        <v>111</v>
      </c>
      <c r="B129" s="64">
        <v>-178</v>
      </c>
      <c r="C129" s="65">
        <v>-47</v>
      </c>
      <c r="D129" s="65">
        <v>-131</v>
      </c>
      <c r="E129" s="64">
        <v>195</v>
      </c>
      <c r="F129" s="65">
        <v>49</v>
      </c>
      <c r="G129" s="66">
        <v>146</v>
      </c>
      <c r="H129" s="65">
        <v>27</v>
      </c>
      <c r="I129" s="65">
        <v>5</v>
      </c>
      <c r="J129" s="65">
        <v>22</v>
      </c>
      <c r="K129" s="64">
        <v>10</v>
      </c>
      <c r="L129" s="77">
        <v>3</v>
      </c>
      <c r="M129" s="78">
        <v>7</v>
      </c>
    </row>
    <row r="130" spans="1:14">
      <c r="A130" s="27" t="s">
        <v>113</v>
      </c>
      <c r="B130" s="67">
        <v>-46</v>
      </c>
      <c r="C130" s="68">
        <v>-11</v>
      </c>
      <c r="D130" s="68">
        <v>-35</v>
      </c>
      <c r="E130" s="67">
        <v>53</v>
      </c>
      <c r="F130" s="68">
        <v>13</v>
      </c>
      <c r="G130" s="69">
        <v>40</v>
      </c>
      <c r="H130" s="68">
        <v>11</v>
      </c>
      <c r="I130" s="68">
        <v>3</v>
      </c>
      <c r="J130" s="68">
        <v>8</v>
      </c>
      <c r="K130" s="67">
        <v>4</v>
      </c>
      <c r="L130" s="79">
        <v>1</v>
      </c>
      <c r="M130" s="80">
        <v>3</v>
      </c>
    </row>
    <row r="131" spans="1:14">
      <c r="A131" s="27" t="s">
        <v>115</v>
      </c>
      <c r="B131" s="67">
        <v>-41</v>
      </c>
      <c r="C131" s="68">
        <v>-13</v>
      </c>
      <c r="D131" s="68">
        <v>-28</v>
      </c>
      <c r="E131" s="67">
        <v>45</v>
      </c>
      <c r="F131" s="68">
        <v>13</v>
      </c>
      <c r="G131" s="69">
        <v>32</v>
      </c>
      <c r="H131" s="68">
        <v>6</v>
      </c>
      <c r="I131" s="68">
        <v>0</v>
      </c>
      <c r="J131" s="68">
        <v>6</v>
      </c>
      <c r="K131" s="67">
        <v>2</v>
      </c>
      <c r="L131" s="79">
        <v>0</v>
      </c>
      <c r="M131" s="80">
        <v>2</v>
      </c>
    </row>
    <row r="132" spans="1:14">
      <c r="A132" s="27" t="s">
        <v>117</v>
      </c>
      <c r="B132" s="67">
        <v>-42</v>
      </c>
      <c r="C132" s="68">
        <v>-10</v>
      </c>
      <c r="D132" s="68">
        <v>-32</v>
      </c>
      <c r="E132" s="67">
        <v>47</v>
      </c>
      <c r="F132" s="68">
        <v>11</v>
      </c>
      <c r="G132" s="69">
        <v>36</v>
      </c>
      <c r="H132" s="68">
        <v>6</v>
      </c>
      <c r="I132" s="68">
        <v>2</v>
      </c>
      <c r="J132" s="68">
        <v>4</v>
      </c>
      <c r="K132" s="67">
        <v>1</v>
      </c>
      <c r="L132" s="79">
        <v>1</v>
      </c>
      <c r="M132" s="80">
        <v>0</v>
      </c>
    </row>
    <row r="133" spans="1:14">
      <c r="A133" s="27" t="s">
        <v>119</v>
      </c>
      <c r="B133" s="67">
        <v>-22</v>
      </c>
      <c r="C133" s="68">
        <v>-9</v>
      </c>
      <c r="D133" s="68">
        <v>-13</v>
      </c>
      <c r="E133" s="67">
        <v>23</v>
      </c>
      <c r="F133" s="68">
        <v>9</v>
      </c>
      <c r="G133" s="69">
        <v>14</v>
      </c>
      <c r="H133" s="68">
        <v>2</v>
      </c>
      <c r="I133" s="68">
        <v>0</v>
      </c>
      <c r="J133" s="68">
        <v>2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27</v>
      </c>
      <c r="C134" s="68">
        <v>-4</v>
      </c>
      <c r="D134" s="68">
        <v>-23</v>
      </c>
      <c r="E134" s="67">
        <v>27</v>
      </c>
      <c r="F134" s="68">
        <v>3</v>
      </c>
      <c r="G134" s="69">
        <v>24</v>
      </c>
      <c r="H134" s="68">
        <v>2</v>
      </c>
      <c r="I134" s="68">
        <v>0</v>
      </c>
      <c r="J134" s="68">
        <v>2</v>
      </c>
      <c r="K134" s="67">
        <v>2</v>
      </c>
      <c r="L134" s="79">
        <v>1</v>
      </c>
      <c r="M134" s="80">
        <v>1</v>
      </c>
    </row>
    <row r="135" spans="1:14" ht="21" customHeight="1">
      <c r="A135" s="39" t="s">
        <v>122</v>
      </c>
      <c r="B135" s="42">
        <v>-41</v>
      </c>
      <c r="C135" s="40">
        <v>-4</v>
      </c>
      <c r="D135" s="40">
        <v>-37</v>
      </c>
      <c r="E135" s="42">
        <v>39</v>
      </c>
      <c r="F135" s="40">
        <v>4</v>
      </c>
      <c r="G135" s="43">
        <v>35</v>
      </c>
      <c r="H135" s="40">
        <v>2</v>
      </c>
      <c r="I135" s="40">
        <v>0</v>
      </c>
      <c r="J135" s="40">
        <v>2</v>
      </c>
      <c r="K135" s="42">
        <v>4</v>
      </c>
      <c r="L135" s="44">
        <v>0</v>
      </c>
      <c r="M135" s="85">
        <v>4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45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76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6</v>
      </c>
      <c r="B4" s="9" t="s">
        <v>147</v>
      </c>
      <c r="C4" s="10" t="s">
        <v>142</v>
      </c>
      <c r="D4" s="9" t="s">
        <v>143</v>
      </c>
      <c r="E4" s="9" t="s">
        <v>147</v>
      </c>
      <c r="F4" s="9" t="s">
        <v>142</v>
      </c>
      <c r="G4" s="9" t="s">
        <v>143</v>
      </c>
      <c r="H4" s="9" t="s">
        <v>147</v>
      </c>
      <c r="I4" s="9" t="s">
        <v>142</v>
      </c>
      <c r="J4" s="9" t="s">
        <v>143</v>
      </c>
      <c r="K4" s="9" t="s">
        <v>147</v>
      </c>
      <c r="L4" s="9" t="s">
        <v>142</v>
      </c>
      <c r="M4" s="11" t="s">
        <v>143</v>
      </c>
    </row>
    <row r="5" spans="1:13" s="33" customFormat="1" ht="22.5" customHeight="1">
      <c r="A5" s="35" t="s">
        <v>1</v>
      </c>
      <c r="B5" s="61">
        <v>377</v>
      </c>
      <c r="C5" s="62">
        <v>-66</v>
      </c>
      <c r="D5" s="62">
        <v>443</v>
      </c>
      <c r="E5" s="61">
        <v>3045</v>
      </c>
      <c r="F5" s="62">
        <v>1670</v>
      </c>
      <c r="G5" s="63">
        <v>1375</v>
      </c>
      <c r="H5" s="62">
        <v>15095</v>
      </c>
      <c r="I5" s="62">
        <v>7685</v>
      </c>
      <c r="J5" s="62">
        <v>7410</v>
      </c>
      <c r="K5" s="61">
        <v>13417</v>
      </c>
      <c r="L5" s="75">
        <v>6992</v>
      </c>
      <c r="M5" s="76">
        <v>6425</v>
      </c>
    </row>
    <row r="6" spans="1:13" ht="23.25" customHeight="1">
      <c r="A6" s="36" t="s">
        <v>2</v>
      </c>
      <c r="B6" s="64">
        <v>1719</v>
      </c>
      <c r="C6" s="65">
        <v>895</v>
      </c>
      <c r="D6" s="65">
        <v>824</v>
      </c>
      <c r="E6" s="64">
        <v>3</v>
      </c>
      <c r="F6" s="65">
        <v>3</v>
      </c>
      <c r="G6" s="66">
        <v>0</v>
      </c>
      <c r="H6" s="65">
        <v>661</v>
      </c>
      <c r="I6" s="65">
        <v>345</v>
      </c>
      <c r="J6" s="65">
        <v>316</v>
      </c>
      <c r="K6" s="64">
        <v>683</v>
      </c>
      <c r="L6" s="77">
        <v>358</v>
      </c>
      <c r="M6" s="78">
        <v>325</v>
      </c>
    </row>
    <row r="7" spans="1:13">
      <c r="A7" s="15" t="s">
        <v>4</v>
      </c>
      <c r="B7" s="67">
        <v>1747</v>
      </c>
      <c r="C7" s="68">
        <v>912</v>
      </c>
      <c r="D7" s="68">
        <v>835</v>
      </c>
      <c r="E7" s="67">
        <v>2</v>
      </c>
      <c r="F7" s="68">
        <v>2</v>
      </c>
      <c r="G7" s="69">
        <v>0</v>
      </c>
      <c r="H7" s="68">
        <v>114</v>
      </c>
      <c r="I7" s="68">
        <v>59</v>
      </c>
      <c r="J7" s="68">
        <v>55</v>
      </c>
      <c r="K7" s="67">
        <v>109</v>
      </c>
      <c r="L7" s="79">
        <v>56</v>
      </c>
      <c r="M7" s="80">
        <v>53</v>
      </c>
    </row>
    <row r="8" spans="1:13">
      <c r="A8" s="15" t="s">
        <v>6</v>
      </c>
      <c r="B8" s="67">
        <v>6</v>
      </c>
      <c r="C8" s="68">
        <v>12</v>
      </c>
      <c r="D8" s="68">
        <v>-6</v>
      </c>
      <c r="E8" s="67">
        <v>0</v>
      </c>
      <c r="F8" s="68">
        <v>0</v>
      </c>
      <c r="G8" s="69">
        <v>0</v>
      </c>
      <c r="H8" s="68">
        <v>195</v>
      </c>
      <c r="I8" s="68">
        <v>108</v>
      </c>
      <c r="J8" s="68">
        <v>87</v>
      </c>
      <c r="K8" s="67">
        <v>189</v>
      </c>
      <c r="L8" s="79">
        <v>96</v>
      </c>
      <c r="M8" s="80">
        <v>93</v>
      </c>
    </row>
    <row r="9" spans="1:13">
      <c r="A9" s="15" t="s">
        <v>8</v>
      </c>
      <c r="B9" s="67">
        <v>-10</v>
      </c>
      <c r="C9" s="68">
        <v>-13</v>
      </c>
      <c r="D9" s="68">
        <v>3</v>
      </c>
      <c r="E9" s="67">
        <v>1</v>
      </c>
      <c r="F9" s="68">
        <v>1</v>
      </c>
      <c r="G9" s="69">
        <v>0</v>
      </c>
      <c r="H9" s="68">
        <v>136</v>
      </c>
      <c r="I9" s="68">
        <v>68</v>
      </c>
      <c r="J9" s="68">
        <v>68</v>
      </c>
      <c r="K9" s="67">
        <v>145</v>
      </c>
      <c r="L9" s="79">
        <v>80</v>
      </c>
      <c r="M9" s="80">
        <v>65</v>
      </c>
    </row>
    <row r="10" spans="1:13">
      <c r="A10" s="15" t="s">
        <v>10</v>
      </c>
      <c r="B10" s="67">
        <v>-33</v>
      </c>
      <c r="C10" s="68">
        <v>-18</v>
      </c>
      <c r="D10" s="68">
        <v>-15</v>
      </c>
      <c r="E10" s="67">
        <v>0</v>
      </c>
      <c r="F10" s="68">
        <v>0</v>
      </c>
      <c r="G10" s="69">
        <v>0</v>
      </c>
      <c r="H10" s="68">
        <v>118</v>
      </c>
      <c r="I10" s="68">
        <v>55</v>
      </c>
      <c r="J10" s="68">
        <v>63</v>
      </c>
      <c r="K10" s="67">
        <v>151</v>
      </c>
      <c r="L10" s="79">
        <v>73</v>
      </c>
      <c r="M10" s="80">
        <v>78</v>
      </c>
    </row>
    <row r="11" spans="1:13">
      <c r="A11" s="15" t="s">
        <v>12</v>
      </c>
      <c r="B11" s="67">
        <v>9</v>
      </c>
      <c r="C11" s="68">
        <v>2</v>
      </c>
      <c r="D11" s="68">
        <v>7</v>
      </c>
      <c r="E11" s="67">
        <v>0</v>
      </c>
      <c r="F11" s="68">
        <v>0</v>
      </c>
      <c r="G11" s="69">
        <v>0</v>
      </c>
      <c r="H11" s="68">
        <v>98</v>
      </c>
      <c r="I11" s="68">
        <v>55</v>
      </c>
      <c r="J11" s="68">
        <v>43</v>
      </c>
      <c r="K11" s="67">
        <v>89</v>
      </c>
      <c r="L11" s="79">
        <v>53</v>
      </c>
      <c r="M11" s="80">
        <v>36</v>
      </c>
    </row>
    <row r="12" spans="1:13" ht="21" customHeight="1">
      <c r="A12" s="36" t="s">
        <v>14</v>
      </c>
      <c r="B12" s="64">
        <v>-8</v>
      </c>
      <c r="C12" s="65">
        <v>-33</v>
      </c>
      <c r="D12" s="65">
        <v>25</v>
      </c>
      <c r="E12" s="64">
        <v>1</v>
      </c>
      <c r="F12" s="65">
        <v>0</v>
      </c>
      <c r="G12" s="66">
        <v>1</v>
      </c>
      <c r="H12" s="65">
        <v>289</v>
      </c>
      <c r="I12" s="65">
        <v>126</v>
      </c>
      <c r="J12" s="65">
        <v>163</v>
      </c>
      <c r="K12" s="64">
        <v>296</v>
      </c>
      <c r="L12" s="77">
        <v>159</v>
      </c>
      <c r="M12" s="78">
        <v>137</v>
      </c>
    </row>
    <row r="13" spans="1:13">
      <c r="A13" s="15" t="s">
        <v>16</v>
      </c>
      <c r="B13" s="67">
        <v>-3</v>
      </c>
      <c r="C13" s="68">
        <v>-15</v>
      </c>
      <c r="D13" s="68">
        <v>12</v>
      </c>
      <c r="E13" s="67">
        <v>0</v>
      </c>
      <c r="F13" s="68">
        <v>0</v>
      </c>
      <c r="G13" s="69">
        <v>0</v>
      </c>
      <c r="H13" s="68">
        <v>70</v>
      </c>
      <c r="I13" s="68">
        <v>28</v>
      </c>
      <c r="J13" s="68">
        <v>42</v>
      </c>
      <c r="K13" s="67">
        <v>73</v>
      </c>
      <c r="L13" s="79">
        <v>43</v>
      </c>
      <c r="M13" s="80">
        <v>30</v>
      </c>
    </row>
    <row r="14" spans="1:13">
      <c r="A14" s="15" t="s">
        <v>18</v>
      </c>
      <c r="B14" s="67">
        <v>5</v>
      </c>
      <c r="C14" s="68">
        <v>-15</v>
      </c>
      <c r="D14" s="68">
        <v>20</v>
      </c>
      <c r="E14" s="67">
        <v>1</v>
      </c>
      <c r="F14" s="68">
        <v>0</v>
      </c>
      <c r="G14" s="69">
        <v>1</v>
      </c>
      <c r="H14" s="68">
        <v>74</v>
      </c>
      <c r="I14" s="68">
        <v>27</v>
      </c>
      <c r="J14" s="68">
        <v>47</v>
      </c>
      <c r="K14" s="67">
        <v>68</v>
      </c>
      <c r="L14" s="79">
        <v>42</v>
      </c>
      <c r="M14" s="80">
        <v>26</v>
      </c>
    </row>
    <row r="15" spans="1:13">
      <c r="A15" s="15" t="s">
        <v>20</v>
      </c>
      <c r="B15" s="67">
        <v>0</v>
      </c>
      <c r="C15" s="68">
        <v>4</v>
      </c>
      <c r="D15" s="68">
        <v>-4</v>
      </c>
      <c r="E15" s="67">
        <v>0</v>
      </c>
      <c r="F15" s="68">
        <v>0</v>
      </c>
      <c r="G15" s="69">
        <v>0</v>
      </c>
      <c r="H15" s="68">
        <v>70</v>
      </c>
      <c r="I15" s="68">
        <v>36</v>
      </c>
      <c r="J15" s="68">
        <v>34</v>
      </c>
      <c r="K15" s="67">
        <v>70</v>
      </c>
      <c r="L15" s="79">
        <v>32</v>
      </c>
      <c r="M15" s="80">
        <v>38</v>
      </c>
    </row>
    <row r="16" spans="1:13">
      <c r="A16" s="15" t="s">
        <v>22</v>
      </c>
      <c r="B16" s="67">
        <v>6</v>
      </c>
      <c r="C16" s="68">
        <v>3</v>
      </c>
      <c r="D16" s="68">
        <v>3</v>
      </c>
      <c r="E16" s="67">
        <v>0</v>
      </c>
      <c r="F16" s="68">
        <v>0</v>
      </c>
      <c r="G16" s="69">
        <v>0</v>
      </c>
      <c r="H16" s="68">
        <v>43</v>
      </c>
      <c r="I16" s="68">
        <v>21</v>
      </c>
      <c r="J16" s="68">
        <v>22</v>
      </c>
      <c r="K16" s="67">
        <v>37</v>
      </c>
      <c r="L16" s="79">
        <v>18</v>
      </c>
      <c r="M16" s="80">
        <v>19</v>
      </c>
    </row>
    <row r="17" spans="1:13">
      <c r="A17" s="15" t="s">
        <v>24</v>
      </c>
      <c r="B17" s="67">
        <v>-16</v>
      </c>
      <c r="C17" s="68">
        <v>-10</v>
      </c>
      <c r="D17" s="68">
        <v>-6</v>
      </c>
      <c r="E17" s="67">
        <v>0</v>
      </c>
      <c r="F17" s="68">
        <v>0</v>
      </c>
      <c r="G17" s="69">
        <v>0</v>
      </c>
      <c r="H17" s="68">
        <v>32</v>
      </c>
      <c r="I17" s="68">
        <v>14</v>
      </c>
      <c r="J17" s="68">
        <v>18</v>
      </c>
      <c r="K17" s="67">
        <v>48</v>
      </c>
      <c r="L17" s="79">
        <v>24</v>
      </c>
      <c r="M17" s="80">
        <v>24</v>
      </c>
    </row>
    <row r="18" spans="1:13" ht="21" customHeight="1">
      <c r="A18" s="36" t="s">
        <v>26</v>
      </c>
      <c r="B18" s="64">
        <v>44</v>
      </c>
      <c r="C18" s="65">
        <v>17</v>
      </c>
      <c r="D18" s="65">
        <v>27</v>
      </c>
      <c r="E18" s="64">
        <v>2</v>
      </c>
      <c r="F18" s="65">
        <v>2</v>
      </c>
      <c r="G18" s="66">
        <v>0</v>
      </c>
      <c r="H18" s="65">
        <v>186</v>
      </c>
      <c r="I18" s="65">
        <v>94</v>
      </c>
      <c r="J18" s="65">
        <v>92</v>
      </c>
      <c r="K18" s="64">
        <v>140</v>
      </c>
      <c r="L18" s="77">
        <v>75</v>
      </c>
      <c r="M18" s="78">
        <v>65</v>
      </c>
    </row>
    <row r="19" spans="1:13">
      <c r="A19" s="15" t="s">
        <v>28</v>
      </c>
      <c r="B19" s="67">
        <v>2</v>
      </c>
      <c r="C19" s="68">
        <v>3</v>
      </c>
      <c r="D19" s="68">
        <v>-1</v>
      </c>
      <c r="E19" s="67">
        <v>0</v>
      </c>
      <c r="F19" s="68">
        <v>0</v>
      </c>
      <c r="G19" s="69">
        <v>0</v>
      </c>
      <c r="H19" s="68">
        <v>40</v>
      </c>
      <c r="I19" s="68">
        <v>21</v>
      </c>
      <c r="J19" s="68">
        <v>19</v>
      </c>
      <c r="K19" s="67">
        <v>38</v>
      </c>
      <c r="L19" s="79">
        <v>18</v>
      </c>
      <c r="M19" s="80">
        <v>20</v>
      </c>
    </row>
    <row r="20" spans="1:13">
      <c r="A20" s="15" t="s">
        <v>30</v>
      </c>
      <c r="B20" s="67">
        <v>5</v>
      </c>
      <c r="C20" s="68">
        <v>5</v>
      </c>
      <c r="D20" s="68">
        <v>0</v>
      </c>
      <c r="E20" s="67">
        <v>1</v>
      </c>
      <c r="F20" s="68">
        <v>1</v>
      </c>
      <c r="G20" s="69">
        <v>0</v>
      </c>
      <c r="H20" s="68">
        <v>29</v>
      </c>
      <c r="I20" s="68">
        <v>20</v>
      </c>
      <c r="J20" s="68">
        <v>9</v>
      </c>
      <c r="K20" s="67">
        <v>23</v>
      </c>
      <c r="L20" s="79">
        <v>14</v>
      </c>
      <c r="M20" s="80">
        <v>9</v>
      </c>
    </row>
    <row r="21" spans="1:13">
      <c r="A21" s="15" t="s">
        <v>32</v>
      </c>
      <c r="B21" s="67">
        <v>-4</v>
      </c>
      <c r="C21" s="68">
        <v>-4</v>
      </c>
      <c r="D21" s="68">
        <v>0</v>
      </c>
      <c r="E21" s="67">
        <v>0</v>
      </c>
      <c r="F21" s="68">
        <v>0</v>
      </c>
      <c r="G21" s="69">
        <v>0</v>
      </c>
      <c r="H21" s="68">
        <v>28</v>
      </c>
      <c r="I21" s="68">
        <v>16</v>
      </c>
      <c r="J21" s="68">
        <v>12</v>
      </c>
      <c r="K21" s="67">
        <v>32</v>
      </c>
      <c r="L21" s="79">
        <v>20</v>
      </c>
      <c r="M21" s="80">
        <v>12</v>
      </c>
    </row>
    <row r="22" spans="1:13">
      <c r="A22" s="15" t="s">
        <v>34</v>
      </c>
      <c r="B22" s="67">
        <v>30</v>
      </c>
      <c r="C22" s="68">
        <v>8</v>
      </c>
      <c r="D22" s="68">
        <v>22</v>
      </c>
      <c r="E22" s="67">
        <v>0</v>
      </c>
      <c r="F22" s="68">
        <v>0</v>
      </c>
      <c r="G22" s="69">
        <v>0</v>
      </c>
      <c r="H22" s="68">
        <v>58</v>
      </c>
      <c r="I22" s="68">
        <v>21</v>
      </c>
      <c r="J22" s="68">
        <v>37</v>
      </c>
      <c r="K22" s="67">
        <v>28</v>
      </c>
      <c r="L22" s="79">
        <v>13</v>
      </c>
      <c r="M22" s="80">
        <v>15</v>
      </c>
    </row>
    <row r="23" spans="1:13">
      <c r="A23" s="15" t="s">
        <v>36</v>
      </c>
      <c r="B23" s="67">
        <v>11</v>
      </c>
      <c r="C23" s="68">
        <v>5</v>
      </c>
      <c r="D23" s="68">
        <v>6</v>
      </c>
      <c r="E23" s="67">
        <v>1</v>
      </c>
      <c r="F23" s="68">
        <v>1</v>
      </c>
      <c r="G23" s="69">
        <v>0</v>
      </c>
      <c r="H23" s="68">
        <v>31</v>
      </c>
      <c r="I23" s="68">
        <v>16</v>
      </c>
      <c r="J23" s="68">
        <v>15</v>
      </c>
      <c r="K23" s="67">
        <v>19</v>
      </c>
      <c r="L23" s="79">
        <v>10</v>
      </c>
      <c r="M23" s="80">
        <v>9</v>
      </c>
    </row>
    <row r="24" spans="1:13" ht="21" customHeight="1">
      <c r="A24" s="36" t="s">
        <v>38</v>
      </c>
      <c r="B24" s="64">
        <v>310</v>
      </c>
      <c r="C24" s="65">
        <v>115</v>
      </c>
      <c r="D24" s="65">
        <v>195</v>
      </c>
      <c r="E24" s="64">
        <v>2</v>
      </c>
      <c r="F24" s="65">
        <v>1</v>
      </c>
      <c r="G24" s="66">
        <v>1</v>
      </c>
      <c r="H24" s="65">
        <v>590</v>
      </c>
      <c r="I24" s="65">
        <v>263</v>
      </c>
      <c r="J24" s="65">
        <v>327</v>
      </c>
      <c r="K24" s="64">
        <v>278</v>
      </c>
      <c r="L24" s="77">
        <v>147</v>
      </c>
      <c r="M24" s="78">
        <v>131</v>
      </c>
    </row>
    <row r="25" spans="1:13">
      <c r="A25" s="15" t="s">
        <v>40</v>
      </c>
      <c r="B25" s="67">
        <v>2</v>
      </c>
      <c r="C25" s="68">
        <v>7</v>
      </c>
      <c r="D25" s="68">
        <v>-5</v>
      </c>
      <c r="E25" s="67">
        <v>0</v>
      </c>
      <c r="F25" s="68">
        <v>0</v>
      </c>
      <c r="G25" s="69">
        <v>0</v>
      </c>
      <c r="H25" s="68">
        <v>36</v>
      </c>
      <c r="I25" s="68">
        <v>23</v>
      </c>
      <c r="J25" s="68">
        <v>13</v>
      </c>
      <c r="K25" s="67">
        <v>34</v>
      </c>
      <c r="L25" s="79">
        <v>16</v>
      </c>
      <c r="M25" s="80">
        <v>18</v>
      </c>
    </row>
    <row r="26" spans="1:13">
      <c r="A26" s="15" t="s">
        <v>42</v>
      </c>
      <c r="B26" s="67">
        <v>10</v>
      </c>
      <c r="C26" s="68">
        <v>-1</v>
      </c>
      <c r="D26" s="68">
        <v>11</v>
      </c>
      <c r="E26" s="67">
        <v>0</v>
      </c>
      <c r="F26" s="68">
        <v>0</v>
      </c>
      <c r="G26" s="69">
        <v>0</v>
      </c>
      <c r="H26" s="68">
        <v>43</v>
      </c>
      <c r="I26" s="68">
        <v>20</v>
      </c>
      <c r="J26" s="68">
        <v>23</v>
      </c>
      <c r="K26" s="67">
        <v>33</v>
      </c>
      <c r="L26" s="79">
        <v>21</v>
      </c>
      <c r="M26" s="80">
        <v>12</v>
      </c>
    </row>
    <row r="27" spans="1:13">
      <c r="A27" s="15" t="s">
        <v>44</v>
      </c>
      <c r="B27" s="67">
        <v>10</v>
      </c>
      <c r="C27" s="68">
        <v>11</v>
      </c>
      <c r="D27" s="68">
        <v>-1</v>
      </c>
      <c r="E27" s="67">
        <v>1</v>
      </c>
      <c r="F27" s="68">
        <v>0</v>
      </c>
      <c r="G27" s="69">
        <v>1</v>
      </c>
      <c r="H27" s="68">
        <v>39</v>
      </c>
      <c r="I27" s="68">
        <v>20</v>
      </c>
      <c r="J27" s="68">
        <v>19</v>
      </c>
      <c r="K27" s="67">
        <v>28</v>
      </c>
      <c r="L27" s="79">
        <v>9</v>
      </c>
      <c r="M27" s="80">
        <v>19</v>
      </c>
    </row>
    <row r="28" spans="1:13">
      <c r="A28" s="15" t="s">
        <v>46</v>
      </c>
      <c r="B28" s="67">
        <v>70</v>
      </c>
      <c r="C28" s="68">
        <v>28</v>
      </c>
      <c r="D28" s="68">
        <v>42</v>
      </c>
      <c r="E28" s="67">
        <v>1</v>
      </c>
      <c r="F28" s="68">
        <v>1</v>
      </c>
      <c r="G28" s="69">
        <v>0</v>
      </c>
      <c r="H28" s="68">
        <v>132</v>
      </c>
      <c r="I28" s="68">
        <v>63</v>
      </c>
      <c r="J28" s="68">
        <v>69</v>
      </c>
      <c r="K28" s="67">
        <v>61</v>
      </c>
      <c r="L28" s="79">
        <v>34</v>
      </c>
      <c r="M28" s="80">
        <v>27</v>
      </c>
    </row>
    <row r="29" spans="1:13">
      <c r="A29" s="15" t="s">
        <v>48</v>
      </c>
      <c r="B29" s="67">
        <v>218</v>
      </c>
      <c r="C29" s="68">
        <v>70</v>
      </c>
      <c r="D29" s="68">
        <v>148</v>
      </c>
      <c r="E29" s="67">
        <v>0</v>
      </c>
      <c r="F29" s="68">
        <v>0</v>
      </c>
      <c r="G29" s="69">
        <v>0</v>
      </c>
      <c r="H29" s="68">
        <v>340</v>
      </c>
      <c r="I29" s="68">
        <v>137</v>
      </c>
      <c r="J29" s="68">
        <v>203</v>
      </c>
      <c r="K29" s="67">
        <v>122</v>
      </c>
      <c r="L29" s="79">
        <v>67</v>
      </c>
      <c r="M29" s="80">
        <v>55</v>
      </c>
    </row>
    <row r="30" spans="1:13" ht="21" customHeight="1">
      <c r="A30" s="36" t="s">
        <v>50</v>
      </c>
      <c r="B30" s="64">
        <v>706</v>
      </c>
      <c r="C30" s="65">
        <v>292</v>
      </c>
      <c r="D30" s="65">
        <v>414</v>
      </c>
      <c r="E30" s="64">
        <v>6</v>
      </c>
      <c r="F30" s="65">
        <v>3</v>
      </c>
      <c r="G30" s="66">
        <v>3</v>
      </c>
      <c r="H30" s="65">
        <v>2746</v>
      </c>
      <c r="I30" s="65">
        <v>1275</v>
      </c>
      <c r="J30" s="65">
        <v>1471</v>
      </c>
      <c r="K30" s="64">
        <v>2034</v>
      </c>
      <c r="L30" s="77">
        <v>980</v>
      </c>
      <c r="M30" s="78">
        <v>1054</v>
      </c>
    </row>
    <row r="31" spans="1:13">
      <c r="A31" s="15" t="s">
        <v>52</v>
      </c>
      <c r="B31" s="67">
        <v>106</v>
      </c>
      <c r="C31" s="68">
        <v>55</v>
      </c>
      <c r="D31" s="68">
        <v>51</v>
      </c>
      <c r="E31" s="67">
        <v>1</v>
      </c>
      <c r="F31" s="68">
        <v>1</v>
      </c>
      <c r="G31" s="69">
        <v>0</v>
      </c>
      <c r="H31" s="68">
        <v>282</v>
      </c>
      <c r="I31" s="68">
        <v>137</v>
      </c>
      <c r="J31" s="68">
        <v>145</v>
      </c>
      <c r="K31" s="67">
        <v>175</v>
      </c>
      <c r="L31" s="79">
        <v>81</v>
      </c>
      <c r="M31" s="80">
        <v>94</v>
      </c>
    </row>
    <row r="32" spans="1:13">
      <c r="A32" s="15" t="s">
        <v>54</v>
      </c>
      <c r="B32" s="67">
        <v>190</v>
      </c>
      <c r="C32" s="68">
        <v>70</v>
      </c>
      <c r="D32" s="68">
        <v>120</v>
      </c>
      <c r="E32" s="67">
        <v>0</v>
      </c>
      <c r="F32" s="68">
        <v>0</v>
      </c>
      <c r="G32" s="69">
        <v>0</v>
      </c>
      <c r="H32" s="68">
        <v>410</v>
      </c>
      <c r="I32" s="68">
        <v>170</v>
      </c>
      <c r="J32" s="68">
        <v>240</v>
      </c>
      <c r="K32" s="67">
        <v>220</v>
      </c>
      <c r="L32" s="79">
        <v>100</v>
      </c>
      <c r="M32" s="80">
        <v>120</v>
      </c>
    </row>
    <row r="33" spans="1:13">
      <c r="A33" s="15" t="s">
        <v>56</v>
      </c>
      <c r="B33" s="67">
        <v>138</v>
      </c>
      <c r="C33" s="68">
        <v>64</v>
      </c>
      <c r="D33" s="68">
        <v>74</v>
      </c>
      <c r="E33" s="67">
        <v>1</v>
      </c>
      <c r="F33" s="68">
        <v>0</v>
      </c>
      <c r="G33" s="69">
        <v>1</v>
      </c>
      <c r="H33" s="68">
        <v>534</v>
      </c>
      <c r="I33" s="68">
        <v>237</v>
      </c>
      <c r="J33" s="68">
        <v>297</v>
      </c>
      <c r="K33" s="67">
        <v>395</v>
      </c>
      <c r="L33" s="79">
        <v>173</v>
      </c>
      <c r="M33" s="80">
        <v>222</v>
      </c>
    </row>
    <row r="34" spans="1:13">
      <c r="A34" s="15" t="s">
        <v>58</v>
      </c>
      <c r="B34" s="67">
        <v>188</v>
      </c>
      <c r="C34" s="68">
        <v>60</v>
      </c>
      <c r="D34" s="68">
        <v>128</v>
      </c>
      <c r="E34" s="67">
        <v>2</v>
      </c>
      <c r="F34" s="68">
        <v>2</v>
      </c>
      <c r="G34" s="69">
        <v>0</v>
      </c>
      <c r="H34" s="68">
        <v>813</v>
      </c>
      <c r="I34" s="68">
        <v>365</v>
      </c>
      <c r="J34" s="68">
        <v>448</v>
      </c>
      <c r="K34" s="67">
        <v>623</v>
      </c>
      <c r="L34" s="79">
        <v>303</v>
      </c>
      <c r="M34" s="80">
        <v>320</v>
      </c>
    </row>
    <row r="35" spans="1:13">
      <c r="A35" s="15" t="s">
        <v>60</v>
      </c>
      <c r="B35" s="67">
        <v>84</v>
      </c>
      <c r="C35" s="68">
        <v>43</v>
      </c>
      <c r="D35" s="68">
        <v>41</v>
      </c>
      <c r="E35" s="67">
        <v>2</v>
      </c>
      <c r="F35" s="68">
        <v>0</v>
      </c>
      <c r="G35" s="69">
        <v>2</v>
      </c>
      <c r="H35" s="68">
        <v>707</v>
      </c>
      <c r="I35" s="68">
        <v>366</v>
      </c>
      <c r="J35" s="68">
        <v>341</v>
      </c>
      <c r="K35" s="67">
        <v>621</v>
      </c>
      <c r="L35" s="79">
        <v>323</v>
      </c>
      <c r="M35" s="80">
        <v>298</v>
      </c>
    </row>
    <row r="36" spans="1:13" ht="21" customHeight="1">
      <c r="A36" s="36" t="s">
        <v>62</v>
      </c>
      <c r="B36" s="64">
        <v>142</v>
      </c>
      <c r="C36" s="65">
        <v>135</v>
      </c>
      <c r="D36" s="65">
        <v>7</v>
      </c>
      <c r="E36" s="64">
        <v>5</v>
      </c>
      <c r="F36" s="65">
        <v>2</v>
      </c>
      <c r="G36" s="66">
        <v>3</v>
      </c>
      <c r="H36" s="65">
        <v>3441</v>
      </c>
      <c r="I36" s="65">
        <v>1737</v>
      </c>
      <c r="J36" s="65">
        <v>1704</v>
      </c>
      <c r="K36" s="64">
        <v>3294</v>
      </c>
      <c r="L36" s="77">
        <v>1600</v>
      </c>
      <c r="M36" s="78">
        <v>1694</v>
      </c>
    </row>
    <row r="37" spans="1:13">
      <c r="A37" s="15" t="s">
        <v>64</v>
      </c>
      <c r="B37" s="67">
        <v>69</v>
      </c>
      <c r="C37" s="68">
        <v>55</v>
      </c>
      <c r="D37" s="68">
        <v>14</v>
      </c>
      <c r="E37" s="67">
        <v>0</v>
      </c>
      <c r="F37" s="68">
        <v>0</v>
      </c>
      <c r="G37" s="69">
        <v>0</v>
      </c>
      <c r="H37" s="68">
        <v>765</v>
      </c>
      <c r="I37" s="68">
        <v>400</v>
      </c>
      <c r="J37" s="68">
        <v>365</v>
      </c>
      <c r="K37" s="67">
        <v>696</v>
      </c>
      <c r="L37" s="79">
        <v>345</v>
      </c>
      <c r="M37" s="80">
        <v>351</v>
      </c>
    </row>
    <row r="38" spans="1:13">
      <c r="A38" s="15" t="s">
        <v>66</v>
      </c>
      <c r="B38" s="67">
        <v>10</v>
      </c>
      <c r="C38" s="68">
        <v>28</v>
      </c>
      <c r="D38" s="68">
        <v>-18</v>
      </c>
      <c r="E38" s="67">
        <v>1</v>
      </c>
      <c r="F38" s="68">
        <v>0</v>
      </c>
      <c r="G38" s="69">
        <v>1</v>
      </c>
      <c r="H38" s="68">
        <v>746</v>
      </c>
      <c r="I38" s="68">
        <v>375</v>
      </c>
      <c r="J38" s="68">
        <v>371</v>
      </c>
      <c r="K38" s="67">
        <v>735</v>
      </c>
      <c r="L38" s="79">
        <v>347</v>
      </c>
      <c r="M38" s="80">
        <v>388</v>
      </c>
    </row>
    <row r="39" spans="1:13">
      <c r="A39" s="15" t="s">
        <v>68</v>
      </c>
      <c r="B39" s="67">
        <v>20</v>
      </c>
      <c r="C39" s="68">
        <v>9</v>
      </c>
      <c r="D39" s="68">
        <v>11</v>
      </c>
      <c r="E39" s="67">
        <v>0</v>
      </c>
      <c r="F39" s="68">
        <v>0</v>
      </c>
      <c r="G39" s="69">
        <v>0</v>
      </c>
      <c r="H39" s="68">
        <v>679</v>
      </c>
      <c r="I39" s="68">
        <v>330</v>
      </c>
      <c r="J39" s="68">
        <v>349</v>
      </c>
      <c r="K39" s="67">
        <v>659</v>
      </c>
      <c r="L39" s="79">
        <v>321</v>
      </c>
      <c r="M39" s="80">
        <v>338</v>
      </c>
    </row>
    <row r="40" spans="1:13">
      <c r="A40" s="15" t="s">
        <v>70</v>
      </c>
      <c r="B40" s="67">
        <v>-33</v>
      </c>
      <c r="C40" s="68">
        <v>-32</v>
      </c>
      <c r="D40" s="68">
        <v>-1</v>
      </c>
      <c r="E40" s="67">
        <v>0</v>
      </c>
      <c r="F40" s="68">
        <v>0</v>
      </c>
      <c r="G40" s="69">
        <v>0</v>
      </c>
      <c r="H40" s="68">
        <v>634</v>
      </c>
      <c r="I40" s="68">
        <v>306</v>
      </c>
      <c r="J40" s="68">
        <v>328</v>
      </c>
      <c r="K40" s="67">
        <v>667</v>
      </c>
      <c r="L40" s="79">
        <v>338</v>
      </c>
      <c r="M40" s="80">
        <v>329</v>
      </c>
    </row>
    <row r="41" spans="1:13">
      <c r="A41" s="15" t="s">
        <v>72</v>
      </c>
      <c r="B41" s="67">
        <v>76</v>
      </c>
      <c r="C41" s="68">
        <v>75</v>
      </c>
      <c r="D41" s="68">
        <v>1</v>
      </c>
      <c r="E41" s="67">
        <v>4</v>
      </c>
      <c r="F41" s="68">
        <v>2</v>
      </c>
      <c r="G41" s="69">
        <v>2</v>
      </c>
      <c r="H41" s="68">
        <v>617</v>
      </c>
      <c r="I41" s="68">
        <v>326</v>
      </c>
      <c r="J41" s="68">
        <v>291</v>
      </c>
      <c r="K41" s="67">
        <v>537</v>
      </c>
      <c r="L41" s="79">
        <v>249</v>
      </c>
      <c r="M41" s="80">
        <v>288</v>
      </c>
    </row>
    <row r="42" spans="1:13" ht="21" customHeight="1">
      <c r="A42" s="36" t="s">
        <v>74</v>
      </c>
      <c r="B42" s="64">
        <v>225</v>
      </c>
      <c r="C42" s="65">
        <v>126</v>
      </c>
      <c r="D42" s="65">
        <v>99</v>
      </c>
      <c r="E42" s="64">
        <v>5</v>
      </c>
      <c r="F42" s="65">
        <v>3</v>
      </c>
      <c r="G42" s="66">
        <v>2</v>
      </c>
      <c r="H42" s="65">
        <v>2176</v>
      </c>
      <c r="I42" s="65">
        <v>1180</v>
      </c>
      <c r="J42" s="65">
        <v>996</v>
      </c>
      <c r="K42" s="64">
        <v>1946</v>
      </c>
      <c r="L42" s="77">
        <v>1051</v>
      </c>
      <c r="M42" s="78">
        <v>895</v>
      </c>
    </row>
    <row r="43" spans="1:13">
      <c r="A43" s="15" t="s">
        <v>76</v>
      </c>
      <c r="B43" s="67">
        <v>47</v>
      </c>
      <c r="C43" s="68">
        <v>14</v>
      </c>
      <c r="D43" s="68">
        <v>33</v>
      </c>
      <c r="E43" s="67">
        <v>0</v>
      </c>
      <c r="F43" s="68">
        <v>0</v>
      </c>
      <c r="G43" s="69">
        <v>0</v>
      </c>
      <c r="H43" s="68">
        <v>541</v>
      </c>
      <c r="I43" s="68">
        <v>280</v>
      </c>
      <c r="J43" s="68">
        <v>261</v>
      </c>
      <c r="K43" s="67">
        <v>494</v>
      </c>
      <c r="L43" s="79">
        <v>266</v>
      </c>
      <c r="M43" s="80">
        <v>228</v>
      </c>
    </row>
    <row r="44" spans="1:13">
      <c r="A44" s="15" t="s">
        <v>78</v>
      </c>
      <c r="B44" s="67">
        <v>66</v>
      </c>
      <c r="C44" s="68">
        <v>19</v>
      </c>
      <c r="D44" s="68">
        <v>47</v>
      </c>
      <c r="E44" s="67">
        <v>2</v>
      </c>
      <c r="F44" s="68">
        <v>2</v>
      </c>
      <c r="G44" s="69">
        <v>0</v>
      </c>
      <c r="H44" s="68">
        <v>479</v>
      </c>
      <c r="I44" s="68">
        <v>232</v>
      </c>
      <c r="J44" s="68">
        <v>247</v>
      </c>
      <c r="K44" s="67">
        <v>411</v>
      </c>
      <c r="L44" s="79">
        <v>211</v>
      </c>
      <c r="M44" s="80">
        <v>200</v>
      </c>
    </row>
    <row r="45" spans="1:13">
      <c r="A45" s="15" t="s">
        <v>80</v>
      </c>
      <c r="B45" s="67">
        <v>36</v>
      </c>
      <c r="C45" s="68">
        <v>50</v>
      </c>
      <c r="D45" s="68">
        <v>-14</v>
      </c>
      <c r="E45" s="67">
        <v>1</v>
      </c>
      <c r="F45" s="68">
        <v>0</v>
      </c>
      <c r="G45" s="69">
        <v>1</v>
      </c>
      <c r="H45" s="68">
        <v>398</v>
      </c>
      <c r="I45" s="68">
        <v>236</v>
      </c>
      <c r="J45" s="68">
        <v>162</v>
      </c>
      <c r="K45" s="67">
        <v>361</v>
      </c>
      <c r="L45" s="79">
        <v>186</v>
      </c>
      <c r="M45" s="80">
        <v>175</v>
      </c>
    </row>
    <row r="46" spans="1:13">
      <c r="A46" s="15" t="s">
        <v>82</v>
      </c>
      <c r="B46" s="67">
        <v>0</v>
      </c>
      <c r="C46" s="68">
        <v>1</v>
      </c>
      <c r="D46" s="68">
        <v>-1</v>
      </c>
      <c r="E46" s="67">
        <v>2</v>
      </c>
      <c r="F46" s="68">
        <v>1</v>
      </c>
      <c r="G46" s="69">
        <v>1</v>
      </c>
      <c r="H46" s="68">
        <v>369</v>
      </c>
      <c r="I46" s="68">
        <v>222</v>
      </c>
      <c r="J46" s="68">
        <v>147</v>
      </c>
      <c r="K46" s="67">
        <v>367</v>
      </c>
      <c r="L46" s="79">
        <v>220</v>
      </c>
      <c r="M46" s="80">
        <v>147</v>
      </c>
    </row>
    <row r="47" spans="1:13">
      <c r="A47" s="15" t="s">
        <v>84</v>
      </c>
      <c r="B47" s="67">
        <v>76</v>
      </c>
      <c r="C47" s="68">
        <v>42</v>
      </c>
      <c r="D47" s="68">
        <v>34</v>
      </c>
      <c r="E47" s="67">
        <v>0</v>
      </c>
      <c r="F47" s="68">
        <v>0</v>
      </c>
      <c r="G47" s="69">
        <v>0</v>
      </c>
      <c r="H47" s="68">
        <v>389</v>
      </c>
      <c r="I47" s="68">
        <v>210</v>
      </c>
      <c r="J47" s="68">
        <v>179</v>
      </c>
      <c r="K47" s="67">
        <v>313</v>
      </c>
      <c r="L47" s="79">
        <v>168</v>
      </c>
      <c r="M47" s="80">
        <v>145</v>
      </c>
    </row>
    <row r="48" spans="1:13" ht="21" customHeight="1">
      <c r="A48" s="36" t="s">
        <v>86</v>
      </c>
      <c r="B48" s="64">
        <v>45</v>
      </c>
      <c r="C48" s="65">
        <v>19</v>
      </c>
      <c r="D48" s="65">
        <v>26</v>
      </c>
      <c r="E48" s="64">
        <v>5</v>
      </c>
      <c r="F48" s="65">
        <v>3</v>
      </c>
      <c r="G48" s="66">
        <v>2</v>
      </c>
      <c r="H48" s="65">
        <v>1185</v>
      </c>
      <c r="I48" s="65">
        <v>668</v>
      </c>
      <c r="J48" s="65">
        <v>517</v>
      </c>
      <c r="K48" s="64">
        <v>1135</v>
      </c>
      <c r="L48" s="77">
        <v>646</v>
      </c>
      <c r="M48" s="78">
        <v>489</v>
      </c>
    </row>
    <row r="49" spans="1:13">
      <c r="A49" s="15" t="s">
        <v>88</v>
      </c>
      <c r="B49" s="67">
        <v>24</v>
      </c>
      <c r="C49" s="68">
        <v>11</v>
      </c>
      <c r="D49" s="68">
        <v>13</v>
      </c>
      <c r="E49" s="67">
        <v>0</v>
      </c>
      <c r="F49" s="68">
        <v>0</v>
      </c>
      <c r="G49" s="69">
        <v>0</v>
      </c>
      <c r="H49" s="68">
        <v>279</v>
      </c>
      <c r="I49" s="68">
        <v>155</v>
      </c>
      <c r="J49" s="68">
        <v>124</v>
      </c>
      <c r="K49" s="67">
        <v>255</v>
      </c>
      <c r="L49" s="79">
        <v>144</v>
      </c>
      <c r="M49" s="80">
        <v>111</v>
      </c>
    </row>
    <row r="50" spans="1:13">
      <c r="A50" s="15" t="s">
        <v>90</v>
      </c>
      <c r="B50" s="67">
        <v>13</v>
      </c>
      <c r="C50" s="68">
        <v>19</v>
      </c>
      <c r="D50" s="68">
        <v>-6</v>
      </c>
      <c r="E50" s="67">
        <v>1</v>
      </c>
      <c r="F50" s="68">
        <v>0</v>
      </c>
      <c r="G50" s="69">
        <v>1</v>
      </c>
      <c r="H50" s="68">
        <v>248</v>
      </c>
      <c r="I50" s="68">
        <v>143</v>
      </c>
      <c r="J50" s="68">
        <v>105</v>
      </c>
      <c r="K50" s="67">
        <v>234</v>
      </c>
      <c r="L50" s="79">
        <v>124</v>
      </c>
      <c r="M50" s="80">
        <v>110</v>
      </c>
    </row>
    <row r="51" spans="1:13">
      <c r="A51" s="15" t="s">
        <v>92</v>
      </c>
      <c r="B51" s="67">
        <v>14</v>
      </c>
      <c r="C51" s="68">
        <v>9</v>
      </c>
      <c r="D51" s="68">
        <v>5</v>
      </c>
      <c r="E51" s="67">
        <v>0</v>
      </c>
      <c r="F51" s="68">
        <v>0</v>
      </c>
      <c r="G51" s="69">
        <v>0</v>
      </c>
      <c r="H51" s="68">
        <v>245</v>
      </c>
      <c r="I51" s="68">
        <v>141</v>
      </c>
      <c r="J51" s="68">
        <v>104</v>
      </c>
      <c r="K51" s="67">
        <v>231</v>
      </c>
      <c r="L51" s="79">
        <v>132</v>
      </c>
      <c r="M51" s="80">
        <v>99</v>
      </c>
    </row>
    <row r="52" spans="1:13">
      <c r="A52" s="15" t="s">
        <v>94</v>
      </c>
      <c r="B52" s="67">
        <v>2</v>
      </c>
      <c r="C52" s="68">
        <v>-6</v>
      </c>
      <c r="D52" s="68">
        <v>8</v>
      </c>
      <c r="E52" s="67">
        <v>3</v>
      </c>
      <c r="F52" s="68">
        <v>2</v>
      </c>
      <c r="G52" s="69">
        <v>1</v>
      </c>
      <c r="H52" s="68">
        <v>224</v>
      </c>
      <c r="I52" s="68">
        <v>130</v>
      </c>
      <c r="J52" s="68">
        <v>94</v>
      </c>
      <c r="K52" s="67">
        <v>219</v>
      </c>
      <c r="L52" s="79">
        <v>134</v>
      </c>
      <c r="M52" s="80">
        <v>85</v>
      </c>
    </row>
    <row r="53" spans="1:13">
      <c r="A53" s="15" t="s">
        <v>96</v>
      </c>
      <c r="B53" s="67">
        <v>-8</v>
      </c>
      <c r="C53" s="68">
        <v>-14</v>
      </c>
      <c r="D53" s="68">
        <v>6</v>
      </c>
      <c r="E53" s="67">
        <v>1</v>
      </c>
      <c r="F53" s="68">
        <v>1</v>
      </c>
      <c r="G53" s="69">
        <v>0</v>
      </c>
      <c r="H53" s="68">
        <v>189</v>
      </c>
      <c r="I53" s="68">
        <v>99</v>
      </c>
      <c r="J53" s="68">
        <v>90</v>
      </c>
      <c r="K53" s="67">
        <v>196</v>
      </c>
      <c r="L53" s="79">
        <v>112</v>
      </c>
      <c r="M53" s="80">
        <v>84</v>
      </c>
    </row>
    <row r="54" spans="1:13" ht="21" customHeight="1">
      <c r="A54" s="36" t="s">
        <v>98</v>
      </c>
      <c r="B54" s="64">
        <v>38</v>
      </c>
      <c r="C54" s="65">
        <v>21</v>
      </c>
      <c r="D54" s="65">
        <v>17</v>
      </c>
      <c r="E54" s="64">
        <v>16</v>
      </c>
      <c r="F54" s="65">
        <v>9</v>
      </c>
      <c r="G54" s="66">
        <v>7</v>
      </c>
      <c r="H54" s="65">
        <v>833</v>
      </c>
      <c r="I54" s="65">
        <v>496</v>
      </c>
      <c r="J54" s="65">
        <v>337</v>
      </c>
      <c r="K54" s="64">
        <v>779</v>
      </c>
      <c r="L54" s="77">
        <v>466</v>
      </c>
      <c r="M54" s="78">
        <v>313</v>
      </c>
    </row>
    <row r="55" spans="1:13">
      <c r="A55" s="15" t="s">
        <v>100</v>
      </c>
      <c r="B55" s="67">
        <v>-30</v>
      </c>
      <c r="C55" s="68">
        <v>-6</v>
      </c>
      <c r="D55" s="68">
        <v>-24</v>
      </c>
      <c r="E55" s="67">
        <v>1</v>
      </c>
      <c r="F55" s="68">
        <v>1</v>
      </c>
      <c r="G55" s="69">
        <v>0</v>
      </c>
      <c r="H55" s="68">
        <v>182</v>
      </c>
      <c r="I55" s="68">
        <v>114</v>
      </c>
      <c r="J55" s="68">
        <v>68</v>
      </c>
      <c r="K55" s="67">
        <v>211</v>
      </c>
      <c r="L55" s="79">
        <v>119</v>
      </c>
      <c r="M55" s="80">
        <v>92</v>
      </c>
    </row>
    <row r="56" spans="1:13">
      <c r="A56" s="15" t="s">
        <v>102</v>
      </c>
      <c r="B56" s="67">
        <v>28</v>
      </c>
      <c r="C56" s="68">
        <v>7</v>
      </c>
      <c r="D56" s="68">
        <v>21</v>
      </c>
      <c r="E56" s="67">
        <v>3</v>
      </c>
      <c r="F56" s="68">
        <v>2</v>
      </c>
      <c r="G56" s="69">
        <v>1</v>
      </c>
      <c r="H56" s="68">
        <v>186</v>
      </c>
      <c r="I56" s="68">
        <v>107</v>
      </c>
      <c r="J56" s="68">
        <v>79</v>
      </c>
      <c r="K56" s="67">
        <v>155</v>
      </c>
      <c r="L56" s="79">
        <v>98</v>
      </c>
      <c r="M56" s="80">
        <v>57</v>
      </c>
    </row>
    <row r="57" spans="1:13">
      <c r="A57" s="15" t="s">
        <v>104</v>
      </c>
      <c r="B57" s="67">
        <v>-2</v>
      </c>
      <c r="C57" s="68">
        <v>4</v>
      </c>
      <c r="D57" s="68">
        <v>-6</v>
      </c>
      <c r="E57" s="67">
        <v>4</v>
      </c>
      <c r="F57" s="68">
        <v>2</v>
      </c>
      <c r="G57" s="69">
        <v>2</v>
      </c>
      <c r="H57" s="68">
        <v>148</v>
      </c>
      <c r="I57" s="68">
        <v>90</v>
      </c>
      <c r="J57" s="68">
        <v>58</v>
      </c>
      <c r="K57" s="67">
        <v>146</v>
      </c>
      <c r="L57" s="79">
        <v>84</v>
      </c>
      <c r="M57" s="80">
        <v>62</v>
      </c>
    </row>
    <row r="58" spans="1:13">
      <c r="A58" s="15" t="s">
        <v>106</v>
      </c>
      <c r="B58" s="67">
        <v>-4</v>
      </c>
      <c r="C58" s="68">
        <v>0</v>
      </c>
      <c r="D58" s="68">
        <v>-4</v>
      </c>
      <c r="E58" s="67">
        <v>5</v>
      </c>
      <c r="F58" s="68">
        <v>3</v>
      </c>
      <c r="G58" s="69">
        <v>2</v>
      </c>
      <c r="H58" s="68">
        <v>154</v>
      </c>
      <c r="I58" s="68">
        <v>92</v>
      </c>
      <c r="J58" s="68">
        <v>62</v>
      </c>
      <c r="K58" s="67">
        <v>153</v>
      </c>
      <c r="L58" s="79">
        <v>89</v>
      </c>
      <c r="M58" s="80">
        <v>64</v>
      </c>
    </row>
    <row r="59" spans="1:13">
      <c r="A59" s="15" t="s">
        <v>108</v>
      </c>
      <c r="B59" s="67">
        <v>46</v>
      </c>
      <c r="C59" s="68">
        <v>16</v>
      </c>
      <c r="D59" s="68">
        <v>30</v>
      </c>
      <c r="E59" s="67">
        <v>3</v>
      </c>
      <c r="F59" s="68">
        <v>1</v>
      </c>
      <c r="G59" s="69">
        <v>2</v>
      </c>
      <c r="H59" s="68">
        <v>163</v>
      </c>
      <c r="I59" s="68">
        <v>93</v>
      </c>
      <c r="J59" s="68">
        <v>70</v>
      </c>
      <c r="K59" s="67">
        <v>114</v>
      </c>
      <c r="L59" s="79">
        <v>76</v>
      </c>
      <c r="M59" s="80">
        <v>38</v>
      </c>
    </row>
    <row r="60" spans="1:13" ht="21" customHeight="1">
      <c r="A60" s="36" t="s">
        <v>110</v>
      </c>
      <c r="B60" s="64">
        <v>10</v>
      </c>
      <c r="C60" s="65">
        <v>19</v>
      </c>
      <c r="D60" s="65">
        <v>-9</v>
      </c>
      <c r="E60" s="64">
        <v>27</v>
      </c>
      <c r="F60" s="65">
        <v>17</v>
      </c>
      <c r="G60" s="66">
        <v>10</v>
      </c>
      <c r="H60" s="65">
        <v>691</v>
      </c>
      <c r="I60" s="65">
        <v>397</v>
      </c>
      <c r="J60" s="65">
        <v>294</v>
      </c>
      <c r="K60" s="64">
        <v>654</v>
      </c>
      <c r="L60" s="77">
        <v>361</v>
      </c>
      <c r="M60" s="78">
        <v>293</v>
      </c>
    </row>
    <row r="61" spans="1:13">
      <c r="A61" s="15" t="s">
        <v>112</v>
      </c>
      <c r="B61" s="67">
        <v>22</v>
      </c>
      <c r="C61" s="68">
        <v>20</v>
      </c>
      <c r="D61" s="68">
        <v>2</v>
      </c>
      <c r="E61" s="67">
        <v>1</v>
      </c>
      <c r="F61" s="68">
        <v>0</v>
      </c>
      <c r="G61" s="69">
        <v>1</v>
      </c>
      <c r="H61" s="68">
        <v>148</v>
      </c>
      <c r="I61" s="68">
        <v>88</v>
      </c>
      <c r="J61" s="68">
        <v>60</v>
      </c>
      <c r="K61" s="67">
        <v>125</v>
      </c>
      <c r="L61" s="79">
        <v>68</v>
      </c>
      <c r="M61" s="80">
        <v>57</v>
      </c>
    </row>
    <row r="62" spans="1:13">
      <c r="A62" s="15" t="s">
        <v>114</v>
      </c>
      <c r="B62" s="67">
        <v>2</v>
      </c>
      <c r="C62" s="68">
        <v>13</v>
      </c>
      <c r="D62" s="68">
        <v>-11</v>
      </c>
      <c r="E62" s="67">
        <v>4</v>
      </c>
      <c r="F62" s="68">
        <v>2</v>
      </c>
      <c r="G62" s="69">
        <v>2</v>
      </c>
      <c r="H62" s="68">
        <v>139</v>
      </c>
      <c r="I62" s="68">
        <v>86</v>
      </c>
      <c r="J62" s="68">
        <v>53</v>
      </c>
      <c r="K62" s="67">
        <v>133</v>
      </c>
      <c r="L62" s="79">
        <v>71</v>
      </c>
      <c r="M62" s="80">
        <v>62</v>
      </c>
    </row>
    <row r="63" spans="1:13">
      <c r="A63" s="15" t="s">
        <v>116</v>
      </c>
      <c r="B63" s="67">
        <v>7</v>
      </c>
      <c r="C63" s="68">
        <v>-3</v>
      </c>
      <c r="D63" s="68">
        <v>10</v>
      </c>
      <c r="E63" s="67">
        <v>7</v>
      </c>
      <c r="F63" s="68">
        <v>6</v>
      </c>
      <c r="G63" s="69">
        <v>1</v>
      </c>
      <c r="H63" s="68">
        <v>140</v>
      </c>
      <c r="I63" s="68">
        <v>78</v>
      </c>
      <c r="J63" s="68">
        <v>62</v>
      </c>
      <c r="K63" s="67">
        <v>126</v>
      </c>
      <c r="L63" s="79">
        <v>75</v>
      </c>
      <c r="M63" s="80">
        <v>51</v>
      </c>
    </row>
    <row r="64" spans="1:13">
      <c r="A64" s="15" t="s">
        <v>118</v>
      </c>
      <c r="B64" s="67">
        <v>21</v>
      </c>
      <c r="C64" s="68">
        <v>12</v>
      </c>
      <c r="D64" s="68">
        <v>9</v>
      </c>
      <c r="E64" s="67">
        <v>4</v>
      </c>
      <c r="F64" s="68">
        <v>4</v>
      </c>
      <c r="G64" s="69">
        <v>0</v>
      </c>
      <c r="H64" s="68">
        <v>142</v>
      </c>
      <c r="I64" s="68">
        <v>77</v>
      </c>
      <c r="J64" s="68">
        <v>65</v>
      </c>
      <c r="K64" s="67">
        <v>117</v>
      </c>
      <c r="L64" s="79">
        <v>61</v>
      </c>
      <c r="M64" s="80">
        <v>56</v>
      </c>
    </row>
    <row r="65" spans="1:13">
      <c r="A65" s="19" t="s">
        <v>120</v>
      </c>
      <c r="B65" s="70">
        <v>-42</v>
      </c>
      <c r="C65" s="71">
        <v>-23</v>
      </c>
      <c r="D65" s="71">
        <v>-19</v>
      </c>
      <c r="E65" s="70">
        <v>11</v>
      </c>
      <c r="F65" s="71">
        <v>5</v>
      </c>
      <c r="G65" s="72">
        <v>6</v>
      </c>
      <c r="H65" s="71">
        <v>122</v>
      </c>
      <c r="I65" s="71">
        <v>68</v>
      </c>
      <c r="J65" s="71">
        <v>54</v>
      </c>
      <c r="K65" s="70">
        <v>153</v>
      </c>
      <c r="L65" s="81">
        <v>86</v>
      </c>
      <c r="M65" s="82">
        <v>67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47</v>
      </c>
      <c r="C68" s="10" t="s">
        <v>142</v>
      </c>
      <c r="D68" s="10" t="s">
        <v>143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744</v>
      </c>
      <c r="C69" s="50">
        <v>911</v>
      </c>
      <c r="D69" s="84">
        <v>833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48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79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6</v>
      </c>
      <c r="B73" s="9" t="s">
        <v>147</v>
      </c>
      <c r="C73" s="10" t="s">
        <v>142</v>
      </c>
      <c r="D73" s="9" t="s">
        <v>143</v>
      </c>
      <c r="E73" s="9" t="s">
        <v>147</v>
      </c>
      <c r="F73" s="9" t="s">
        <v>142</v>
      </c>
      <c r="G73" s="9" t="s">
        <v>143</v>
      </c>
      <c r="H73" s="9" t="s">
        <v>147</v>
      </c>
      <c r="I73" s="9" t="s">
        <v>142</v>
      </c>
      <c r="J73" s="9" t="s">
        <v>143</v>
      </c>
      <c r="K73" s="9" t="s">
        <v>147</v>
      </c>
      <c r="L73" s="9" t="s">
        <v>142</v>
      </c>
      <c r="M73" s="11" t="s">
        <v>143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67</v>
      </c>
      <c r="C75" s="65">
        <v>-49</v>
      </c>
      <c r="D75" s="65">
        <v>-18</v>
      </c>
      <c r="E75" s="64">
        <v>45</v>
      </c>
      <c r="F75" s="65">
        <v>32</v>
      </c>
      <c r="G75" s="66">
        <v>13</v>
      </c>
      <c r="H75" s="65">
        <v>582</v>
      </c>
      <c r="I75" s="65">
        <v>303</v>
      </c>
      <c r="J75" s="65">
        <v>279</v>
      </c>
      <c r="K75" s="64">
        <v>604</v>
      </c>
      <c r="L75" s="77">
        <v>320</v>
      </c>
      <c r="M75" s="78">
        <v>284</v>
      </c>
    </row>
    <row r="76" spans="1:13">
      <c r="A76" s="27" t="s">
        <v>5</v>
      </c>
      <c r="B76" s="67">
        <v>-1</v>
      </c>
      <c r="C76" s="68">
        <v>1</v>
      </c>
      <c r="D76" s="68">
        <v>-2</v>
      </c>
      <c r="E76" s="67">
        <v>9</v>
      </c>
      <c r="F76" s="68">
        <v>6</v>
      </c>
      <c r="G76" s="69">
        <v>3</v>
      </c>
      <c r="H76" s="68">
        <v>133</v>
      </c>
      <c r="I76" s="68">
        <v>73</v>
      </c>
      <c r="J76" s="68">
        <v>60</v>
      </c>
      <c r="K76" s="67">
        <v>125</v>
      </c>
      <c r="L76" s="79">
        <v>66</v>
      </c>
      <c r="M76" s="80">
        <v>59</v>
      </c>
    </row>
    <row r="77" spans="1:13">
      <c r="A77" s="27" t="s">
        <v>7</v>
      </c>
      <c r="B77" s="67">
        <v>-30</v>
      </c>
      <c r="C77" s="68">
        <v>-14</v>
      </c>
      <c r="D77" s="68">
        <v>-16</v>
      </c>
      <c r="E77" s="67">
        <v>6</v>
      </c>
      <c r="F77" s="68">
        <v>5</v>
      </c>
      <c r="G77" s="69">
        <v>1</v>
      </c>
      <c r="H77" s="68">
        <v>112</v>
      </c>
      <c r="I77" s="68">
        <v>62</v>
      </c>
      <c r="J77" s="68">
        <v>50</v>
      </c>
      <c r="K77" s="67">
        <v>136</v>
      </c>
      <c r="L77" s="79">
        <v>71</v>
      </c>
      <c r="M77" s="80">
        <v>65</v>
      </c>
    </row>
    <row r="78" spans="1:13">
      <c r="A78" s="27" t="s">
        <v>9</v>
      </c>
      <c r="B78" s="67">
        <v>-14</v>
      </c>
      <c r="C78" s="68">
        <v>-26</v>
      </c>
      <c r="D78" s="68">
        <v>12</v>
      </c>
      <c r="E78" s="67">
        <v>8</v>
      </c>
      <c r="F78" s="68">
        <v>5</v>
      </c>
      <c r="G78" s="69">
        <v>3</v>
      </c>
      <c r="H78" s="68">
        <v>119</v>
      </c>
      <c r="I78" s="68">
        <v>50</v>
      </c>
      <c r="J78" s="68">
        <v>69</v>
      </c>
      <c r="K78" s="67">
        <v>125</v>
      </c>
      <c r="L78" s="79">
        <v>71</v>
      </c>
      <c r="M78" s="80">
        <v>54</v>
      </c>
    </row>
    <row r="79" spans="1:13">
      <c r="A79" s="27" t="s">
        <v>11</v>
      </c>
      <c r="B79" s="67">
        <v>-16</v>
      </c>
      <c r="C79" s="68">
        <v>-16</v>
      </c>
      <c r="D79" s="68">
        <v>0</v>
      </c>
      <c r="E79" s="67">
        <v>11</v>
      </c>
      <c r="F79" s="68">
        <v>9</v>
      </c>
      <c r="G79" s="69">
        <v>2</v>
      </c>
      <c r="H79" s="68">
        <v>116</v>
      </c>
      <c r="I79" s="68">
        <v>59</v>
      </c>
      <c r="J79" s="68">
        <v>57</v>
      </c>
      <c r="K79" s="67">
        <v>121</v>
      </c>
      <c r="L79" s="79">
        <v>66</v>
      </c>
      <c r="M79" s="80">
        <v>55</v>
      </c>
    </row>
    <row r="80" spans="1:13">
      <c r="A80" s="27" t="s">
        <v>13</v>
      </c>
      <c r="B80" s="67">
        <v>-6</v>
      </c>
      <c r="C80" s="68">
        <v>6</v>
      </c>
      <c r="D80" s="68">
        <v>-12</v>
      </c>
      <c r="E80" s="67">
        <v>11</v>
      </c>
      <c r="F80" s="68">
        <v>7</v>
      </c>
      <c r="G80" s="69">
        <v>4</v>
      </c>
      <c r="H80" s="68">
        <v>102</v>
      </c>
      <c r="I80" s="68">
        <v>59</v>
      </c>
      <c r="J80" s="68">
        <v>43</v>
      </c>
      <c r="K80" s="67">
        <v>97</v>
      </c>
      <c r="L80" s="79">
        <v>46</v>
      </c>
      <c r="M80" s="80">
        <v>51</v>
      </c>
    </row>
    <row r="81" spans="1:13" ht="21" customHeight="1">
      <c r="A81" s="38" t="s">
        <v>15</v>
      </c>
      <c r="B81" s="64">
        <v>-76</v>
      </c>
      <c r="C81" s="65">
        <v>-73</v>
      </c>
      <c r="D81" s="65">
        <v>-3</v>
      </c>
      <c r="E81" s="64">
        <v>72</v>
      </c>
      <c r="F81" s="65">
        <v>50</v>
      </c>
      <c r="G81" s="66">
        <v>22</v>
      </c>
      <c r="H81" s="65">
        <v>412</v>
      </c>
      <c r="I81" s="65">
        <v>224</v>
      </c>
      <c r="J81" s="65">
        <v>188</v>
      </c>
      <c r="K81" s="64">
        <v>416</v>
      </c>
      <c r="L81" s="77">
        <v>247</v>
      </c>
      <c r="M81" s="78">
        <v>169</v>
      </c>
    </row>
    <row r="82" spans="1:13">
      <c r="A82" s="27" t="s">
        <v>17</v>
      </c>
      <c r="B82" s="67">
        <v>-3</v>
      </c>
      <c r="C82" s="68">
        <v>-19</v>
      </c>
      <c r="D82" s="68">
        <v>16</v>
      </c>
      <c r="E82" s="67">
        <v>16</v>
      </c>
      <c r="F82" s="68">
        <v>12</v>
      </c>
      <c r="G82" s="69">
        <v>4</v>
      </c>
      <c r="H82" s="68">
        <v>104</v>
      </c>
      <c r="I82" s="68">
        <v>54</v>
      </c>
      <c r="J82" s="68">
        <v>50</v>
      </c>
      <c r="K82" s="67">
        <v>91</v>
      </c>
      <c r="L82" s="79">
        <v>61</v>
      </c>
      <c r="M82" s="80">
        <v>30</v>
      </c>
    </row>
    <row r="83" spans="1:13">
      <c r="A83" s="27" t="s">
        <v>19</v>
      </c>
      <c r="B83" s="67">
        <v>-24</v>
      </c>
      <c r="C83" s="68">
        <v>-25</v>
      </c>
      <c r="D83" s="68">
        <v>1</v>
      </c>
      <c r="E83" s="67">
        <v>14</v>
      </c>
      <c r="F83" s="68">
        <v>11</v>
      </c>
      <c r="G83" s="69">
        <v>3</v>
      </c>
      <c r="H83" s="68">
        <v>79</v>
      </c>
      <c r="I83" s="68">
        <v>41</v>
      </c>
      <c r="J83" s="68">
        <v>38</v>
      </c>
      <c r="K83" s="67">
        <v>89</v>
      </c>
      <c r="L83" s="79">
        <v>55</v>
      </c>
      <c r="M83" s="80">
        <v>34</v>
      </c>
    </row>
    <row r="84" spans="1:13">
      <c r="A84" s="27" t="s">
        <v>21</v>
      </c>
      <c r="B84" s="67">
        <v>-16</v>
      </c>
      <c r="C84" s="68">
        <v>-15</v>
      </c>
      <c r="D84" s="68">
        <v>-1</v>
      </c>
      <c r="E84" s="67">
        <v>16</v>
      </c>
      <c r="F84" s="68">
        <v>12</v>
      </c>
      <c r="G84" s="69">
        <v>4</v>
      </c>
      <c r="H84" s="68">
        <v>87</v>
      </c>
      <c r="I84" s="68">
        <v>46</v>
      </c>
      <c r="J84" s="68">
        <v>41</v>
      </c>
      <c r="K84" s="67">
        <v>87</v>
      </c>
      <c r="L84" s="79">
        <v>49</v>
      </c>
      <c r="M84" s="80">
        <v>38</v>
      </c>
    </row>
    <row r="85" spans="1:13">
      <c r="A85" s="27" t="s">
        <v>23</v>
      </c>
      <c r="B85" s="67">
        <v>-4</v>
      </c>
      <c r="C85" s="68">
        <v>10</v>
      </c>
      <c r="D85" s="68">
        <v>-14</v>
      </c>
      <c r="E85" s="67">
        <v>13</v>
      </c>
      <c r="F85" s="68">
        <v>7</v>
      </c>
      <c r="G85" s="69">
        <v>6</v>
      </c>
      <c r="H85" s="68">
        <v>82</v>
      </c>
      <c r="I85" s="68">
        <v>48</v>
      </c>
      <c r="J85" s="68">
        <v>34</v>
      </c>
      <c r="K85" s="67">
        <v>73</v>
      </c>
      <c r="L85" s="79">
        <v>31</v>
      </c>
      <c r="M85" s="80">
        <v>42</v>
      </c>
    </row>
    <row r="86" spans="1:13">
      <c r="A86" s="27" t="s">
        <v>25</v>
      </c>
      <c r="B86" s="67">
        <v>-29</v>
      </c>
      <c r="C86" s="68">
        <v>-24</v>
      </c>
      <c r="D86" s="68">
        <v>-5</v>
      </c>
      <c r="E86" s="67">
        <v>13</v>
      </c>
      <c r="F86" s="68">
        <v>8</v>
      </c>
      <c r="G86" s="69">
        <v>5</v>
      </c>
      <c r="H86" s="68">
        <v>60</v>
      </c>
      <c r="I86" s="68">
        <v>35</v>
      </c>
      <c r="J86" s="68">
        <v>25</v>
      </c>
      <c r="K86" s="67">
        <v>76</v>
      </c>
      <c r="L86" s="79">
        <v>51</v>
      </c>
      <c r="M86" s="80">
        <v>25</v>
      </c>
    </row>
    <row r="87" spans="1:13" ht="21" customHeight="1">
      <c r="A87" s="38" t="s">
        <v>27</v>
      </c>
      <c r="B87" s="64">
        <v>-100</v>
      </c>
      <c r="C87" s="65">
        <v>-88</v>
      </c>
      <c r="D87" s="65">
        <v>-12</v>
      </c>
      <c r="E87" s="64">
        <v>89</v>
      </c>
      <c r="F87" s="65">
        <v>71</v>
      </c>
      <c r="G87" s="66">
        <v>18</v>
      </c>
      <c r="H87" s="65">
        <v>291</v>
      </c>
      <c r="I87" s="65">
        <v>165</v>
      </c>
      <c r="J87" s="65">
        <v>126</v>
      </c>
      <c r="K87" s="64">
        <v>302</v>
      </c>
      <c r="L87" s="77">
        <v>182</v>
      </c>
      <c r="M87" s="78">
        <v>120</v>
      </c>
    </row>
    <row r="88" spans="1:13">
      <c r="A88" s="27" t="s">
        <v>29</v>
      </c>
      <c r="B88" s="67">
        <v>-35</v>
      </c>
      <c r="C88" s="68">
        <v>-23</v>
      </c>
      <c r="D88" s="68">
        <v>-12</v>
      </c>
      <c r="E88" s="67">
        <v>24</v>
      </c>
      <c r="F88" s="68">
        <v>17</v>
      </c>
      <c r="G88" s="69">
        <v>7</v>
      </c>
      <c r="H88" s="68">
        <v>70</v>
      </c>
      <c r="I88" s="68">
        <v>45</v>
      </c>
      <c r="J88" s="68">
        <v>25</v>
      </c>
      <c r="K88" s="67">
        <v>81</v>
      </c>
      <c r="L88" s="79">
        <v>51</v>
      </c>
      <c r="M88" s="80">
        <v>30</v>
      </c>
    </row>
    <row r="89" spans="1:13">
      <c r="A89" s="27" t="s">
        <v>31</v>
      </c>
      <c r="B89" s="67">
        <v>-22</v>
      </c>
      <c r="C89" s="68">
        <v>-18</v>
      </c>
      <c r="D89" s="68">
        <v>-4</v>
      </c>
      <c r="E89" s="67">
        <v>11</v>
      </c>
      <c r="F89" s="68">
        <v>8</v>
      </c>
      <c r="G89" s="69">
        <v>3</v>
      </c>
      <c r="H89" s="68">
        <v>53</v>
      </c>
      <c r="I89" s="68">
        <v>29</v>
      </c>
      <c r="J89" s="68">
        <v>24</v>
      </c>
      <c r="K89" s="67">
        <v>64</v>
      </c>
      <c r="L89" s="79">
        <v>39</v>
      </c>
      <c r="M89" s="80">
        <v>25</v>
      </c>
    </row>
    <row r="90" spans="1:13">
      <c r="A90" s="27" t="s">
        <v>33</v>
      </c>
      <c r="B90" s="67">
        <v>-8</v>
      </c>
      <c r="C90" s="68">
        <v>-1</v>
      </c>
      <c r="D90" s="68">
        <v>-7</v>
      </c>
      <c r="E90" s="67">
        <v>9</v>
      </c>
      <c r="F90" s="68">
        <v>9</v>
      </c>
      <c r="G90" s="69">
        <v>0</v>
      </c>
      <c r="H90" s="68">
        <v>52</v>
      </c>
      <c r="I90" s="68">
        <v>37</v>
      </c>
      <c r="J90" s="68">
        <v>15</v>
      </c>
      <c r="K90" s="67">
        <v>51</v>
      </c>
      <c r="L90" s="79">
        <v>29</v>
      </c>
      <c r="M90" s="80">
        <v>22</v>
      </c>
    </row>
    <row r="91" spans="1:13">
      <c r="A91" s="27" t="s">
        <v>35</v>
      </c>
      <c r="B91" s="67">
        <v>-36</v>
      </c>
      <c r="C91" s="68">
        <v>-29</v>
      </c>
      <c r="D91" s="68">
        <v>-7</v>
      </c>
      <c r="E91" s="67">
        <v>26</v>
      </c>
      <c r="F91" s="68">
        <v>18</v>
      </c>
      <c r="G91" s="69">
        <v>8</v>
      </c>
      <c r="H91" s="68">
        <v>44</v>
      </c>
      <c r="I91" s="68">
        <v>20</v>
      </c>
      <c r="J91" s="68">
        <v>24</v>
      </c>
      <c r="K91" s="67">
        <v>54</v>
      </c>
      <c r="L91" s="79">
        <v>31</v>
      </c>
      <c r="M91" s="80">
        <v>23</v>
      </c>
    </row>
    <row r="92" spans="1:13">
      <c r="A92" s="27" t="s">
        <v>37</v>
      </c>
      <c r="B92" s="67">
        <v>1</v>
      </c>
      <c r="C92" s="68">
        <v>-17</v>
      </c>
      <c r="D92" s="68">
        <v>18</v>
      </c>
      <c r="E92" s="67">
        <v>19</v>
      </c>
      <c r="F92" s="68">
        <v>19</v>
      </c>
      <c r="G92" s="69">
        <v>0</v>
      </c>
      <c r="H92" s="68">
        <v>72</v>
      </c>
      <c r="I92" s="68">
        <v>34</v>
      </c>
      <c r="J92" s="68">
        <v>38</v>
      </c>
      <c r="K92" s="67">
        <v>52</v>
      </c>
      <c r="L92" s="79">
        <v>32</v>
      </c>
      <c r="M92" s="80">
        <v>20</v>
      </c>
    </row>
    <row r="93" spans="1:13" ht="21" customHeight="1">
      <c r="A93" s="38" t="s">
        <v>39</v>
      </c>
      <c r="B93" s="64">
        <v>-94</v>
      </c>
      <c r="C93" s="65">
        <v>-90</v>
      </c>
      <c r="D93" s="65">
        <v>-4</v>
      </c>
      <c r="E93" s="64">
        <v>124</v>
      </c>
      <c r="F93" s="65">
        <v>85</v>
      </c>
      <c r="G93" s="66">
        <v>39</v>
      </c>
      <c r="H93" s="65">
        <v>219</v>
      </c>
      <c r="I93" s="65">
        <v>113</v>
      </c>
      <c r="J93" s="65">
        <v>106</v>
      </c>
      <c r="K93" s="64">
        <v>189</v>
      </c>
      <c r="L93" s="77">
        <v>118</v>
      </c>
      <c r="M93" s="78">
        <v>71</v>
      </c>
    </row>
    <row r="94" spans="1:13">
      <c r="A94" s="27" t="s">
        <v>41</v>
      </c>
      <c r="B94" s="67">
        <v>-8</v>
      </c>
      <c r="C94" s="68">
        <v>-15</v>
      </c>
      <c r="D94" s="68">
        <v>7</v>
      </c>
      <c r="E94" s="67">
        <v>16</v>
      </c>
      <c r="F94" s="68">
        <v>11</v>
      </c>
      <c r="G94" s="69">
        <v>5</v>
      </c>
      <c r="H94" s="68">
        <v>55</v>
      </c>
      <c r="I94" s="68">
        <v>26</v>
      </c>
      <c r="J94" s="68">
        <v>29</v>
      </c>
      <c r="K94" s="67">
        <v>47</v>
      </c>
      <c r="L94" s="79">
        <v>30</v>
      </c>
      <c r="M94" s="80">
        <v>17</v>
      </c>
    </row>
    <row r="95" spans="1:13">
      <c r="A95" s="27" t="s">
        <v>43</v>
      </c>
      <c r="B95" s="67">
        <v>-26</v>
      </c>
      <c r="C95" s="68">
        <v>-18</v>
      </c>
      <c r="D95" s="68">
        <v>-8</v>
      </c>
      <c r="E95" s="67">
        <v>21</v>
      </c>
      <c r="F95" s="68">
        <v>15</v>
      </c>
      <c r="G95" s="69">
        <v>6</v>
      </c>
      <c r="H95" s="68">
        <v>38</v>
      </c>
      <c r="I95" s="68">
        <v>23</v>
      </c>
      <c r="J95" s="68">
        <v>15</v>
      </c>
      <c r="K95" s="67">
        <v>43</v>
      </c>
      <c r="L95" s="79">
        <v>26</v>
      </c>
      <c r="M95" s="80">
        <v>17</v>
      </c>
    </row>
    <row r="96" spans="1:13">
      <c r="A96" s="27" t="s">
        <v>45</v>
      </c>
      <c r="B96" s="67">
        <v>-17</v>
      </c>
      <c r="C96" s="68">
        <v>-18</v>
      </c>
      <c r="D96" s="68">
        <v>1</v>
      </c>
      <c r="E96" s="67">
        <v>27</v>
      </c>
      <c r="F96" s="68">
        <v>19</v>
      </c>
      <c r="G96" s="69">
        <v>8</v>
      </c>
      <c r="H96" s="68">
        <v>49</v>
      </c>
      <c r="I96" s="68">
        <v>28</v>
      </c>
      <c r="J96" s="68">
        <v>21</v>
      </c>
      <c r="K96" s="67">
        <v>39</v>
      </c>
      <c r="L96" s="79">
        <v>27</v>
      </c>
      <c r="M96" s="80">
        <v>12</v>
      </c>
    </row>
    <row r="97" spans="1:13">
      <c r="A97" s="27" t="s">
        <v>47</v>
      </c>
      <c r="B97" s="67">
        <v>-25</v>
      </c>
      <c r="C97" s="68">
        <v>-20</v>
      </c>
      <c r="D97" s="68">
        <v>-5</v>
      </c>
      <c r="E97" s="67">
        <v>33</v>
      </c>
      <c r="F97" s="68">
        <v>21</v>
      </c>
      <c r="G97" s="69">
        <v>12</v>
      </c>
      <c r="H97" s="68">
        <v>44</v>
      </c>
      <c r="I97" s="68">
        <v>22</v>
      </c>
      <c r="J97" s="68">
        <v>22</v>
      </c>
      <c r="K97" s="67">
        <v>36</v>
      </c>
      <c r="L97" s="79">
        <v>21</v>
      </c>
      <c r="M97" s="80">
        <v>15</v>
      </c>
    </row>
    <row r="98" spans="1:13">
      <c r="A98" s="27" t="s">
        <v>49</v>
      </c>
      <c r="B98" s="67">
        <v>-18</v>
      </c>
      <c r="C98" s="68">
        <v>-19</v>
      </c>
      <c r="D98" s="68">
        <v>1</v>
      </c>
      <c r="E98" s="67">
        <v>27</v>
      </c>
      <c r="F98" s="68">
        <v>19</v>
      </c>
      <c r="G98" s="69">
        <v>8</v>
      </c>
      <c r="H98" s="68">
        <v>33</v>
      </c>
      <c r="I98" s="68">
        <v>14</v>
      </c>
      <c r="J98" s="68">
        <v>19</v>
      </c>
      <c r="K98" s="67">
        <v>24</v>
      </c>
      <c r="L98" s="79">
        <v>14</v>
      </c>
      <c r="M98" s="80">
        <v>10</v>
      </c>
    </row>
    <row r="99" spans="1:13" ht="21" customHeight="1">
      <c r="A99" s="38" t="s">
        <v>51</v>
      </c>
      <c r="B99" s="64">
        <v>-264</v>
      </c>
      <c r="C99" s="65">
        <v>-168</v>
      </c>
      <c r="D99" s="65">
        <v>-96</v>
      </c>
      <c r="E99" s="64">
        <v>261</v>
      </c>
      <c r="F99" s="65">
        <v>170</v>
      </c>
      <c r="G99" s="66">
        <v>91</v>
      </c>
      <c r="H99" s="65">
        <v>203</v>
      </c>
      <c r="I99" s="65">
        <v>106</v>
      </c>
      <c r="J99" s="65">
        <v>97</v>
      </c>
      <c r="K99" s="64">
        <v>206</v>
      </c>
      <c r="L99" s="77">
        <v>104</v>
      </c>
      <c r="M99" s="78">
        <v>102</v>
      </c>
    </row>
    <row r="100" spans="1:13">
      <c r="A100" s="27" t="s">
        <v>53</v>
      </c>
      <c r="B100" s="67">
        <v>-30</v>
      </c>
      <c r="C100" s="68">
        <v>-26</v>
      </c>
      <c r="D100" s="68">
        <v>-4</v>
      </c>
      <c r="E100" s="67">
        <v>33</v>
      </c>
      <c r="F100" s="68">
        <v>24</v>
      </c>
      <c r="G100" s="69">
        <v>9</v>
      </c>
      <c r="H100" s="68">
        <v>39</v>
      </c>
      <c r="I100" s="68">
        <v>17</v>
      </c>
      <c r="J100" s="68">
        <v>22</v>
      </c>
      <c r="K100" s="67">
        <v>36</v>
      </c>
      <c r="L100" s="79">
        <v>19</v>
      </c>
      <c r="M100" s="80">
        <v>17</v>
      </c>
    </row>
    <row r="101" spans="1:13">
      <c r="A101" s="27" t="s">
        <v>55</v>
      </c>
      <c r="B101" s="67">
        <v>-36</v>
      </c>
      <c r="C101" s="68">
        <v>-23</v>
      </c>
      <c r="D101" s="68">
        <v>-13</v>
      </c>
      <c r="E101" s="67">
        <v>33</v>
      </c>
      <c r="F101" s="68">
        <v>21</v>
      </c>
      <c r="G101" s="69">
        <v>12</v>
      </c>
      <c r="H101" s="68">
        <v>45</v>
      </c>
      <c r="I101" s="68">
        <v>23</v>
      </c>
      <c r="J101" s="68">
        <v>22</v>
      </c>
      <c r="K101" s="67">
        <v>48</v>
      </c>
      <c r="L101" s="79">
        <v>25</v>
      </c>
      <c r="M101" s="80">
        <v>23</v>
      </c>
    </row>
    <row r="102" spans="1:13">
      <c r="A102" s="27" t="s">
        <v>57</v>
      </c>
      <c r="B102" s="67">
        <v>-65</v>
      </c>
      <c r="C102" s="68">
        <v>-34</v>
      </c>
      <c r="D102" s="68">
        <v>-31</v>
      </c>
      <c r="E102" s="67">
        <v>55</v>
      </c>
      <c r="F102" s="68">
        <v>32</v>
      </c>
      <c r="G102" s="69">
        <v>23</v>
      </c>
      <c r="H102" s="68">
        <v>34</v>
      </c>
      <c r="I102" s="68">
        <v>20</v>
      </c>
      <c r="J102" s="68">
        <v>14</v>
      </c>
      <c r="K102" s="67">
        <v>44</v>
      </c>
      <c r="L102" s="79">
        <v>22</v>
      </c>
      <c r="M102" s="80">
        <v>22</v>
      </c>
    </row>
    <row r="103" spans="1:13">
      <c r="A103" s="27" t="s">
        <v>59</v>
      </c>
      <c r="B103" s="67">
        <v>-70</v>
      </c>
      <c r="C103" s="68">
        <v>-44</v>
      </c>
      <c r="D103" s="68">
        <v>-26</v>
      </c>
      <c r="E103" s="67">
        <v>67</v>
      </c>
      <c r="F103" s="68">
        <v>43</v>
      </c>
      <c r="G103" s="69">
        <v>24</v>
      </c>
      <c r="H103" s="68">
        <v>41</v>
      </c>
      <c r="I103" s="68">
        <v>24</v>
      </c>
      <c r="J103" s="68">
        <v>17</v>
      </c>
      <c r="K103" s="67">
        <v>44</v>
      </c>
      <c r="L103" s="79">
        <v>25</v>
      </c>
      <c r="M103" s="80">
        <v>19</v>
      </c>
    </row>
    <row r="104" spans="1:13">
      <c r="A104" s="27" t="s">
        <v>61</v>
      </c>
      <c r="B104" s="67">
        <v>-63</v>
      </c>
      <c r="C104" s="68">
        <v>-41</v>
      </c>
      <c r="D104" s="68">
        <v>-22</v>
      </c>
      <c r="E104" s="67">
        <v>73</v>
      </c>
      <c r="F104" s="68">
        <v>50</v>
      </c>
      <c r="G104" s="69">
        <v>23</v>
      </c>
      <c r="H104" s="68">
        <v>44</v>
      </c>
      <c r="I104" s="68">
        <v>22</v>
      </c>
      <c r="J104" s="68">
        <v>22</v>
      </c>
      <c r="K104" s="67">
        <v>34</v>
      </c>
      <c r="L104" s="79">
        <v>13</v>
      </c>
      <c r="M104" s="80">
        <v>21</v>
      </c>
    </row>
    <row r="105" spans="1:13" ht="21" customHeight="1">
      <c r="A105" s="38" t="s">
        <v>63</v>
      </c>
      <c r="B105" s="64">
        <v>-286</v>
      </c>
      <c r="C105" s="65">
        <v>-204</v>
      </c>
      <c r="D105" s="65">
        <v>-82</v>
      </c>
      <c r="E105" s="64">
        <v>321</v>
      </c>
      <c r="F105" s="65">
        <v>205</v>
      </c>
      <c r="G105" s="66">
        <v>116</v>
      </c>
      <c r="H105" s="65">
        <v>172</v>
      </c>
      <c r="I105" s="65">
        <v>68</v>
      </c>
      <c r="J105" s="65">
        <v>104</v>
      </c>
      <c r="K105" s="64">
        <v>137</v>
      </c>
      <c r="L105" s="77">
        <v>67</v>
      </c>
      <c r="M105" s="78">
        <v>70</v>
      </c>
    </row>
    <row r="106" spans="1:13">
      <c r="A106" s="27" t="s">
        <v>65</v>
      </c>
      <c r="B106" s="67">
        <v>-60</v>
      </c>
      <c r="C106" s="68">
        <v>-45</v>
      </c>
      <c r="D106" s="68">
        <v>-15</v>
      </c>
      <c r="E106" s="67">
        <v>67</v>
      </c>
      <c r="F106" s="68">
        <v>46</v>
      </c>
      <c r="G106" s="69">
        <v>21</v>
      </c>
      <c r="H106" s="68">
        <v>45</v>
      </c>
      <c r="I106" s="68">
        <v>18</v>
      </c>
      <c r="J106" s="68">
        <v>27</v>
      </c>
      <c r="K106" s="67">
        <v>38</v>
      </c>
      <c r="L106" s="79">
        <v>17</v>
      </c>
      <c r="M106" s="80">
        <v>21</v>
      </c>
    </row>
    <row r="107" spans="1:13">
      <c r="A107" s="27" t="s">
        <v>67</v>
      </c>
      <c r="B107" s="67">
        <v>-56</v>
      </c>
      <c r="C107" s="68">
        <v>-38</v>
      </c>
      <c r="D107" s="68">
        <v>-18</v>
      </c>
      <c r="E107" s="67">
        <v>55</v>
      </c>
      <c r="F107" s="68">
        <v>38</v>
      </c>
      <c r="G107" s="69">
        <v>17</v>
      </c>
      <c r="H107" s="68">
        <v>25</v>
      </c>
      <c r="I107" s="68">
        <v>15</v>
      </c>
      <c r="J107" s="68">
        <v>10</v>
      </c>
      <c r="K107" s="67">
        <v>26</v>
      </c>
      <c r="L107" s="79">
        <v>15</v>
      </c>
      <c r="M107" s="80">
        <v>11</v>
      </c>
    </row>
    <row r="108" spans="1:13">
      <c r="A108" s="27" t="s">
        <v>69</v>
      </c>
      <c r="B108" s="67">
        <v>-54</v>
      </c>
      <c r="C108" s="68">
        <v>-33</v>
      </c>
      <c r="D108" s="68">
        <v>-21</v>
      </c>
      <c r="E108" s="67">
        <v>53</v>
      </c>
      <c r="F108" s="68">
        <v>31</v>
      </c>
      <c r="G108" s="69">
        <v>22</v>
      </c>
      <c r="H108" s="68">
        <v>25</v>
      </c>
      <c r="I108" s="68">
        <v>10</v>
      </c>
      <c r="J108" s="68">
        <v>15</v>
      </c>
      <c r="K108" s="67">
        <v>26</v>
      </c>
      <c r="L108" s="79">
        <v>12</v>
      </c>
      <c r="M108" s="80">
        <v>14</v>
      </c>
    </row>
    <row r="109" spans="1:13">
      <c r="A109" s="27" t="s">
        <v>71</v>
      </c>
      <c r="B109" s="67">
        <v>-54</v>
      </c>
      <c r="C109" s="68">
        <v>-44</v>
      </c>
      <c r="D109" s="68">
        <v>-10</v>
      </c>
      <c r="E109" s="67">
        <v>75</v>
      </c>
      <c r="F109" s="68">
        <v>44</v>
      </c>
      <c r="G109" s="69">
        <v>31</v>
      </c>
      <c r="H109" s="68">
        <v>46</v>
      </c>
      <c r="I109" s="68">
        <v>12</v>
      </c>
      <c r="J109" s="68">
        <v>34</v>
      </c>
      <c r="K109" s="67">
        <v>25</v>
      </c>
      <c r="L109" s="79">
        <v>12</v>
      </c>
      <c r="M109" s="80">
        <v>13</v>
      </c>
    </row>
    <row r="110" spans="1:13">
      <c r="A110" s="27" t="s">
        <v>73</v>
      </c>
      <c r="B110" s="67">
        <v>-62</v>
      </c>
      <c r="C110" s="68">
        <v>-44</v>
      </c>
      <c r="D110" s="68">
        <v>-18</v>
      </c>
      <c r="E110" s="67">
        <v>71</v>
      </c>
      <c r="F110" s="68">
        <v>46</v>
      </c>
      <c r="G110" s="69">
        <v>25</v>
      </c>
      <c r="H110" s="68">
        <v>31</v>
      </c>
      <c r="I110" s="68">
        <v>13</v>
      </c>
      <c r="J110" s="68">
        <v>18</v>
      </c>
      <c r="K110" s="67">
        <v>22</v>
      </c>
      <c r="L110" s="79">
        <v>11</v>
      </c>
      <c r="M110" s="80">
        <v>11</v>
      </c>
    </row>
    <row r="111" spans="1:13" ht="21" customHeight="1">
      <c r="A111" s="38" t="s">
        <v>75</v>
      </c>
      <c r="B111" s="64">
        <v>-549</v>
      </c>
      <c r="C111" s="65">
        <v>-341</v>
      </c>
      <c r="D111" s="65">
        <v>-208</v>
      </c>
      <c r="E111" s="64">
        <v>580</v>
      </c>
      <c r="F111" s="65">
        <v>347</v>
      </c>
      <c r="G111" s="66">
        <v>233</v>
      </c>
      <c r="H111" s="65">
        <v>161</v>
      </c>
      <c r="I111" s="65">
        <v>53</v>
      </c>
      <c r="J111" s="65">
        <v>108</v>
      </c>
      <c r="K111" s="64">
        <v>130</v>
      </c>
      <c r="L111" s="77">
        <v>47</v>
      </c>
      <c r="M111" s="78">
        <v>83</v>
      </c>
    </row>
    <row r="112" spans="1:13">
      <c r="A112" s="27" t="s">
        <v>77</v>
      </c>
      <c r="B112" s="67">
        <v>-117</v>
      </c>
      <c r="C112" s="68">
        <v>-73</v>
      </c>
      <c r="D112" s="68">
        <v>-44</v>
      </c>
      <c r="E112" s="67">
        <v>117</v>
      </c>
      <c r="F112" s="68">
        <v>68</v>
      </c>
      <c r="G112" s="69">
        <v>49</v>
      </c>
      <c r="H112" s="68">
        <v>31</v>
      </c>
      <c r="I112" s="68">
        <v>6</v>
      </c>
      <c r="J112" s="68">
        <v>25</v>
      </c>
      <c r="K112" s="67">
        <v>31</v>
      </c>
      <c r="L112" s="79">
        <v>11</v>
      </c>
      <c r="M112" s="80">
        <v>20</v>
      </c>
    </row>
    <row r="113" spans="1:13">
      <c r="A113" s="27" t="s">
        <v>79</v>
      </c>
      <c r="B113" s="67">
        <v>-118</v>
      </c>
      <c r="C113" s="68">
        <v>-77</v>
      </c>
      <c r="D113" s="68">
        <v>-41</v>
      </c>
      <c r="E113" s="67">
        <v>128</v>
      </c>
      <c r="F113" s="68">
        <v>78</v>
      </c>
      <c r="G113" s="69">
        <v>50</v>
      </c>
      <c r="H113" s="68">
        <v>42</v>
      </c>
      <c r="I113" s="68">
        <v>13</v>
      </c>
      <c r="J113" s="68">
        <v>29</v>
      </c>
      <c r="K113" s="67">
        <v>32</v>
      </c>
      <c r="L113" s="79">
        <v>12</v>
      </c>
      <c r="M113" s="80">
        <v>20</v>
      </c>
    </row>
    <row r="114" spans="1:13">
      <c r="A114" s="27" t="s">
        <v>81</v>
      </c>
      <c r="B114" s="67">
        <v>-88</v>
      </c>
      <c r="C114" s="68">
        <v>-51</v>
      </c>
      <c r="D114" s="68">
        <v>-37</v>
      </c>
      <c r="E114" s="67">
        <v>96</v>
      </c>
      <c r="F114" s="68">
        <v>53</v>
      </c>
      <c r="G114" s="69">
        <v>43</v>
      </c>
      <c r="H114" s="68">
        <v>34</v>
      </c>
      <c r="I114" s="68">
        <v>12</v>
      </c>
      <c r="J114" s="68">
        <v>22</v>
      </c>
      <c r="K114" s="67">
        <v>26</v>
      </c>
      <c r="L114" s="79">
        <v>10</v>
      </c>
      <c r="M114" s="80">
        <v>16</v>
      </c>
    </row>
    <row r="115" spans="1:13">
      <c r="A115" s="27" t="s">
        <v>83</v>
      </c>
      <c r="B115" s="67">
        <v>-111</v>
      </c>
      <c r="C115" s="68">
        <v>-66</v>
      </c>
      <c r="D115" s="68">
        <v>-45</v>
      </c>
      <c r="E115" s="67">
        <v>118</v>
      </c>
      <c r="F115" s="68">
        <v>70</v>
      </c>
      <c r="G115" s="69">
        <v>48</v>
      </c>
      <c r="H115" s="68">
        <v>30</v>
      </c>
      <c r="I115" s="68">
        <v>12</v>
      </c>
      <c r="J115" s="68">
        <v>18</v>
      </c>
      <c r="K115" s="67">
        <v>23</v>
      </c>
      <c r="L115" s="79">
        <v>8</v>
      </c>
      <c r="M115" s="80">
        <v>15</v>
      </c>
    </row>
    <row r="116" spans="1:13">
      <c r="A116" s="27" t="s">
        <v>85</v>
      </c>
      <c r="B116" s="67">
        <v>-115</v>
      </c>
      <c r="C116" s="68">
        <v>-74</v>
      </c>
      <c r="D116" s="68">
        <v>-41</v>
      </c>
      <c r="E116" s="67">
        <v>121</v>
      </c>
      <c r="F116" s="68">
        <v>78</v>
      </c>
      <c r="G116" s="69">
        <v>43</v>
      </c>
      <c r="H116" s="68">
        <v>24</v>
      </c>
      <c r="I116" s="68">
        <v>10</v>
      </c>
      <c r="J116" s="68">
        <v>14</v>
      </c>
      <c r="K116" s="67">
        <v>18</v>
      </c>
      <c r="L116" s="79">
        <v>6</v>
      </c>
      <c r="M116" s="80">
        <v>12</v>
      </c>
    </row>
    <row r="117" spans="1:13" ht="21" customHeight="1">
      <c r="A117" s="38" t="s">
        <v>87</v>
      </c>
      <c r="B117" s="64">
        <v>-574</v>
      </c>
      <c r="C117" s="65">
        <v>-328</v>
      </c>
      <c r="D117" s="65">
        <v>-246</v>
      </c>
      <c r="E117" s="64">
        <v>622</v>
      </c>
      <c r="F117" s="65">
        <v>343</v>
      </c>
      <c r="G117" s="66">
        <v>279</v>
      </c>
      <c r="H117" s="65">
        <v>152</v>
      </c>
      <c r="I117" s="65">
        <v>47</v>
      </c>
      <c r="J117" s="65">
        <v>105</v>
      </c>
      <c r="K117" s="64">
        <v>104</v>
      </c>
      <c r="L117" s="77">
        <v>32</v>
      </c>
      <c r="M117" s="78">
        <v>72</v>
      </c>
    </row>
    <row r="118" spans="1:13">
      <c r="A118" s="27" t="s">
        <v>89</v>
      </c>
      <c r="B118" s="67">
        <v>-116</v>
      </c>
      <c r="C118" s="68">
        <v>-71</v>
      </c>
      <c r="D118" s="68">
        <v>-45</v>
      </c>
      <c r="E118" s="67">
        <v>126</v>
      </c>
      <c r="F118" s="68">
        <v>75</v>
      </c>
      <c r="G118" s="69">
        <v>51</v>
      </c>
      <c r="H118" s="68">
        <v>39</v>
      </c>
      <c r="I118" s="68">
        <v>15</v>
      </c>
      <c r="J118" s="68">
        <v>24</v>
      </c>
      <c r="K118" s="67">
        <v>29</v>
      </c>
      <c r="L118" s="79">
        <v>11</v>
      </c>
      <c r="M118" s="80">
        <v>18</v>
      </c>
    </row>
    <row r="119" spans="1:13">
      <c r="A119" s="27" t="s">
        <v>91</v>
      </c>
      <c r="B119" s="67">
        <v>-109</v>
      </c>
      <c r="C119" s="68">
        <v>-66</v>
      </c>
      <c r="D119" s="68">
        <v>-43</v>
      </c>
      <c r="E119" s="67">
        <v>121</v>
      </c>
      <c r="F119" s="68">
        <v>68</v>
      </c>
      <c r="G119" s="69">
        <v>53</v>
      </c>
      <c r="H119" s="68">
        <v>30</v>
      </c>
      <c r="I119" s="68">
        <v>7</v>
      </c>
      <c r="J119" s="68">
        <v>23</v>
      </c>
      <c r="K119" s="67">
        <v>18</v>
      </c>
      <c r="L119" s="79">
        <v>5</v>
      </c>
      <c r="M119" s="80">
        <v>13</v>
      </c>
    </row>
    <row r="120" spans="1:13">
      <c r="A120" s="27" t="s">
        <v>93</v>
      </c>
      <c r="B120" s="67">
        <v>-99</v>
      </c>
      <c r="C120" s="68">
        <v>-63</v>
      </c>
      <c r="D120" s="68">
        <v>-36</v>
      </c>
      <c r="E120" s="67">
        <v>115</v>
      </c>
      <c r="F120" s="68">
        <v>68</v>
      </c>
      <c r="G120" s="69">
        <v>47</v>
      </c>
      <c r="H120" s="68">
        <v>35</v>
      </c>
      <c r="I120" s="68">
        <v>10</v>
      </c>
      <c r="J120" s="68">
        <v>25</v>
      </c>
      <c r="K120" s="67">
        <v>19</v>
      </c>
      <c r="L120" s="79">
        <v>5</v>
      </c>
      <c r="M120" s="80">
        <v>14</v>
      </c>
    </row>
    <row r="121" spans="1:13">
      <c r="A121" s="27" t="s">
        <v>95</v>
      </c>
      <c r="B121" s="67">
        <v>-115</v>
      </c>
      <c r="C121" s="68">
        <v>-66</v>
      </c>
      <c r="D121" s="68">
        <v>-49</v>
      </c>
      <c r="E121" s="67">
        <v>117</v>
      </c>
      <c r="F121" s="68">
        <v>67</v>
      </c>
      <c r="G121" s="69">
        <v>50</v>
      </c>
      <c r="H121" s="68">
        <v>24</v>
      </c>
      <c r="I121" s="68">
        <v>7</v>
      </c>
      <c r="J121" s="68">
        <v>17</v>
      </c>
      <c r="K121" s="67">
        <v>22</v>
      </c>
      <c r="L121" s="79">
        <v>6</v>
      </c>
      <c r="M121" s="80">
        <v>16</v>
      </c>
    </row>
    <row r="122" spans="1:13">
      <c r="A122" s="27" t="s">
        <v>97</v>
      </c>
      <c r="B122" s="67">
        <v>-135</v>
      </c>
      <c r="C122" s="68">
        <v>-62</v>
      </c>
      <c r="D122" s="68">
        <v>-73</v>
      </c>
      <c r="E122" s="67">
        <v>143</v>
      </c>
      <c r="F122" s="68">
        <v>65</v>
      </c>
      <c r="G122" s="69">
        <v>78</v>
      </c>
      <c r="H122" s="68">
        <v>24</v>
      </c>
      <c r="I122" s="68">
        <v>8</v>
      </c>
      <c r="J122" s="68">
        <v>16</v>
      </c>
      <c r="K122" s="67">
        <v>16</v>
      </c>
      <c r="L122" s="79">
        <v>5</v>
      </c>
      <c r="M122" s="80">
        <v>11</v>
      </c>
    </row>
    <row r="123" spans="1:13" ht="21" customHeight="1">
      <c r="A123" s="38" t="s">
        <v>99</v>
      </c>
      <c r="B123" s="64">
        <v>-529</v>
      </c>
      <c r="C123" s="65">
        <v>-247</v>
      </c>
      <c r="D123" s="65">
        <v>-282</v>
      </c>
      <c r="E123" s="64">
        <v>534</v>
      </c>
      <c r="F123" s="65">
        <v>238</v>
      </c>
      <c r="G123" s="66">
        <v>296</v>
      </c>
      <c r="H123" s="65">
        <v>72</v>
      </c>
      <c r="I123" s="65">
        <v>17</v>
      </c>
      <c r="J123" s="65">
        <v>55</v>
      </c>
      <c r="K123" s="64">
        <v>67</v>
      </c>
      <c r="L123" s="77">
        <v>26</v>
      </c>
      <c r="M123" s="78">
        <v>41</v>
      </c>
    </row>
    <row r="124" spans="1:13">
      <c r="A124" s="27" t="s">
        <v>101</v>
      </c>
      <c r="B124" s="67">
        <v>-119</v>
      </c>
      <c r="C124" s="68">
        <v>-76</v>
      </c>
      <c r="D124" s="68">
        <v>-43</v>
      </c>
      <c r="E124" s="67">
        <v>130</v>
      </c>
      <c r="F124" s="68">
        <v>75</v>
      </c>
      <c r="G124" s="69">
        <v>55</v>
      </c>
      <c r="H124" s="68">
        <v>20</v>
      </c>
      <c r="I124" s="68">
        <v>3</v>
      </c>
      <c r="J124" s="68">
        <v>17</v>
      </c>
      <c r="K124" s="67">
        <v>9</v>
      </c>
      <c r="L124" s="79">
        <v>4</v>
      </c>
      <c r="M124" s="80">
        <v>5</v>
      </c>
    </row>
    <row r="125" spans="1:13">
      <c r="A125" s="27" t="s">
        <v>103</v>
      </c>
      <c r="B125" s="67">
        <v>-114</v>
      </c>
      <c r="C125" s="68">
        <v>-48</v>
      </c>
      <c r="D125" s="68">
        <v>-66</v>
      </c>
      <c r="E125" s="67">
        <v>112</v>
      </c>
      <c r="F125" s="68">
        <v>49</v>
      </c>
      <c r="G125" s="69">
        <v>63</v>
      </c>
      <c r="H125" s="68">
        <v>12</v>
      </c>
      <c r="I125" s="68">
        <v>5</v>
      </c>
      <c r="J125" s="68">
        <v>7</v>
      </c>
      <c r="K125" s="67">
        <v>14</v>
      </c>
      <c r="L125" s="79">
        <v>4</v>
      </c>
      <c r="M125" s="80">
        <v>10</v>
      </c>
    </row>
    <row r="126" spans="1:13">
      <c r="A126" s="27" t="s">
        <v>105</v>
      </c>
      <c r="B126" s="67">
        <v>-106</v>
      </c>
      <c r="C126" s="68">
        <v>-46</v>
      </c>
      <c r="D126" s="68">
        <v>-60</v>
      </c>
      <c r="E126" s="67">
        <v>111</v>
      </c>
      <c r="F126" s="68">
        <v>46</v>
      </c>
      <c r="G126" s="69">
        <v>65</v>
      </c>
      <c r="H126" s="68">
        <v>21</v>
      </c>
      <c r="I126" s="68">
        <v>6</v>
      </c>
      <c r="J126" s="68">
        <v>15</v>
      </c>
      <c r="K126" s="67">
        <v>16</v>
      </c>
      <c r="L126" s="79">
        <v>6</v>
      </c>
      <c r="M126" s="80">
        <v>10</v>
      </c>
    </row>
    <row r="127" spans="1:13">
      <c r="A127" s="27" t="s">
        <v>107</v>
      </c>
      <c r="B127" s="67">
        <v>-99</v>
      </c>
      <c r="C127" s="68">
        <v>-46</v>
      </c>
      <c r="D127" s="68">
        <v>-53</v>
      </c>
      <c r="E127" s="67">
        <v>93</v>
      </c>
      <c r="F127" s="68">
        <v>38</v>
      </c>
      <c r="G127" s="69">
        <v>55</v>
      </c>
      <c r="H127" s="68">
        <v>9</v>
      </c>
      <c r="I127" s="68">
        <v>0</v>
      </c>
      <c r="J127" s="68">
        <v>9</v>
      </c>
      <c r="K127" s="67">
        <v>15</v>
      </c>
      <c r="L127" s="79">
        <v>8</v>
      </c>
      <c r="M127" s="80">
        <v>7</v>
      </c>
    </row>
    <row r="128" spans="1:13">
      <c r="A128" s="27" t="s">
        <v>109</v>
      </c>
      <c r="B128" s="67">
        <v>-91</v>
      </c>
      <c r="C128" s="68">
        <v>-31</v>
      </c>
      <c r="D128" s="68">
        <v>-60</v>
      </c>
      <c r="E128" s="67">
        <v>88</v>
      </c>
      <c r="F128" s="68">
        <v>30</v>
      </c>
      <c r="G128" s="69">
        <v>58</v>
      </c>
      <c r="H128" s="68">
        <v>10</v>
      </c>
      <c r="I128" s="68">
        <v>3</v>
      </c>
      <c r="J128" s="68">
        <v>7</v>
      </c>
      <c r="K128" s="67">
        <v>13</v>
      </c>
      <c r="L128" s="79">
        <v>4</v>
      </c>
      <c r="M128" s="80">
        <v>9</v>
      </c>
    </row>
    <row r="129" spans="1:14" ht="21" customHeight="1">
      <c r="A129" s="38" t="s">
        <v>111</v>
      </c>
      <c r="B129" s="64">
        <v>-245</v>
      </c>
      <c r="C129" s="65">
        <v>-72</v>
      </c>
      <c r="D129" s="65">
        <v>-173</v>
      </c>
      <c r="E129" s="64">
        <v>251</v>
      </c>
      <c r="F129" s="65">
        <v>73</v>
      </c>
      <c r="G129" s="66">
        <v>178</v>
      </c>
      <c r="H129" s="65">
        <v>27</v>
      </c>
      <c r="I129" s="65">
        <v>7</v>
      </c>
      <c r="J129" s="65">
        <v>20</v>
      </c>
      <c r="K129" s="64">
        <v>21</v>
      </c>
      <c r="L129" s="77">
        <v>6</v>
      </c>
      <c r="M129" s="78">
        <v>15</v>
      </c>
    </row>
    <row r="130" spans="1:14">
      <c r="A130" s="27" t="s">
        <v>113</v>
      </c>
      <c r="B130" s="67">
        <v>-61</v>
      </c>
      <c r="C130" s="68">
        <v>-19</v>
      </c>
      <c r="D130" s="68">
        <v>-42</v>
      </c>
      <c r="E130" s="67">
        <v>62</v>
      </c>
      <c r="F130" s="68">
        <v>21</v>
      </c>
      <c r="G130" s="69">
        <v>41</v>
      </c>
      <c r="H130" s="68">
        <v>8</v>
      </c>
      <c r="I130" s="68">
        <v>4</v>
      </c>
      <c r="J130" s="68">
        <v>4</v>
      </c>
      <c r="K130" s="67">
        <v>7</v>
      </c>
      <c r="L130" s="79">
        <v>2</v>
      </c>
      <c r="M130" s="80">
        <v>5</v>
      </c>
    </row>
    <row r="131" spans="1:14">
      <c r="A131" s="27" t="s">
        <v>115</v>
      </c>
      <c r="B131" s="67">
        <v>-64</v>
      </c>
      <c r="C131" s="68">
        <v>-15</v>
      </c>
      <c r="D131" s="68">
        <v>-49</v>
      </c>
      <c r="E131" s="67">
        <v>70</v>
      </c>
      <c r="F131" s="68">
        <v>16</v>
      </c>
      <c r="G131" s="69">
        <v>54</v>
      </c>
      <c r="H131" s="68">
        <v>10</v>
      </c>
      <c r="I131" s="68">
        <v>2</v>
      </c>
      <c r="J131" s="68">
        <v>8</v>
      </c>
      <c r="K131" s="67">
        <v>4</v>
      </c>
      <c r="L131" s="79">
        <v>1</v>
      </c>
      <c r="M131" s="80">
        <v>3</v>
      </c>
    </row>
    <row r="132" spans="1:14">
      <c r="A132" s="27" t="s">
        <v>117</v>
      </c>
      <c r="B132" s="67">
        <v>-53</v>
      </c>
      <c r="C132" s="68">
        <v>-21</v>
      </c>
      <c r="D132" s="68">
        <v>-32</v>
      </c>
      <c r="E132" s="67">
        <v>52</v>
      </c>
      <c r="F132" s="68">
        <v>19</v>
      </c>
      <c r="G132" s="69">
        <v>33</v>
      </c>
      <c r="H132" s="68">
        <v>5</v>
      </c>
      <c r="I132" s="68">
        <v>0</v>
      </c>
      <c r="J132" s="68">
        <v>5</v>
      </c>
      <c r="K132" s="67">
        <v>6</v>
      </c>
      <c r="L132" s="79">
        <v>2</v>
      </c>
      <c r="M132" s="80">
        <v>4</v>
      </c>
    </row>
    <row r="133" spans="1:14">
      <c r="A133" s="27" t="s">
        <v>119</v>
      </c>
      <c r="B133" s="67">
        <v>-31</v>
      </c>
      <c r="C133" s="68">
        <v>-9</v>
      </c>
      <c r="D133" s="68">
        <v>-22</v>
      </c>
      <c r="E133" s="67">
        <v>32</v>
      </c>
      <c r="F133" s="68">
        <v>9</v>
      </c>
      <c r="G133" s="69">
        <v>23</v>
      </c>
      <c r="H133" s="68">
        <v>3</v>
      </c>
      <c r="I133" s="68">
        <v>1</v>
      </c>
      <c r="J133" s="68">
        <v>2</v>
      </c>
      <c r="K133" s="67">
        <v>2</v>
      </c>
      <c r="L133" s="79">
        <v>1</v>
      </c>
      <c r="M133" s="80">
        <v>1</v>
      </c>
    </row>
    <row r="134" spans="1:14">
      <c r="A134" s="27" t="s">
        <v>121</v>
      </c>
      <c r="B134" s="67">
        <v>-36</v>
      </c>
      <c r="C134" s="68">
        <v>-8</v>
      </c>
      <c r="D134" s="68">
        <v>-28</v>
      </c>
      <c r="E134" s="67">
        <v>35</v>
      </c>
      <c r="F134" s="68">
        <v>8</v>
      </c>
      <c r="G134" s="69">
        <v>27</v>
      </c>
      <c r="H134" s="68">
        <v>1</v>
      </c>
      <c r="I134" s="68">
        <v>0</v>
      </c>
      <c r="J134" s="68">
        <v>1</v>
      </c>
      <c r="K134" s="67">
        <v>2</v>
      </c>
      <c r="L134" s="79">
        <v>0</v>
      </c>
      <c r="M134" s="80">
        <v>2</v>
      </c>
    </row>
    <row r="135" spans="1:14" ht="21" customHeight="1">
      <c r="A135" s="39" t="s">
        <v>122</v>
      </c>
      <c r="B135" s="42">
        <v>-70</v>
      </c>
      <c r="C135" s="40">
        <v>-12</v>
      </c>
      <c r="D135" s="40">
        <v>-58</v>
      </c>
      <c r="E135" s="42">
        <v>74</v>
      </c>
      <c r="F135" s="40">
        <v>13</v>
      </c>
      <c r="G135" s="43">
        <v>61</v>
      </c>
      <c r="H135" s="40">
        <v>6</v>
      </c>
      <c r="I135" s="40">
        <v>1</v>
      </c>
      <c r="J135" s="40">
        <v>5</v>
      </c>
      <c r="K135" s="42">
        <v>2</v>
      </c>
      <c r="L135" s="44">
        <v>0</v>
      </c>
      <c r="M135" s="85">
        <v>2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50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434</v>
      </c>
      <c r="C5" s="62">
        <v>706</v>
      </c>
      <c r="D5" s="62">
        <v>728</v>
      </c>
      <c r="E5" s="61">
        <v>2362</v>
      </c>
      <c r="F5" s="62">
        <v>1231</v>
      </c>
      <c r="G5" s="63">
        <v>1131</v>
      </c>
      <c r="H5" s="62">
        <v>18978</v>
      </c>
      <c r="I5" s="62">
        <v>10192</v>
      </c>
      <c r="J5" s="62">
        <v>8786</v>
      </c>
      <c r="K5" s="61">
        <v>16918</v>
      </c>
      <c r="L5" s="75">
        <v>9142</v>
      </c>
      <c r="M5" s="76">
        <v>7776</v>
      </c>
    </row>
    <row r="6" spans="1:13" ht="23.25" customHeight="1">
      <c r="A6" s="36" t="s">
        <v>2</v>
      </c>
      <c r="B6" s="64">
        <v>1541</v>
      </c>
      <c r="C6" s="65">
        <v>766</v>
      </c>
      <c r="D6" s="65">
        <v>775</v>
      </c>
      <c r="E6" s="64">
        <v>8</v>
      </c>
      <c r="F6" s="65">
        <v>5</v>
      </c>
      <c r="G6" s="66">
        <v>3</v>
      </c>
      <c r="H6" s="65">
        <v>660</v>
      </c>
      <c r="I6" s="65">
        <v>340</v>
      </c>
      <c r="J6" s="65">
        <v>320</v>
      </c>
      <c r="K6" s="64">
        <v>847</v>
      </c>
      <c r="L6" s="77">
        <v>456</v>
      </c>
      <c r="M6" s="78">
        <v>391</v>
      </c>
    </row>
    <row r="7" spans="1:13">
      <c r="A7" s="15" t="s">
        <v>4</v>
      </c>
      <c r="B7" s="67">
        <v>1696</v>
      </c>
      <c r="C7" s="68">
        <v>868</v>
      </c>
      <c r="D7" s="68">
        <v>828</v>
      </c>
      <c r="E7" s="67">
        <v>5</v>
      </c>
      <c r="F7" s="68">
        <v>2</v>
      </c>
      <c r="G7" s="69">
        <v>3</v>
      </c>
      <c r="H7" s="68">
        <v>92</v>
      </c>
      <c r="I7" s="68">
        <v>52</v>
      </c>
      <c r="J7" s="68">
        <v>40</v>
      </c>
      <c r="K7" s="67">
        <v>127</v>
      </c>
      <c r="L7" s="79">
        <v>69</v>
      </c>
      <c r="M7" s="80">
        <v>58</v>
      </c>
    </row>
    <row r="8" spans="1:13">
      <c r="A8" s="15" t="s">
        <v>6</v>
      </c>
      <c r="B8" s="67">
        <v>-59</v>
      </c>
      <c r="C8" s="68">
        <v>-38</v>
      </c>
      <c r="D8" s="68">
        <v>-21</v>
      </c>
      <c r="E8" s="67">
        <v>2</v>
      </c>
      <c r="F8" s="68">
        <v>2</v>
      </c>
      <c r="G8" s="69">
        <v>0</v>
      </c>
      <c r="H8" s="68">
        <v>186</v>
      </c>
      <c r="I8" s="68">
        <v>86</v>
      </c>
      <c r="J8" s="68">
        <v>100</v>
      </c>
      <c r="K8" s="67">
        <v>243</v>
      </c>
      <c r="L8" s="79">
        <v>122</v>
      </c>
      <c r="M8" s="80">
        <v>121</v>
      </c>
    </row>
    <row r="9" spans="1:13">
      <c r="A9" s="15" t="s">
        <v>8</v>
      </c>
      <c r="B9" s="67">
        <v>-41</v>
      </c>
      <c r="C9" s="68">
        <v>-28</v>
      </c>
      <c r="D9" s="68">
        <v>-13</v>
      </c>
      <c r="E9" s="67">
        <v>0</v>
      </c>
      <c r="F9" s="68">
        <v>0</v>
      </c>
      <c r="G9" s="69">
        <v>0</v>
      </c>
      <c r="H9" s="68">
        <v>142</v>
      </c>
      <c r="I9" s="68">
        <v>74</v>
      </c>
      <c r="J9" s="68">
        <v>68</v>
      </c>
      <c r="K9" s="67">
        <v>183</v>
      </c>
      <c r="L9" s="79">
        <v>102</v>
      </c>
      <c r="M9" s="80">
        <v>81</v>
      </c>
    </row>
    <row r="10" spans="1:13">
      <c r="A10" s="15" t="s">
        <v>10</v>
      </c>
      <c r="B10" s="67">
        <v>-43</v>
      </c>
      <c r="C10" s="68">
        <v>-24</v>
      </c>
      <c r="D10" s="68">
        <v>-19</v>
      </c>
      <c r="E10" s="67">
        <v>1</v>
      </c>
      <c r="F10" s="68">
        <v>1</v>
      </c>
      <c r="G10" s="69">
        <v>0</v>
      </c>
      <c r="H10" s="68">
        <v>124</v>
      </c>
      <c r="I10" s="68">
        <v>73</v>
      </c>
      <c r="J10" s="68">
        <v>51</v>
      </c>
      <c r="K10" s="67">
        <v>166</v>
      </c>
      <c r="L10" s="79">
        <v>96</v>
      </c>
      <c r="M10" s="80">
        <v>70</v>
      </c>
    </row>
    <row r="11" spans="1:13">
      <c r="A11" s="15" t="s">
        <v>12</v>
      </c>
      <c r="B11" s="67">
        <v>-12</v>
      </c>
      <c r="C11" s="68">
        <v>-12</v>
      </c>
      <c r="D11" s="68">
        <v>0</v>
      </c>
      <c r="E11" s="67">
        <v>0</v>
      </c>
      <c r="F11" s="68">
        <v>0</v>
      </c>
      <c r="G11" s="69">
        <v>0</v>
      </c>
      <c r="H11" s="68">
        <v>116</v>
      </c>
      <c r="I11" s="68">
        <v>55</v>
      </c>
      <c r="J11" s="68">
        <v>61</v>
      </c>
      <c r="K11" s="67">
        <v>128</v>
      </c>
      <c r="L11" s="79">
        <v>67</v>
      </c>
      <c r="M11" s="80">
        <v>61</v>
      </c>
    </row>
    <row r="12" spans="1:13" ht="21" customHeight="1">
      <c r="A12" s="36" t="s">
        <v>14</v>
      </c>
      <c r="B12" s="64">
        <v>31</v>
      </c>
      <c r="C12" s="65">
        <v>19</v>
      </c>
      <c r="D12" s="65">
        <v>12</v>
      </c>
      <c r="E12" s="64">
        <v>2</v>
      </c>
      <c r="F12" s="65">
        <v>1</v>
      </c>
      <c r="G12" s="66">
        <v>1</v>
      </c>
      <c r="H12" s="65">
        <v>394</v>
      </c>
      <c r="I12" s="65">
        <v>202</v>
      </c>
      <c r="J12" s="65">
        <v>192</v>
      </c>
      <c r="K12" s="64">
        <v>361</v>
      </c>
      <c r="L12" s="77">
        <v>182</v>
      </c>
      <c r="M12" s="78">
        <v>179</v>
      </c>
    </row>
    <row r="13" spans="1:13">
      <c r="A13" s="15" t="s">
        <v>16</v>
      </c>
      <c r="B13" s="67">
        <v>0</v>
      </c>
      <c r="C13" s="68">
        <v>-3</v>
      </c>
      <c r="D13" s="68">
        <v>3</v>
      </c>
      <c r="E13" s="67">
        <v>1</v>
      </c>
      <c r="F13" s="68">
        <v>1</v>
      </c>
      <c r="G13" s="69">
        <v>0</v>
      </c>
      <c r="H13" s="68">
        <v>98</v>
      </c>
      <c r="I13" s="68">
        <v>52</v>
      </c>
      <c r="J13" s="68">
        <v>46</v>
      </c>
      <c r="K13" s="67">
        <v>97</v>
      </c>
      <c r="L13" s="79">
        <v>54</v>
      </c>
      <c r="M13" s="80">
        <v>43</v>
      </c>
    </row>
    <row r="14" spans="1:13">
      <c r="A14" s="15" t="s">
        <v>18</v>
      </c>
      <c r="B14" s="67">
        <v>28</v>
      </c>
      <c r="C14" s="68">
        <v>17</v>
      </c>
      <c r="D14" s="68">
        <v>11</v>
      </c>
      <c r="E14" s="67">
        <v>1</v>
      </c>
      <c r="F14" s="68">
        <v>0</v>
      </c>
      <c r="G14" s="69">
        <v>1</v>
      </c>
      <c r="H14" s="68">
        <v>112</v>
      </c>
      <c r="I14" s="68">
        <v>57</v>
      </c>
      <c r="J14" s="68">
        <v>55</v>
      </c>
      <c r="K14" s="67">
        <v>83</v>
      </c>
      <c r="L14" s="79">
        <v>40</v>
      </c>
      <c r="M14" s="80">
        <v>43</v>
      </c>
    </row>
    <row r="15" spans="1:13">
      <c r="A15" s="15" t="s">
        <v>20</v>
      </c>
      <c r="B15" s="67">
        <v>-4</v>
      </c>
      <c r="C15" s="68">
        <v>-1</v>
      </c>
      <c r="D15" s="68">
        <v>-3</v>
      </c>
      <c r="E15" s="67">
        <v>0</v>
      </c>
      <c r="F15" s="68">
        <v>0</v>
      </c>
      <c r="G15" s="69">
        <v>0</v>
      </c>
      <c r="H15" s="68">
        <v>79</v>
      </c>
      <c r="I15" s="68">
        <v>41</v>
      </c>
      <c r="J15" s="68">
        <v>38</v>
      </c>
      <c r="K15" s="67">
        <v>83</v>
      </c>
      <c r="L15" s="79">
        <v>42</v>
      </c>
      <c r="M15" s="80">
        <v>41</v>
      </c>
    </row>
    <row r="16" spans="1:13">
      <c r="A16" s="15" t="s">
        <v>22</v>
      </c>
      <c r="B16" s="67">
        <v>9</v>
      </c>
      <c r="C16" s="68">
        <v>10</v>
      </c>
      <c r="D16" s="68">
        <v>-1</v>
      </c>
      <c r="E16" s="67">
        <v>0</v>
      </c>
      <c r="F16" s="68">
        <v>0</v>
      </c>
      <c r="G16" s="69">
        <v>0</v>
      </c>
      <c r="H16" s="68">
        <v>60</v>
      </c>
      <c r="I16" s="68">
        <v>30</v>
      </c>
      <c r="J16" s="68">
        <v>30</v>
      </c>
      <c r="K16" s="67">
        <v>51</v>
      </c>
      <c r="L16" s="79">
        <v>20</v>
      </c>
      <c r="M16" s="80">
        <v>31</v>
      </c>
    </row>
    <row r="17" spans="1:13">
      <c r="A17" s="15" t="s">
        <v>24</v>
      </c>
      <c r="B17" s="67">
        <v>-2</v>
      </c>
      <c r="C17" s="68">
        <v>-4</v>
      </c>
      <c r="D17" s="68">
        <v>2</v>
      </c>
      <c r="E17" s="67">
        <v>0</v>
      </c>
      <c r="F17" s="68">
        <v>0</v>
      </c>
      <c r="G17" s="69">
        <v>0</v>
      </c>
      <c r="H17" s="68">
        <v>45</v>
      </c>
      <c r="I17" s="68">
        <v>22</v>
      </c>
      <c r="J17" s="68">
        <v>23</v>
      </c>
      <c r="K17" s="67">
        <v>47</v>
      </c>
      <c r="L17" s="79">
        <v>26</v>
      </c>
      <c r="M17" s="80">
        <v>21</v>
      </c>
    </row>
    <row r="18" spans="1:13" ht="21" customHeight="1">
      <c r="A18" s="36" t="s">
        <v>26</v>
      </c>
      <c r="B18" s="64">
        <v>28</v>
      </c>
      <c r="C18" s="65">
        <v>22</v>
      </c>
      <c r="D18" s="65">
        <v>6</v>
      </c>
      <c r="E18" s="64">
        <v>0</v>
      </c>
      <c r="F18" s="65">
        <v>0</v>
      </c>
      <c r="G18" s="66">
        <v>0</v>
      </c>
      <c r="H18" s="65">
        <v>233</v>
      </c>
      <c r="I18" s="65">
        <v>114</v>
      </c>
      <c r="J18" s="65">
        <v>119</v>
      </c>
      <c r="K18" s="64">
        <v>205</v>
      </c>
      <c r="L18" s="77">
        <v>92</v>
      </c>
      <c r="M18" s="78">
        <v>113</v>
      </c>
    </row>
    <row r="19" spans="1:13">
      <c r="A19" s="15" t="s">
        <v>28</v>
      </c>
      <c r="B19" s="67">
        <v>20</v>
      </c>
      <c r="C19" s="68">
        <v>9</v>
      </c>
      <c r="D19" s="68">
        <v>11</v>
      </c>
      <c r="E19" s="67">
        <v>0</v>
      </c>
      <c r="F19" s="68">
        <v>0</v>
      </c>
      <c r="G19" s="69">
        <v>0</v>
      </c>
      <c r="H19" s="68">
        <v>67</v>
      </c>
      <c r="I19" s="68">
        <v>31</v>
      </c>
      <c r="J19" s="68">
        <v>36</v>
      </c>
      <c r="K19" s="67">
        <v>47</v>
      </c>
      <c r="L19" s="79">
        <v>22</v>
      </c>
      <c r="M19" s="80">
        <v>25</v>
      </c>
    </row>
    <row r="20" spans="1:13">
      <c r="A20" s="15" t="s">
        <v>30</v>
      </c>
      <c r="B20" s="67">
        <v>-6</v>
      </c>
      <c r="C20" s="68">
        <v>5</v>
      </c>
      <c r="D20" s="68">
        <v>-11</v>
      </c>
      <c r="E20" s="67">
        <v>0</v>
      </c>
      <c r="F20" s="68">
        <v>0</v>
      </c>
      <c r="G20" s="69">
        <v>0</v>
      </c>
      <c r="H20" s="68">
        <v>39</v>
      </c>
      <c r="I20" s="68">
        <v>22</v>
      </c>
      <c r="J20" s="68">
        <v>17</v>
      </c>
      <c r="K20" s="67">
        <v>45</v>
      </c>
      <c r="L20" s="79">
        <v>17</v>
      </c>
      <c r="M20" s="80">
        <v>28</v>
      </c>
    </row>
    <row r="21" spans="1:13">
      <c r="A21" s="15" t="s">
        <v>32</v>
      </c>
      <c r="B21" s="67">
        <v>7</v>
      </c>
      <c r="C21" s="68">
        <v>0</v>
      </c>
      <c r="D21" s="68">
        <v>7</v>
      </c>
      <c r="E21" s="67">
        <v>0</v>
      </c>
      <c r="F21" s="68">
        <v>0</v>
      </c>
      <c r="G21" s="69">
        <v>0</v>
      </c>
      <c r="H21" s="68">
        <v>42</v>
      </c>
      <c r="I21" s="68">
        <v>19</v>
      </c>
      <c r="J21" s="68">
        <v>23</v>
      </c>
      <c r="K21" s="67">
        <v>35</v>
      </c>
      <c r="L21" s="79">
        <v>19</v>
      </c>
      <c r="M21" s="80">
        <v>16</v>
      </c>
    </row>
    <row r="22" spans="1:13">
      <c r="A22" s="15" t="s">
        <v>34</v>
      </c>
      <c r="B22" s="67">
        <v>7</v>
      </c>
      <c r="C22" s="68">
        <v>5</v>
      </c>
      <c r="D22" s="68">
        <v>2</v>
      </c>
      <c r="E22" s="67">
        <v>0</v>
      </c>
      <c r="F22" s="68">
        <v>0</v>
      </c>
      <c r="G22" s="69">
        <v>0</v>
      </c>
      <c r="H22" s="68">
        <v>52</v>
      </c>
      <c r="I22" s="68">
        <v>21</v>
      </c>
      <c r="J22" s="68">
        <v>31</v>
      </c>
      <c r="K22" s="67">
        <v>45</v>
      </c>
      <c r="L22" s="79">
        <v>16</v>
      </c>
      <c r="M22" s="80">
        <v>29</v>
      </c>
    </row>
    <row r="23" spans="1:13">
      <c r="A23" s="15" t="s">
        <v>36</v>
      </c>
      <c r="B23" s="67">
        <v>0</v>
      </c>
      <c r="C23" s="68">
        <v>3</v>
      </c>
      <c r="D23" s="68">
        <v>-3</v>
      </c>
      <c r="E23" s="67">
        <v>0</v>
      </c>
      <c r="F23" s="68">
        <v>0</v>
      </c>
      <c r="G23" s="69">
        <v>0</v>
      </c>
      <c r="H23" s="68">
        <v>33</v>
      </c>
      <c r="I23" s="68">
        <v>21</v>
      </c>
      <c r="J23" s="68">
        <v>12</v>
      </c>
      <c r="K23" s="67">
        <v>33</v>
      </c>
      <c r="L23" s="79">
        <v>18</v>
      </c>
      <c r="M23" s="80">
        <v>15</v>
      </c>
    </row>
    <row r="24" spans="1:13" ht="21" customHeight="1">
      <c r="A24" s="36" t="s">
        <v>38</v>
      </c>
      <c r="B24" s="64">
        <v>443</v>
      </c>
      <c r="C24" s="65">
        <v>260</v>
      </c>
      <c r="D24" s="65">
        <v>183</v>
      </c>
      <c r="E24" s="64">
        <v>0</v>
      </c>
      <c r="F24" s="65">
        <v>0</v>
      </c>
      <c r="G24" s="66">
        <v>0</v>
      </c>
      <c r="H24" s="65">
        <v>714</v>
      </c>
      <c r="I24" s="65">
        <v>416</v>
      </c>
      <c r="J24" s="65">
        <v>298</v>
      </c>
      <c r="K24" s="64">
        <v>271</v>
      </c>
      <c r="L24" s="77">
        <v>156</v>
      </c>
      <c r="M24" s="78">
        <v>115</v>
      </c>
    </row>
    <row r="25" spans="1:13">
      <c r="A25" s="15" t="s">
        <v>40</v>
      </c>
      <c r="B25" s="67">
        <v>0</v>
      </c>
      <c r="C25" s="68">
        <v>3</v>
      </c>
      <c r="D25" s="68">
        <v>-3</v>
      </c>
      <c r="E25" s="67">
        <v>0</v>
      </c>
      <c r="F25" s="68">
        <v>0</v>
      </c>
      <c r="G25" s="69">
        <v>0</v>
      </c>
      <c r="H25" s="68">
        <v>35</v>
      </c>
      <c r="I25" s="68">
        <v>20</v>
      </c>
      <c r="J25" s="68">
        <v>15</v>
      </c>
      <c r="K25" s="67">
        <v>35</v>
      </c>
      <c r="L25" s="79">
        <v>17</v>
      </c>
      <c r="M25" s="80">
        <v>18</v>
      </c>
    </row>
    <row r="26" spans="1:13">
      <c r="A26" s="15" t="s">
        <v>42</v>
      </c>
      <c r="B26" s="67">
        <v>4</v>
      </c>
      <c r="C26" s="68">
        <v>3</v>
      </c>
      <c r="D26" s="68">
        <v>1</v>
      </c>
      <c r="E26" s="67">
        <v>0</v>
      </c>
      <c r="F26" s="68">
        <v>0</v>
      </c>
      <c r="G26" s="69">
        <v>0</v>
      </c>
      <c r="H26" s="68">
        <v>49</v>
      </c>
      <c r="I26" s="68">
        <v>24</v>
      </c>
      <c r="J26" s="68">
        <v>25</v>
      </c>
      <c r="K26" s="67">
        <v>45</v>
      </c>
      <c r="L26" s="79">
        <v>21</v>
      </c>
      <c r="M26" s="80">
        <v>24</v>
      </c>
    </row>
    <row r="27" spans="1:13">
      <c r="A27" s="15" t="s">
        <v>44</v>
      </c>
      <c r="B27" s="67">
        <v>14</v>
      </c>
      <c r="C27" s="68">
        <v>2</v>
      </c>
      <c r="D27" s="68">
        <v>12</v>
      </c>
      <c r="E27" s="67">
        <v>0</v>
      </c>
      <c r="F27" s="68">
        <v>0</v>
      </c>
      <c r="G27" s="69">
        <v>0</v>
      </c>
      <c r="H27" s="68">
        <v>41</v>
      </c>
      <c r="I27" s="68">
        <v>15</v>
      </c>
      <c r="J27" s="68">
        <v>26</v>
      </c>
      <c r="K27" s="67">
        <v>27</v>
      </c>
      <c r="L27" s="79">
        <v>13</v>
      </c>
      <c r="M27" s="80">
        <v>14</v>
      </c>
    </row>
    <row r="28" spans="1:13">
      <c r="A28" s="15" t="s">
        <v>46</v>
      </c>
      <c r="B28" s="67">
        <v>89</v>
      </c>
      <c r="C28" s="68">
        <v>49</v>
      </c>
      <c r="D28" s="68">
        <v>40</v>
      </c>
      <c r="E28" s="67">
        <v>0</v>
      </c>
      <c r="F28" s="68">
        <v>0</v>
      </c>
      <c r="G28" s="69">
        <v>0</v>
      </c>
      <c r="H28" s="68">
        <v>147</v>
      </c>
      <c r="I28" s="68">
        <v>85</v>
      </c>
      <c r="J28" s="68">
        <v>62</v>
      </c>
      <c r="K28" s="67">
        <v>58</v>
      </c>
      <c r="L28" s="79">
        <v>36</v>
      </c>
      <c r="M28" s="80">
        <v>22</v>
      </c>
    </row>
    <row r="29" spans="1:13">
      <c r="A29" s="15" t="s">
        <v>48</v>
      </c>
      <c r="B29" s="67">
        <v>336</v>
      </c>
      <c r="C29" s="68">
        <v>203</v>
      </c>
      <c r="D29" s="68">
        <v>133</v>
      </c>
      <c r="E29" s="67">
        <v>0</v>
      </c>
      <c r="F29" s="68">
        <v>0</v>
      </c>
      <c r="G29" s="69">
        <v>0</v>
      </c>
      <c r="H29" s="68">
        <v>442</v>
      </c>
      <c r="I29" s="68">
        <v>272</v>
      </c>
      <c r="J29" s="68">
        <v>170</v>
      </c>
      <c r="K29" s="67">
        <v>106</v>
      </c>
      <c r="L29" s="79">
        <v>69</v>
      </c>
      <c r="M29" s="80">
        <v>37</v>
      </c>
    </row>
    <row r="30" spans="1:13" ht="21" customHeight="1">
      <c r="A30" s="36" t="s">
        <v>50</v>
      </c>
      <c r="B30" s="64">
        <v>1561</v>
      </c>
      <c r="C30" s="65">
        <v>847</v>
      </c>
      <c r="D30" s="65">
        <v>714</v>
      </c>
      <c r="E30" s="64">
        <v>6</v>
      </c>
      <c r="F30" s="65">
        <v>4</v>
      </c>
      <c r="G30" s="66">
        <v>2</v>
      </c>
      <c r="H30" s="65">
        <v>3846</v>
      </c>
      <c r="I30" s="65">
        <v>2037</v>
      </c>
      <c r="J30" s="65">
        <v>1809</v>
      </c>
      <c r="K30" s="64">
        <v>2279</v>
      </c>
      <c r="L30" s="77">
        <v>1186</v>
      </c>
      <c r="M30" s="78">
        <v>1093</v>
      </c>
    </row>
    <row r="31" spans="1:13">
      <c r="A31" s="15" t="s">
        <v>52</v>
      </c>
      <c r="B31" s="67">
        <v>126</v>
      </c>
      <c r="C31" s="68">
        <v>78</v>
      </c>
      <c r="D31" s="68">
        <v>48</v>
      </c>
      <c r="E31" s="67">
        <v>1</v>
      </c>
      <c r="F31" s="68">
        <v>1</v>
      </c>
      <c r="G31" s="69">
        <v>0</v>
      </c>
      <c r="H31" s="68">
        <v>286</v>
      </c>
      <c r="I31" s="68">
        <v>165</v>
      </c>
      <c r="J31" s="68">
        <v>121</v>
      </c>
      <c r="K31" s="67">
        <v>159</v>
      </c>
      <c r="L31" s="79">
        <v>86</v>
      </c>
      <c r="M31" s="80">
        <v>73</v>
      </c>
    </row>
    <row r="32" spans="1:13">
      <c r="A32" s="15" t="s">
        <v>54</v>
      </c>
      <c r="B32" s="67">
        <v>304</v>
      </c>
      <c r="C32" s="68">
        <v>157</v>
      </c>
      <c r="D32" s="68">
        <v>147</v>
      </c>
      <c r="E32" s="67">
        <v>1</v>
      </c>
      <c r="F32" s="68">
        <v>1</v>
      </c>
      <c r="G32" s="69">
        <v>0</v>
      </c>
      <c r="H32" s="68">
        <v>537</v>
      </c>
      <c r="I32" s="68">
        <v>265</v>
      </c>
      <c r="J32" s="68">
        <v>272</v>
      </c>
      <c r="K32" s="67">
        <v>232</v>
      </c>
      <c r="L32" s="79">
        <v>107</v>
      </c>
      <c r="M32" s="80">
        <v>125</v>
      </c>
    </row>
    <row r="33" spans="1:13">
      <c r="A33" s="15" t="s">
        <v>56</v>
      </c>
      <c r="B33" s="67">
        <v>277</v>
      </c>
      <c r="C33" s="68">
        <v>133</v>
      </c>
      <c r="D33" s="68">
        <v>144</v>
      </c>
      <c r="E33" s="67">
        <v>1</v>
      </c>
      <c r="F33" s="68">
        <v>1</v>
      </c>
      <c r="G33" s="69">
        <v>0</v>
      </c>
      <c r="H33" s="68">
        <v>686</v>
      </c>
      <c r="I33" s="68">
        <v>341</v>
      </c>
      <c r="J33" s="68">
        <v>345</v>
      </c>
      <c r="K33" s="67">
        <v>408</v>
      </c>
      <c r="L33" s="79">
        <v>207</v>
      </c>
      <c r="M33" s="80">
        <v>201</v>
      </c>
    </row>
    <row r="34" spans="1:13">
      <c r="A34" s="15" t="s">
        <v>58</v>
      </c>
      <c r="B34" s="67">
        <v>617</v>
      </c>
      <c r="C34" s="68">
        <v>339</v>
      </c>
      <c r="D34" s="68">
        <v>278</v>
      </c>
      <c r="E34" s="67">
        <v>2</v>
      </c>
      <c r="F34" s="68">
        <v>1</v>
      </c>
      <c r="G34" s="69">
        <v>1</v>
      </c>
      <c r="H34" s="68">
        <v>1294</v>
      </c>
      <c r="I34" s="68">
        <v>704</v>
      </c>
      <c r="J34" s="68">
        <v>590</v>
      </c>
      <c r="K34" s="67">
        <v>675</v>
      </c>
      <c r="L34" s="79">
        <v>364</v>
      </c>
      <c r="M34" s="80">
        <v>311</v>
      </c>
    </row>
    <row r="35" spans="1:13">
      <c r="A35" s="15" t="s">
        <v>60</v>
      </c>
      <c r="B35" s="67">
        <v>237</v>
      </c>
      <c r="C35" s="68">
        <v>140</v>
      </c>
      <c r="D35" s="68">
        <v>97</v>
      </c>
      <c r="E35" s="67">
        <v>1</v>
      </c>
      <c r="F35" s="68">
        <v>0</v>
      </c>
      <c r="G35" s="69">
        <v>1</v>
      </c>
      <c r="H35" s="68">
        <v>1043</v>
      </c>
      <c r="I35" s="68">
        <v>562</v>
      </c>
      <c r="J35" s="68">
        <v>481</v>
      </c>
      <c r="K35" s="67">
        <v>805</v>
      </c>
      <c r="L35" s="79">
        <v>422</v>
      </c>
      <c r="M35" s="80">
        <v>383</v>
      </c>
    </row>
    <row r="36" spans="1:13" ht="21" customHeight="1">
      <c r="A36" s="36" t="s">
        <v>62</v>
      </c>
      <c r="B36" s="64">
        <v>367</v>
      </c>
      <c r="C36" s="65">
        <v>217</v>
      </c>
      <c r="D36" s="65">
        <v>150</v>
      </c>
      <c r="E36" s="64">
        <v>10</v>
      </c>
      <c r="F36" s="65">
        <v>7</v>
      </c>
      <c r="G36" s="66">
        <v>3</v>
      </c>
      <c r="H36" s="65">
        <v>4775</v>
      </c>
      <c r="I36" s="65">
        <v>2574</v>
      </c>
      <c r="J36" s="65">
        <v>2201</v>
      </c>
      <c r="K36" s="64">
        <v>4398</v>
      </c>
      <c r="L36" s="77">
        <v>2350</v>
      </c>
      <c r="M36" s="78">
        <v>2048</v>
      </c>
    </row>
    <row r="37" spans="1:13">
      <c r="A37" s="15" t="s">
        <v>64</v>
      </c>
      <c r="B37" s="67">
        <v>267</v>
      </c>
      <c r="C37" s="68">
        <v>188</v>
      </c>
      <c r="D37" s="68">
        <v>79</v>
      </c>
      <c r="E37" s="67">
        <v>2</v>
      </c>
      <c r="F37" s="68">
        <v>2</v>
      </c>
      <c r="G37" s="69">
        <v>0</v>
      </c>
      <c r="H37" s="68">
        <v>1165</v>
      </c>
      <c r="I37" s="68">
        <v>653</v>
      </c>
      <c r="J37" s="68">
        <v>512</v>
      </c>
      <c r="K37" s="67">
        <v>896</v>
      </c>
      <c r="L37" s="79">
        <v>463</v>
      </c>
      <c r="M37" s="80">
        <v>433</v>
      </c>
    </row>
    <row r="38" spans="1:13">
      <c r="A38" s="15" t="s">
        <v>66</v>
      </c>
      <c r="B38" s="67">
        <v>153</v>
      </c>
      <c r="C38" s="68">
        <v>74</v>
      </c>
      <c r="D38" s="68">
        <v>79</v>
      </c>
      <c r="E38" s="67">
        <v>6</v>
      </c>
      <c r="F38" s="68">
        <v>4</v>
      </c>
      <c r="G38" s="69">
        <v>2</v>
      </c>
      <c r="H38" s="68">
        <v>1106</v>
      </c>
      <c r="I38" s="68">
        <v>582</v>
      </c>
      <c r="J38" s="68">
        <v>524</v>
      </c>
      <c r="K38" s="67">
        <v>947</v>
      </c>
      <c r="L38" s="79">
        <v>504</v>
      </c>
      <c r="M38" s="80">
        <v>443</v>
      </c>
    </row>
    <row r="39" spans="1:13">
      <c r="A39" s="15" t="s">
        <v>68</v>
      </c>
      <c r="B39" s="67">
        <v>21</v>
      </c>
      <c r="C39" s="68">
        <v>-4</v>
      </c>
      <c r="D39" s="68">
        <v>25</v>
      </c>
      <c r="E39" s="67">
        <v>0</v>
      </c>
      <c r="F39" s="68">
        <v>0</v>
      </c>
      <c r="G39" s="69">
        <v>0</v>
      </c>
      <c r="H39" s="68">
        <v>901</v>
      </c>
      <c r="I39" s="68">
        <v>493</v>
      </c>
      <c r="J39" s="68">
        <v>408</v>
      </c>
      <c r="K39" s="67">
        <v>880</v>
      </c>
      <c r="L39" s="79">
        <v>497</v>
      </c>
      <c r="M39" s="80">
        <v>383</v>
      </c>
    </row>
    <row r="40" spans="1:13">
      <c r="A40" s="15" t="s">
        <v>70</v>
      </c>
      <c r="B40" s="67">
        <v>-5</v>
      </c>
      <c r="C40" s="68">
        <v>7</v>
      </c>
      <c r="D40" s="68">
        <v>-12</v>
      </c>
      <c r="E40" s="67">
        <v>1</v>
      </c>
      <c r="F40" s="68">
        <v>1</v>
      </c>
      <c r="G40" s="69">
        <v>0</v>
      </c>
      <c r="H40" s="68">
        <v>862</v>
      </c>
      <c r="I40" s="68">
        <v>461</v>
      </c>
      <c r="J40" s="68">
        <v>401</v>
      </c>
      <c r="K40" s="67">
        <v>866</v>
      </c>
      <c r="L40" s="79">
        <v>453</v>
      </c>
      <c r="M40" s="80">
        <v>413</v>
      </c>
    </row>
    <row r="41" spans="1:13">
      <c r="A41" s="15" t="s">
        <v>72</v>
      </c>
      <c r="B41" s="67">
        <v>-69</v>
      </c>
      <c r="C41" s="68">
        <v>-48</v>
      </c>
      <c r="D41" s="68">
        <v>-21</v>
      </c>
      <c r="E41" s="67">
        <v>1</v>
      </c>
      <c r="F41" s="68">
        <v>0</v>
      </c>
      <c r="G41" s="69">
        <v>1</v>
      </c>
      <c r="H41" s="68">
        <v>741</v>
      </c>
      <c r="I41" s="68">
        <v>385</v>
      </c>
      <c r="J41" s="68">
        <v>356</v>
      </c>
      <c r="K41" s="67">
        <v>809</v>
      </c>
      <c r="L41" s="79">
        <v>433</v>
      </c>
      <c r="M41" s="80">
        <v>376</v>
      </c>
    </row>
    <row r="42" spans="1:13" ht="21" customHeight="1">
      <c r="A42" s="36" t="s">
        <v>74</v>
      </c>
      <c r="B42" s="64">
        <v>-134</v>
      </c>
      <c r="C42" s="65">
        <v>-86</v>
      </c>
      <c r="D42" s="65">
        <v>-48</v>
      </c>
      <c r="E42" s="64">
        <v>6</v>
      </c>
      <c r="F42" s="65">
        <v>3</v>
      </c>
      <c r="G42" s="66">
        <v>3</v>
      </c>
      <c r="H42" s="65">
        <v>2721</v>
      </c>
      <c r="I42" s="65">
        <v>1449</v>
      </c>
      <c r="J42" s="65">
        <v>1272</v>
      </c>
      <c r="K42" s="64">
        <v>2849</v>
      </c>
      <c r="L42" s="77">
        <v>1532</v>
      </c>
      <c r="M42" s="78">
        <v>1317</v>
      </c>
    </row>
    <row r="43" spans="1:13">
      <c r="A43" s="15" t="s">
        <v>76</v>
      </c>
      <c r="B43" s="67">
        <v>3</v>
      </c>
      <c r="C43" s="68">
        <v>12</v>
      </c>
      <c r="D43" s="68">
        <v>-9</v>
      </c>
      <c r="E43" s="67">
        <v>1</v>
      </c>
      <c r="F43" s="68">
        <v>0</v>
      </c>
      <c r="G43" s="69">
        <v>1</v>
      </c>
      <c r="H43" s="68">
        <v>731</v>
      </c>
      <c r="I43" s="68">
        <v>405</v>
      </c>
      <c r="J43" s="68">
        <v>326</v>
      </c>
      <c r="K43" s="67">
        <v>727</v>
      </c>
      <c r="L43" s="79">
        <v>393</v>
      </c>
      <c r="M43" s="80">
        <v>334</v>
      </c>
    </row>
    <row r="44" spans="1:13">
      <c r="A44" s="15" t="s">
        <v>78</v>
      </c>
      <c r="B44" s="67">
        <v>-44</v>
      </c>
      <c r="C44" s="68">
        <v>-21</v>
      </c>
      <c r="D44" s="68">
        <v>-23</v>
      </c>
      <c r="E44" s="67">
        <v>0</v>
      </c>
      <c r="F44" s="68">
        <v>0</v>
      </c>
      <c r="G44" s="69">
        <v>0</v>
      </c>
      <c r="H44" s="68">
        <v>570</v>
      </c>
      <c r="I44" s="68">
        <v>303</v>
      </c>
      <c r="J44" s="68">
        <v>267</v>
      </c>
      <c r="K44" s="67">
        <v>614</v>
      </c>
      <c r="L44" s="79">
        <v>324</v>
      </c>
      <c r="M44" s="80">
        <v>290</v>
      </c>
    </row>
    <row r="45" spans="1:13">
      <c r="A45" s="15" t="s">
        <v>80</v>
      </c>
      <c r="B45" s="67">
        <v>-48</v>
      </c>
      <c r="C45" s="68">
        <v>-35</v>
      </c>
      <c r="D45" s="68">
        <v>-13</v>
      </c>
      <c r="E45" s="67">
        <v>1</v>
      </c>
      <c r="F45" s="68">
        <v>1</v>
      </c>
      <c r="G45" s="69">
        <v>0</v>
      </c>
      <c r="H45" s="68">
        <v>523</v>
      </c>
      <c r="I45" s="68">
        <v>278</v>
      </c>
      <c r="J45" s="68">
        <v>245</v>
      </c>
      <c r="K45" s="67">
        <v>570</v>
      </c>
      <c r="L45" s="79">
        <v>312</v>
      </c>
      <c r="M45" s="80">
        <v>258</v>
      </c>
    </row>
    <row r="46" spans="1:13">
      <c r="A46" s="15" t="s">
        <v>82</v>
      </c>
      <c r="B46" s="67">
        <v>-49</v>
      </c>
      <c r="C46" s="68">
        <v>-56</v>
      </c>
      <c r="D46" s="68">
        <v>7</v>
      </c>
      <c r="E46" s="67">
        <v>2</v>
      </c>
      <c r="F46" s="68">
        <v>0</v>
      </c>
      <c r="G46" s="69">
        <v>2</v>
      </c>
      <c r="H46" s="68">
        <v>455</v>
      </c>
      <c r="I46" s="68">
        <v>222</v>
      </c>
      <c r="J46" s="68">
        <v>233</v>
      </c>
      <c r="K46" s="67">
        <v>502</v>
      </c>
      <c r="L46" s="79">
        <v>278</v>
      </c>
      <c r="M46" s="80">
        <v>224</v>
      </c>
    </row>
    <row r="47" spans="1:13">
      <c r="A47" s="15" t="s">
        <v>84</v>
      </c>
      <c r="B47" s="67">
        <v>4</v>
      </c>
      <c r="C47" s="68">
        <v>14</v>
      </c>
      <c r="D47" s="68">
        <v>-10</v>
      </c>
      <c r="E47" s="67">
        <v>2</v>
      </c>
      <c r="F47" s="68">
        <v>2</v>
      </c>
      <c r="G47" s="69">
        <v>0</v>
      </c>
      <c r="H47" s="68">
        <v>442</v>
      </c>
      <c r="I47" s="68">
        <v>241</v>
      </c>
      <c r="J47" s="68">
        <v>201</v>
      </c>
      <c r="K47" s="67">
        <v>436</v>
      </c>
      <c r="L47" s="79">
        <v>225</v>
      </c>
      <c r="M47" s="80">
        <v>211</v>
      </c>
    </row>
    <row r="48" spans="1:13" ht="21" customHeight="1">
      <c r="A48" s="36" t="s">
        <v>86</v>
      </c>
      <c r="B48" s="64">
        <v>-3</v>
      </c>
      <c r="C48" s="65">
        <v>-29</v>
      </c>
      <c r="D48" s="65">
        <v>26</v>
      </c>
      <c r="E48" s="64">
        <v>9</v>
      </c>
      <c r="F48" s="65">
        <v>4</v>
      </c>
      <c r="G48" s="66">
        <v>5</v>
      </c>
      <c r="H48" s="65">
        <v>1684</v>
      </c>
      <c r="I48" s="65">
        <v>920</v>
      </c>
      <c r="J48" s="65">
        <v>764</v>
      </c>
      <c r="K48" s="64">
        <v>1678</v>
      </c>
      <c r="L48" s="77">
        <v>945</v>
      </c>
      <c r="M48" s="78">
        <v>733</v>
      </c>
    </row>
    <row r="49" spans="1:13">
      <c r="A49" s="15" t="s">
        <v>88</v>
      </c>
      <c r="B49" s="67">
        <v>-6</v>
      </c>
      <c r="C49" s="68">
        <v>-5</v>
      </c>
      <c r="D49" s="68">
        <v>-1</v>
      </c>
      <c r="E49" s="67">
        <v>0</v>
      </c>
      <c r="F49" s="68">
        <v>0</v>
      </c>
      <c r="G49" s="69">
        <v>0</v>
      </c>
      <c r="H49" s="68">
        <v>389</v>
      </c>
      <c r="I49" s="68">
        <v>199</v>
      </c>
      <c r="J49" s="68">
        <v>190</v>
      </c>
      <c r="K49" s="67">
        <v>395</v>
      </c>
      <c r="L49" s="79">
        <v>204</v>
      </c>
      <c r="M49" s="80">
        <v>191</v>
      </c>
    </row>
    <row r="50" spans="1:13">
      <c r="A50" s="15" t="s">
        <v>90</v>
      </c>
      <c r="B50" s="67">
        <v>1</v>
      </c>
      <c r="C50" s="68">
        <v>-12</v>
      </c>
      <c r="D50" s="68">
        <v>13</v>
      </c>
      <c r="E50" s="67">
        <v>2</v>
      </c>
      <c r="F50" s="68">
        <v>0</v>
      </c>
      <c r="G50" s="69">
        <v>2</v>
      </c>
      <c r="H50" s="68">
        <v>368</v>
      </c>
      <c r="I50" s="68">
        <v>193</v>
      </c>
      <c r="J50" s="68">
        <v>175</v>
      </c>
      <c r="K50" s="67">
        <v>365</v>
      </c>
      <c r="L50" s="79">
        <v>205</v>
      </c>
      <c r="M50" s="80">
        <v>160</v>
      </c>
    </row>
    <row r="51" spans="1:13">
      <c r="A51" s="15" t="s">
        <v>92</v>
      </c>
      <c r="B51" s="67">
        <v>-8</v>
      </c>
      <c r="C51" s="68">
        <v>-2</v>
      </c>
      <c r="D51" s="68">
        <v>-6</v>
      </c>
      <c r="E51" s="67">
        <v>1</v>
      </c>
      <c r="F51" s="68">
        <v>1</v>
      </c>
      <c r="G51" s="69">
        <v>0</v>
      </c>
      <c r="H51" s="68">
        <v>321</v>
      </c>
      <c r="I51" s="68">
        <v>183</v>
      </c>
      <c r="J51" s="68">
        <v>138</v>
      </c>
      <c r="K51" s="67">
        <v>328</v>
      </c>
      <c r="L51" s="79">
        <v>184</v>
      </c>
      <c r="M51" s="80">
        <v>144</v>
      </c>
    </row>
    <row r="52" spans="1:13">
      <c r="A52" s="15" t="s">
        <v>94</v>
      </c>
      <c r="B52" s="67">
        <v>-13</v>
      </c>
      <c r="C52" s="68">
        <v>-15</v>
      </c>
      <c r="D52" s="68">
        <v>2</v>
      </c>
      <c r="E52" s="67">
        <v>4</v>
      </c>
      <c r="F52" s="68">
        <v>3</v>
      </c>
      <c r="G52" s="69">
        <v>1</v>
      </c>
      <c r="H52" s="68">
        <v>311</v>
      </c>
      <c r="I52" s="68">
        <v>182</v>
      </c>
      <c r="J52" s="68">
        <v>129</v>
      </c>
      <c r="K52" s="67">
        <v>320</v>
      </c>
      <c r="L52" s="79">
        <v>194</v>
      </c>
      <c r="M52" s="80">
        <v>126</v>
      </c>
    </row>
    <row r="53" spans="1:13">
      <c r="A53" s="15" t="s">
        <v>96</v>
      </c>
      <c r="B53" s="67">
        <v>23</v>
      </c>
      <c r="C53" s="68">
        <v>5</v>
      </c>
      <c r="D53" s="68">
        <v>18</v>
      </c>
      <c r="E53" s="67">
        <v>2</v>
      </c>
      <c r="F53" s="68">
        <v>0</v>
      </c>
      <c r="G53" s="69">
        <v>2</v>
      </c>
      <c r="H53" s="68">
        <v>295</v>
      </c>
      <c r="I53" s="68">
        <v>163</v>
      </c>
      <c r="J53" s="68">
        <v>132</v>
      </c>
      <c r="K53" s="67">
        <v>270</v>
      </c>
      <c r="L53" s="79">
        <v>158</v>
      </c>
      <c r="M53" s="80">
        <v>112</v>
      </c>
    </row>
    <row r="54" spans="1:13" ht="21" customHeight="1">
      <c r="A54" s="36" t="s">
        <v>98</v>
      </c>
      <c r="B54" s="64">
        <v>21</v>
      </c>
      <c r="C54" s="65">
        <v>23</v>
      </c>
      <c r="D54" s="65">
        <v>-2</v>
      </c>
      <c r="E54" s="64">
        <v>11</v>
      </c>
      <c r="F54" s="65">
        <v>6</v>
      </c>
      <c r="G54" s="66">
        <v>5</v>
      </c>
      <c r="H54" s="65">
        <v>1007</v>
      </c>
      <c r="I54" s="65">
        <v>595</v>
      </c>
      <c r="J54" s="65">
        <v>412</v>
      </c>
      <c r="K54" s="64">
        <v>975</v>
      </c>
      <c r="L54" s="77">
        <v>566</v>
      </c>
      <c r="M54" s="78">
        <v>409</v>
      </c>
    </row>
    <row r="55" spans="1:13">
      <c r="A55" s="15" t="s">
        <v>100</v>
      </c>
      <c r="B55" s="67">
        <v>9</v>
      </c>
      <c r="C55" s="68">
        <v>22</v>
      </c>
      <c r="D55" s="68">
        <v>-13</v>
      </c>
      <c r="E55" s="67">
        <v>2</v>
      </c>
      <c r="F55" s="68">
        <v>2</v>
      </c>
      <c r="G55" s="69">
        <v>0</v>
      </c>
      <c r="H55" s="68">
        <v>235</v>
      </c>
      <c r="I55" s="68">
        <v>151</v>
      </c>
      <c r="J55" s="68">
        <v>84</v>
      </c>
      <c r="K55" s="67">
        <v>224</v>
      </c>
      <c r="L55" s="79">
        <v>127</v>
      </c>
      <c r="M55" s="80">
        <v>97</v>
      </c>
    </row>
    <row r="56" spans="1:13">
      <c r="A56" s="15" t="s">
        <v>102</v>
      </c>
      <c r="B56" s="67">
        <v>15</v>
      </c>
      <c r="C56" s="68">
        <v>13</v>
      </c>
      <c r="D56" s="68">
        <v>2</v>
      </c>
      <c r="E56" s="67">
        <v>3</v>
      </c>
      <c r="F56" s="68">
        <v>2</v>
      </c>
      <c r="G56" s="69">
        <v>1</v>
      </c>
      <c r="H56" s="68">
        <v>221</v>
      </c>
      <c r="I56" s="68">
        <v>126</v>
      </c>
      <c r="J56" s="68">
        <v>95</v>
      </c>
      <c r="K56" s="67">
        <v>203</v>
      </c>
      <c r="L56" s="79">
        <v>111</v>
      </c>
      <c r="M56" s="80">
        <v>92</v>
      </c>
    </row>
    <row r="57" spans="1:13">
      <c r="A57" s="15" t="s">
        <v>104</v>
      </c>
      <c r="B57" s="67">
        <v>15</v>
      </c>
      <c r="C57" s="68">
        <v>7</v>
      </c>
      <c r="D57" s="68">
        <v>8</v>
      </c>
      <c r="E57" s="67">
        <v>2</v>
      </c>
      <c r="F57" s="68">
        <v>1</v>
      </c>
      <c r="G57" s="69">
        <v>1</v>
      </c>
      <c r="H57" s="68">
        <v>210</v>
      </c>
      <c r="I57" s="68">
        <v>123</v>
      </c>
      <c r="J57" s="68">
        <v>87</v>
      </c>
      <c r="K57" s="67">
        <v>193</v>
      </c>
      <c r="L57" s="79">
        <v>115</v>
      </c>
      <c r="M57" s="80">
        <v>78</v>
      </c>
    </row>
    <row r="58" spans="1:13">
      <c r="A58" s="15" t="s">
        <v>106</v>
      </c>
      <c r="B58" s="67">
        <v>2</v>
      </c>
      <c r="C58" s="68">
        <v>-4</v>
      </c>
      <c r="D58" s="68">
        <v>6</v>
      </c>
      <c r="E58" s="67">
        <v>1</v>
      </c>
      <c r="F58" s="68">
        <v>0</v>
      </c>
      <c r="G58" s="69">
        <v>1</v>
      </c>
      <c r="H58" s="68">
        <v>181</v>
      </c>
      <c r="I58" s="68">
        <v>104</v>
      </c>
      <c r="J58" s="68">
        <v>77</v>
      </c>
      <c r="K58" s="67">
        <v>178</v>
      </c>
      <c r="L58" s="79">
        <v>108</v>
      </c>
      <c r="M58" s="80">
        <v>70</v>
      </c>
    </row>
    <row r="59" spans="1:13">
      <c r="A59" s="15" t="s">
        <v>108</v>
      </c>
      <c r="B59" s="67">
        <v>-20</v>
      </c>
      <c r="C59" s="68">
        <v>-15</v>
      </c>
      <c r="D59" s="68">
        <v>-5</v>
      </c>
      <c r="E59" s="67">
        <v>3</v>
      </c>
      <c r="F59" s="68">
        <v>1</v>
      </c>
      <c r="G59" s="69">
        <v>2</v>
      </c>
      <c r="H59" s="68">
        <v>160</v>
      </c>
      <c r="I59" s="68">
        <v>91</v>
      </c>
      <c r="J59" s="68">
        <v>69</v>
      </c>
      <c r="K59" s="67">
        <v>177</v>
      </c>
      <c r="L59" s="79">
        <v>105</v>
      </c>
      <c r="M59" s="80">
        <v>72</v>
      </c>
    </row>
    <row r="60" spans="1:13" ht="21" customHeight="1">
      <c r="A60" s="36" t="s">
        <v>110</v>
      </c>
      <c r="B60" s="64">
        <v>38</v>
      </c>
      <c r="C60" s="65">
        <v>-20</v>
      </c>
      <c r="D60" s="65">
        <v>58</v>
      </c>
      <c r="E60" s="64">
        <v>17</v>
      </c>
      <c r="F60" s="65">
        <v>8</v>
      </c>
      <c r="G60" s="66">
        <v>9</v>
      </c>
      <c r="H60" s="65">
        <v>794</v>
      </c>
      <c r="I60" s="65">
        <v>428</v>
      </c>
      <c r="J60" s="65">
        <v>366</v>
      </c>
      <c r="K60" s="64">
        <v>739</v>
      </c>
      <c r="L60" s="77">
        <v>440</v>
      </c>
      <c r="M60" s="78">
        <v>299</v>
      </c>
    </row>
    <row r="61" spans="1:13">
      <c r="A61" s="15" t="s">
        <v>112</v>
      </c>
      <c r="B61" s="67">
        <v>14</v>
      </c>
      <c r="C61" s="68">
        <v>-1</v>
      </c>
      <c r="D61" s="68">
        <v>15</v>
      </c>
      <c r="E61" s="67">
        <v>2</v>
      </c>
      <c r="F61" s="68">
        <v>1</v>
      </c>
      <c r="G61" s="69">
        <v>1</v>
      </c>
      <c r="H61" s="68">
        <v>166</v>
      </c>
      <c r="I61" s="68">
        <v>88</v>
      </c>
      <c r="J61" s="68">
        <v>78</v>
      </c>
      <c r="K61" s="67">
        <v>150</v>
      </c>
      <c r="L61" s="79">
        <v>88</v>
      </c>
      <c r="M61" s="80">
        <v>62</v>
      </c>
    </row>
    <row r="62" spans="1:13">
      <c r="A62" s="15" t="s">
        <v>114</v>
      </c>
      <c r="B62" s="67">
        <v>12</v>
      </c>
      <c r="C62" s="68">
        <v>8</v>
      </c>
      <c r="D62" s="68">
        <v>4</v>
      </c>
      <c r="E62" s="67">
        <v>4</v>
      </c>
      <c r="F62" s="68">
        <v>2</v>
      </c>
      <c r="G62" s="69">
        <v>2</v>
      </c>
      <c r="H62" s="68">
        <v>165</v>
      </c>
      <c r="I62" s="68">
        <v>102</v>
      </c>
      <c r="J62" s="68">
        <v>63</v>
      </c>
      <c r="K62" s="67">
        <v>149</v>
      </c>
      <c r="L62" s="79">
        <v>92</v>
      </c>
      <c r="M62" s="80">
        <v>57</v>
      </c>
    </row>
    <row r="63" spans="1:13">
      <c r="A63" s="15" t="s">
        <v>116</v>
      </c>
      <c r="B63" s="67">
        <v>0</v>
      </c>
      <c r="C63" s="68">
        <v>-20</v>
      </c>
      <c r="D63" s="68">
        <v>20</v>
      </c>
      <c r="E63" s="67">
        <v>2</v>
      </c>
      <c r="F63" s="68">
        <v>1</v>
      </c>
      <c r="G63" s="69">
        <v>1</v>
      </c>
      <c r="H63" s="68">
        <v>149</v>
      </c>
      <c r="I63" s="68">
        <v>77</v>
      </c>
      <c r="J63" s="68">
        <v>72</v>
      </c>
      <c r="K63" s="67">
        <v>147</v>
      </c>
      <c r="L63" s="79">
        <v>96</v>
      </c>
      <c r="M63" s="80">
        <v>51</v>
      </c>
    </row>
    <row r="64" spans="1:13">
      <c r="A64" s="15" t="s">
        <v>118</v>
      </c>
      <c r="B64" s="67">
        <v>3</v>
      </c>
      <c r="C64" s="68">
        <v>0</v>
      </c>
      <c r="D64" s="68">
        <v>3</v>
      </c>
      <c r="E64" s="67">
        <v>7</v>
      </c>
      <c r="F64" s="68">
        <v>4</v>
      </c>
      <c r="G64" s="69">
        <v>3</v>
      </c>
      <c r="H64" s="68">
        <v>154</v>
      </c>
      <c r="I64" s="68">
        <v>84</v>
      </c>
      <c r="J64" s="68">
        <v>70</v>
      </c>
      <c r="K64" s="67">
        <v>144</v>
      </c>
      <c r="L64" s="79">
        <v>80</v>
      </c>
      <c r="M64" s="80">
        <v>64</v>
      </c>
    </row>
    <row r="65" spans="1:13">
      <c r="A65" s="19" t="s">
        <v>120</v>
      </c>
      <c r="B65" s="70">
        <v>9</v>
      </c>
      <c r="C65" s="71">
        <v>-7</v>
      </c>
      <c r="D65" s="71">
        <v>16</v>
      </c>
      <c r="E65" s="70">
        <v>2</v>
      </c>
      <c r="F65" s="71">
        <v>0</v>
      </c>
      <c r="G65" s="72">
        <v>2</v>
      </c>
      <c r="H65" s="71">
        <v>160</v>
      </c>
      <c r="I65" s="71">
        <v>77</v>
      </c>
      <c r="J65" s="71">
        <v>83</v>
      </c>
      <c r="K65" s="70">
        <v>149</v>
      </c>
      <c r="L65" s="81">
        <v>84</v>
      </c>
      <c r="M65" s="82">
        <v>6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736</v>
      </c>
      <c r="C69" s="50">
        <v>887</v>
      </c>
      <c r="D69" s="84">
        <v>849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8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50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-35</v>
      </c>
      <c r="C75" s="65">
        <v>-29</v>
      </c>
      <c r="D75" s="65">
        <v>-6</v>
      </c>
      <c r="E75" s="64">
        <v>35</v>
      </c>
      <c r="F75" s="65">
        <v>19</v>
      </c>
      <c r="G75" s="66">
        <v>16</v>
      </c>
      <c r="H75" s="65">
        <v>599</v>
      </c>
      <c r="I75" s="65">
        <v>339</v>
      </c>
      <c r="J75" s="65">
        <v>260</v>
      </c>
      <c r="K75" s="64">
        <v>599</v>
      </c>
      <c r="L75" s="77">
        <v>349</v>
      </c>
      <c r="M75" s="78">
        <v>250</v>
      </c>
    </row>
    <row r="76" spans="1:13">
      <c r="A76" s="27" t="s">
        <v>5</v>
      </c>
      <c r="B76" s="67">
        <v>-17</v>
      </c>
      <c r="C76" s="68">
        <v>-12</v>
      </c>
      <c r="D76" s="68">
        <v>-5</v>
      </c>
      <c r="E76" s="67">
        <v>5</v>
      </c>
      <c r="F76" s="68">
        <v>3</v>
      </c>
      <c r="G76" s="69">
        <v>2</v>
      </c>
      <c r="H76" s="68">
        <v>137</v>
      </c>
      <c r="I76" s="68">
        <v>73</v>
      </c>
      <c r="J76" s="68">
        <v>64</v>
      </c>
      <c r="K76" s="67">
        <v>149</v>
      </c>
      <c r="L76" s="79">
        <v>82</v>
      </c>
      <c r="M76" s="80">
        <v>67</v>
      </c>
    </row>
    <row r="77" spans="1:13">
      <c r="A77" s="27" t="s">
        <v>7</v>
      </c>
      <c r="B77" s="67">
        <v>-7</v>
      </c>
      <c r="C77" s="68">
        <v>-12</v>
      </c>
      <c r="D77" s="68">
        <v>5</v>
      </c>
      <c r="E77" s="67">
        <v>5</v>
      </c>
      <c r="F77" s="68">
        <v>4</v>
      </c>
      <c r="G77" s="69">
        <v>1</v>
      </c>
      <c r="H77" s="68">
        <v>115</v>
      </c>
      <c r="I77" s="68">
        <v>58</v>
      </c>
      <c r="J77" s="68">
        <v>57</v>
      </c>
      <c r="K77" s="67">
        <v>117</v>
      </c>
      <c r="L77" s="79">
        <v>66</v>
      </c>
      <c r="M77" s="80">
        <v>51</v>
      </c>
    </row>
    <row r="78" spans="1:13">
      <c r="A78" s="27" t="s">
        <v>9</v>
      </c>
      <c r="B78" s="67">
        <v>-9</v>
      </c>
      <c r="C78" s="68">
        <v>-7</v>
      </c>
      <c r="D78" s="68">
        <v>-2</v>
      </c>
      <c r="E78" s="67">
        <v>9</v>
      </c>
      <c r="F78" s="68">
        <v>5</v>
      </c>
      <c r="G78" s="69">
        <v>4</v>
      </c>
      <c r="H78" s="68">
        <v>119</v>
      </c>
      <c r="I78" s="68">
        <v>77</v>
      </c>
      <c r="J78" s="68">
        <v>42</v>
      </c>
      <c r="K78" s="67">
        <v>119</v>
      </c>
      <c r="L78" s="79">
        <v>79</v>
      </c>
      <c r="M78" s="80">
        <v>40</v>
      </c>
    </row>
    <row r="79" spans="1:13">
      <c r="A79" s="27" t="s">
        <v>11</v>
      </c>
      <c r="B79" s="67">
        <v>-2</v>
      </c>
      <c r="C79" s="68">
        <v>3</v>
      </c>
      <c r="D79" s="68">
        <v>-5</v>
      </c>
      <c r="E79" s="67">
        <v>10</v>
      </c>
      <c r="F79" s="68">
        <v>6</v>
      </c>
      <c r="G79" s="69">
        <v>4</v>
      </c>
      <c r="H79" s="68">
        <v>120</v>
      </c>
      <c r="I79" s="68">
        <v>70</v>
      </c>
      <c r="J79" s="68">
        <v>50</v>
      </c>
      <c r="K79" s="67">
        <v>112</v>
      </c>
      <c r="L79" s="79">
        <v>61</v>
      </c>
      <c r="M79" s="80">
        <v>51</v>
      </c>
    </row>
    <row r="80" spans="1:13">
      <c r="A80" s="27" t="s">
        <v>13</v>
      </c>
      <c r="B80" s="67">
        <v>0</v>
      </c>
      <c r="C80" s="68">
        <v>-1</v>
      </c>
      <c r="D80" s="68">
        <v>1</v>
      </c>
      <c r="E80" s="67">
        <v>6</v>
      </c>
      <c r="F80" s="68">
        <v>1</v>
      </c>
      <c r="G80" s="69">
        <v>5</v>
      </c>
      <c r="H80" s="68">
        <v>108</v>
      </c>
      <c r="I80" s="68">
        <v>61</v>
      </c>
      <c r="J80" s="68">
        <v>47</v>
      </c>
      <c r="K80" s="67">
        <v>102</v>
      </c>
      <c r="L80" s="79">
        <v>61</v>
      </c>
      <c r="M80" s="80">
        <v>41</v>
      </c>
    </row>
    <row r="81" spans="1:13" ht="21" customHeight="1">
      <c r="A81" s="38" t="s">
        <v>15</v>
      </c>
      <c r="B81" s="64">
        <v>-38</v>
      </c>
      <c r="C81" s="65">
        <v>-45</v>
      </c>
      <c r="D81" s="65">
        <v>7</v>
      </c>
      <c r="E81" s="64">
        <v>52</v>
      </c>
      <c r="F81" s="65">
        <v>39</v>
      </c>
      <c r="G81" s="66">
        <v>13</v>
      </c>
      <c r="H81" s="65">
        <v>442</v>
      </c>
      <c r="I81" s="65">
        <v>249</v>
      </c>
      <c r="J81" s="65">
        <v>193</v>
      </c>
      <c r="K81" s="64">
        <v>428</v>
      </c>
      <c r="L81" s="77">
        <v>255</v>
      </c>
      <c r="M81" s="78">
        <v>173</v>
      </c>
    </row>
    <row r="82" spans="1:13">
      <c r="A82" s="27" t="s">
        <v>17</v>
      </c>
      <c r="B82" s="67">
        <v>3</v>
      </c>
      <c r="C82" s="68">
        <v>-1</v>
      </c>
      <c r="D82" s="68">
        <v>4</v>
      </c>
      <c r="E82" s="67">
        <v>12</v>
      </c>
      <c r="F82" s="68">
        <v>6</v>
      </c>
      <c r="G82" s="69">
        <v>6</v>
      </c>
      <c r="H82" s="68">
        <v>118</v>
      </c>
      <c r="I82" s="68">
        <v>69</v>
      </c>
      <c r="J82" s="68">
        <v>49</v>
      </c>
      <c r="K82" s="67">
        <v>103</v>
      </c>
      <c r="L82" s="79">
        <v>64</v>
      </c>
      <c r="M82" s="80">
        <v>39</v>
      </c>
    </row>
    <row r="83" spans="1:13">
      <c r="A83" s="27" t="s">
        <v>19</v>
      </c>
      <c r="B83" s="67">
        <v>-6</v>
      </c>
      <c r="C83" s="68">
        <v>-13</v>
      </c>
      <c r="D83" s="68">
        <v>7</v>
      </c>
      <c r="E83" s="67">
        <v>4</v>
      </c>
      <c r="F83" s="68">
        <v>3</v>
      </c>
      <c r="G83" s="69">
        <v>1</v>
      </c>
      <c r="H83" s="68">
        <v>65</v>
      </c>
      <c r="I83" s="68">
        <v>28</v>
      </c>
      <c r="J83" s="68">
        <v>37</v>
      </c>
      <c r="K83" s="67">
        <v>67</v>
      </c>
      <c r="L83" s="79">
        <v>38</v>
      </c>
      <c r="M83" s="80">
        <v>29</v>
      </c>
    </row>
    <row r="84" spans="1:13">
      <c r="A84" s="27" t="s">
        <v>21</v>
      </c>
      <c r="B84" s="67">
        <v>-14</v>
      </c>
      <c r="C84" s="68">
        <v>-10</v>
      </c>
      <c r="D84" s="68">
        <v>-4</v>
      </c>
      <c r="E84" s="67">
        <v>8</v>
      </c>
      <c r="F84" s="68">
        <v>5</v>
      </c>
      <c r="G84" s="69">
        <v>3</v>
      </c>
      <c r="H84" s="68">
        <v>88</v>
      </c>
      <c r="I84" s="68">
        <v>53</v>
      </c>
      <c r="J84" s="68">
        <v>35</v>
      </c>
      <c r="K84" s="67">
        <v>94</v>
      </c>
      <c r="L84" s="79">
        <v>58</v>
      </c>
      <c r="M84" s="80">
        <v>36</v>
      </c>
    </row>
    <row r="85" spans="1:13">
      <c r="A85" s="27" t="s">
        <v>23</v>
      </c>
      <c r="B85" s="67">
        <v>-11</v>
      </c>
      <c r="C85" s="68">
        <v>-15</v>
      </c>
      <c r="D85" s="68">
        <v>4</v>
      </c>
      <c r="E85" s="67">
        <v>13</v>
      </c>
      <c r="F85" s="68">
        <v>13</v>
      </c>
      <c r="G85" s="69">
        <v>0</v>
      </c>
      <c r="H85" s="68">
        <v>87</v>
      </c>
      <c r="I85" s="68">
        <v>47</v>
      </c>
      <c r="J85" s="68">
        <v>40</v>
      </c>
      <c r="K85" s="67">
        <v>85</v>
      </c>
      <c r="L85" s="79">
        <v>49</v>
      </c>
      <c r="M85" s="80">
        <v>36</v>
      </c>
    </row>
    <row r="86" spans="1:13">
      <c r="A86" s="27" t="s">
        <v>25</v>
      </c>
      <c r="B86" s="67">
        <v>-10</v>
      </c>
      <c r="C86" s="68">
        <v>-6</v>
      </c>
      <c r="D86" s="68">
        <v>-4</v>
      </c>
      <c r="E86" s="67">
        <v>15</v>
      </c>
      <c r="F86" s="68">
        <v>12</v>
      </c>
      <c r="G86" s="69">
        <v>3</v>
      </c>
      <c r="H86" s="68">
        <v>84</v>
      </c>
      <c r="I86" s="68">
        <v>52</v>
      </c>
      <c r="J86" s="68">
        <v>32</v>
      </c>
      <c r="K86" s="67">
        <v>79</v>
      </c>
      <c r="L86" s="79">
        <v>46</v>
      </c>
      <c r="M86" s="80">
        <v>33</v>
      </c>
    </row>
    <row r="87" spans="1:13" ht="21" customHeight="1">
      <c r="A87" s="38" t="s">
        <v>27</v>
      </c>
      <c r="B87" s="64">
        <v>-123</v>
      </c>
      <c r="C87" s="65">
        <v>-104</v>
      </c>
      <c r="D87" s="65">
        <v>-19</v>
      </c>
      <c r="E87" s="64">
        <v>82</v>
      </c>
      <c r="F87" s="65">
        <v>55</v>
      </c>
      <c r="G87" s="66">
        <v>27</v>
      </c>
      <c r="H87" s="65">
        <v>313</v>
      </c>
      <c r="I87" s="65">
        <v>170</v>
      </c>
      <c r="J87" s="65">
        <v>143</v>
      </c>
      <c r="K87" s="64">
        <v>354</v>
      </c>
      <c r="L87" s="77">
        <v>219</v>
      </c>
      <c r="M87" s="78">
        <v>135</v>
      </c>
    </row>
    <row r="88" spans="1:13">
      <c r="A88" s="27" t="s">
        <v>29</v>
      </c>
      <c r="B88" s="67">
        <v>-36</v>
      </c>
      <c r="C88" s="68">
        <v>-22</v>
      </c>
      <c r="D88" s="68">
        <v>-14</v>
      </c>
      <c r="E88" s="67">
        <v>16</v>
      </c>
      <c r="F88" s="68">
        <v>8</v>
      </c>
      <c r="G88" s="69">
        <v>8</v>
      </c>
      <c r="H88" s="68">
        <v>73</v>
      </c>
      <c r="I88" s="68">
        <v>48</v>
      </c>
      <c r="J88" s="68">
        <v>25</v>
      </c>
      <c r="K88" s="67">
        <v>93</v>
      </c>
      <c r="L88" s="79">
        <v>62</v>
      </c>
      <c r="M88" s="80">
        <v>31</v>
      </c>
    </row>
    <row r="89" spans="1:13">
      <c r="A89" s="27" t="s">
        <v>31</v>
      </c>
      <c r="B89" s="67">
        <v>-29</v>
      </c>
      <c r="C89" s="68">
        <v>-23</v>
      </c>
      <c r="D89" s="68">
        <v>-6</v>
      </c>
      <c r="E89" s="67">
        <v>22</v>
      </c>
      <c r="F89" s="68">
        <v>14</v>
      </c>
      <c r="G89" s="69">
        <v>8</v>
      </c>
      <c r="H89" s="68">
        <v>76</v>
      </c>
      <c r="I89" s="68">
        <v>35</v>
      </c>
      <c r="J89" s="68">
        <v>41</v>
      </c>
      <c r="K89" s="67">
        <v>83</v>
      </c>
      <c r="L89" s="79">
        <v>44</v>
      </c>
      <c r="M89" s="80">
        <v>39</v>
      </c>
    </row>
    <row r="90" spans="1:13">
      <c r="A90" s="27" t="s">
        <v>33</v>
      </c>
      <c r="B90" s="67">
        <v>-25</v>
      </c>
      <c r="C90" s="68">
        <v>-27</v>
      </c>
      <c r="D90" s="68">
        <v>2</v>
      </c>
      <c r="E90" s="67">
        <v>15</v>
      </c>
      <c r="F90" s="68">
        <v>11</v>
      </c>
      <c r="G90" s="69">
        <v>4</v>
      </c>
      <c r="H90" s="68">
        <v>55</v>
      </c>
      <c r="I90" s="68">
        <v>25</v>
      </c>
      <c r="J90" s="68">
        <v>30</v>
      </c>
      <c r="K90" s="67">
        <v>65</v>
      </c>
      <c r="L90" s="79">
        <v>41</v>
      </c>
      <c r="M90" s="80">
        <v>24</v>
      </c>
    </row>
    <row r="91" spans="1:13">
      <c r="A91" s="27" t="s">
        <v>35</v>
      </c>
      <c r="B91" s="67">
        <v>-13</v>
      </c>
      <c r="C91" s="68">
        <v>-9</v>
      </c>
      <c r="D91" s="68">
        <v>-4</v>
      </c>
      <c r="E91" s="67">
        <v>13</v>
      </c>
      <c r="F91" s="68">
        <v>9</v>
      </c>
      <c r="G91" s="69">
        <v>4</v>
      </c>
      <c r="H91" s="68">
        <v>57</v>
      </c>
      <c r="I91" s="68">
        <v>35</v>
      </c>
      <c r="J91" s="68">
        <v>22</v>
      </c>
      <c r="K91" s="67">
        <v>57</v>
      </c>
      <c r="L91" s="79">
        <v>35</v>
      </c>
      <c r="M91" s="80">
        <v>22</v>
      </c>
    </row>
    <row r="92" spans="1:13">
      <c r="A92" s="27" t="s">
        <v>37</v>
      </c>
      <c r="B92" s="67">
        <v>-20</v>
      </c>
      <c r="C92" s="68">
        <v>-23</v>
      </c>
      <c r="D92" s="68">
        <v>3</v>
      </c>
      <c r="E92" s="67">
        <v>16</v>
      </c>
      <c r="F92" s="68">
        <v>13</v>
      </c>
      <c r="G92" s="69">
        <v>3</v>
      </c>
      <c r="H92" s="68">
        <v>52</v>
      </c>
      <c r="I92" s="68">
        <v>27</v>
      </c>
      <c r="J92" s="68">
        <v>25</v>
      </c>
      <c r="K92" s="67">
        <v>56</v>
      </c>
      <c r="L92" s="79">
        <v>37</v>
      </c>
      <c r="M92" s="80">
        <v>19</v>
      </c>
    </row>
    <row r="93" spans="1:13" ht="21" customHeight="1">
      <c r="A93" s="38" t="s">
        <v>39</v>
      </c>
      <c r="B93" s="64">
        <v>-152</v>
      </c>
      <c r="C93" s="65">
        <v>-108</v>
      </c>
      <c r="D93" s="65">
        <v>-44</v>
      </c>
      <c r="E93" s="64">
        <v>110</v>
      </c>
      <c r="F93" s="65">
        <v>81</v>
      </c>
      <c r="G93" s="66">
        <v>29</v>
      </c>
      <c r="H93" s="65">
        <v>187</v>
      </c>
      <c r="I93" s="65">
        <v>101</v>
      </c>
      <c r="J93" s="65">
        <v>86</v>
      </c>
      <c r="K93" s="64">
        <v>229</v>
      </c>
      <c r="L93" s="77">
        <v>128</v>
      </c>
      <c r="M93" s="78">
        <v>101</v>
      </c>
    </row>
    <row r="94" spans="1:13">
      <c r="A94" s="27" t="s">
        <v>41</v>
      </c>
      <c r="B94" s="67">
        <v>-13</v>
      </c>
      <c r="C94" s="68">
        <v>-15</v>
      </c>
      <c r="D94" s="68">
        <v>2</v>
      </c>
      <c r="E94" s="67">
        <v>16</v>
      </c>
      <c r="F94" s="68">
        <v>14</v>
      </c>
      <c r="G94" s="69">
        <v>2</v>
      </c>
      <c r="H94" s="68">
        <v>52</v>
      </c>
      <c r="I94" s="68">
        <v>28</v>
      </c>
      <c r="J94" s="68">
        <v>24</v>
      </c>
      <c r="K94" s="67">
        <v>49</v>
      </c>
      <c r="L94" s="79">
        <v>29</v>
      </c>
      <c r="M94" s="80">
        <v>20</v>
      </c>
    </row>
    <row r="95" spans="1:13">
      <c r="A95" s="27" t="s">
        <v>43</v>
      </c>
      <c r="B95" s="67">
        <v>-21</v>
      </c>
      <c r="C95" s="68">
        <v>-10</v>
      </c>
      <c r="D95" s="68">
        <v>-11</v>
      </c>
      <c r="E95" s="67">
        <v>16</v>
      </c>
      <c r="F95" s="68">
        <v>10</v>
      </c>
      <c r="G95" s="69">
        <v>6</v>
      </c>
      <c r="H95" s="68">
        <v>56</v>
      </c>
      <c r="I95" s="68">
        <v>32</v>
      </c>
      <c r="J95" s="68">
        <v>24</v>
      </c>
      <c r="K95" s="67">
        <v>61</v>
      </c>
      <c r="L95" s="79">
        <v>32</v>
      </c>
      <c r="M95" s="80">
        <v>29</v>
      </c>
    </row>
    <row r="96" spans="1:13">
      <c r="A96" s="27" t="s">
        <v>45</v>
      </c>
      <c r="B96" s="67">
        <v>-39</v>
      </c>
      <c r="C96" s="68">
        <v>-22</v>
      </c>
      <c r="D96" s="68">
        <v>-17</v>
      </c>
      <c r="E96" s="67">
        <v>22</v>
      </c>
      <c r="F96" s="68">
        <v>13</v>
      </c>
      <c r="G96" s="69">
        <v>9</v>
      </c>
      <c r="H96" s="68">
        <v>28</v>
      </c>
      <c r="I96" s="68">
        <v>13</v>
      </c>
      <c r="J96" s="68">
        <v>15</v>
      </c>
      <c r="K96" s="67">
        <v>45</v>
      </c>
      <c r="L96" s="79">
        <v>22</v>
      </c>
      <c r="M96" s="80">
        <v>23</v>
      </c>
    </row>
    <row r="97" spans="1:13">
      <c r="A97" s="27" t="s">
        <v>47</v>
      </c>
      <c r="B97" s="67">
        <v>-33</v>
      </c>
      <c r="C97" s="68">
        <v>-30</v>
      </c>
      <c r="D97" s="68">
        <v>-3</v>
      </c>
      <c r="E97" s="67">
        <v>26</v>
      </c>
      <c r="F97" s="68">
        <v>19</v>
      </c>
      <c r="G97" s="69">
        <v>7</v>
      </c>
      <c r="H97" s="68">
        <v>25</v>
      </c>
      <c r="I97" s="68">
        <v>9</v>
      </c>
      <c r="J97" s="68">
        <v>16</v>
      </c>
      <c r="K97" s="67">
        <v>32</v>
      </c>
      <c r="L97" s="79">
        <v>20</v>
      </c>
      <c r="M97" s="80">
        <v>12</v>
      </c>
    </row>
    <row r="98" spans="1:13">
      <c r="A98" s="27" t="s">
        <v>49</v>
      </c>
      <c r="B98" s="67">
        <v>-46</v>
      </c>
      <c r="C98" s="68">
        <v>-31</v>
      </c>
      <c r="D98" s="68">
        <v>-15</v>
      </c>
      <c r="E98" s="67">
        <v>30</v>
      </c>
      <c r="F98" s="68">
        <v>25</v>
      </c>
      <c r="G98" s="69">
        <v>5</v>
      </c>
      <c r="H98" s="68">
        <v>26</v>
      </c>
      <c r="I98" s="68">
        <v>19</v>
      </c>
      <c r="J98" s="68">
        <v>7</v>
      </c>
      <c r="K98" s="67">
        <v>42</v>
      </c>
      <c r="L98" s="79">
        <v>25</v>
      </c>
      <c r="M98" s="80">
        <v>17</v>
      </c>
    </row>
    <row r="99" spans="1:13" ht="21" customHeight="1">
      <c r="A99" s="38" t="s">
        <v>51</v>
      </c>
      <c r="B99" s="64">
        <v>-237</v>
      </c>
      <c r="C99" s="65">
        <v>-163</v>
      </c>
      <c r="D99" s="65">
        <v>-74</v>
      </c>
      <c r="E99" s="64">
        <v>202</v>
      </c>
      <c r="F99" s="65">
        <v>140</v>
      </c>
      <c r="G99" s="66">
        <v>62</v>
      </c>
      <c r="H99" s="65">
        <v>164</v>
      </c>
      <c r="I99" s="65">
        <v>83</v>
      </c>
      <c r="J99" s="65">
        <v>81</v>
      </c>
      <c r="K99" s="64">
        <v>199</v>
      </c>
      <c r="L99" s="77">
        <v>106</v>
      </c>
      <c r="M99" s="78">
        <v>93</v>
      </c>
    </row>
    <row r="100" spans="1:13">
      <c r="A100" s="27" t="s">
        <v>53</v>
      </c>
      <c r="B100" s="67">
        <v>-43</v>
      </c>
      <c r="C100" s="68">
        <v>-29</v>
      </c>
      <c r="D100" s="68">
        <v>-14</v>
      </c>
      <c r="E100" s="67">
        <v>28</v>
      </c>
      <c r="F100" s="68">
        <v>21</v>
      </c>
      <c r="G100" s="69">
        <v>7</v>
      </c>
      <c r="H100" s="68">
        <v>28</v>
      </c>
      <c r="I100" s="68">
        <v>16</v>
      </c>
      <c r="J100" s="68">
        <v>12</v>
      </c>
      <c r="K100" s="67">
        <v>43</v>
      </c>
      <c r="L100" s="79">
        <v>24</v>
      </c>
      <c r="M100" s="80">
        <v>19</v>
      </c>
    </row>
    <row r="101" spans="1:13">
      <c r="A101" s="27" t="s">
        <v>55</v>
      </c>
      <c r="B101" s="67">
        <v>-31</v>
      </c>
      <c r="C101" s="68">
        <v>-23</v>
      </c>
      <c r="D101" s="68">
        <v>-8</v>
      </c>
      <c r="E101" s="67">
        <v>22</v>
      </c>
      <c r="F101" s="68">
        <v>12</v>
      </c>
      <c r="G101" s="69">
        <v>10</v>
      </c>
      <c r="H101" s="68">
        <v>27</v>
      </c>
      <c r="I101" s="68">
        <v>9</v>
      </c>
      <c r="J101" s="68">
        <v>18</v>
      </c>
      <c r="K101" s="67">
        <v>36</v>
      </c>
      <c r="L101" s="79">
        <v>20</v>
      </c>
      <c r="M101" s="80">
        <v>16</v>
      </c>
    </row>
    <row r="102" spans="1:13">
      <c r="A102" s="27" t="s">
        <v>57</v>
      </c>
      <c r="B102" s="67">
        <v>-37</v>
      </c>
      <c r="C102" s="68">
        <v>-26</v>
      </c>
      <c r="D102" s="68">
        <v>-11</v>
      </c>
      <c r="E102" s="67">
        <v>44</v>
      </c>
      <c r="F102" s="68">
        <v>33</v>
      </c>
      <c r="G102" s="69">
        <v>11</v>
      </c>
      <c r="H102" s="68">
        <v>39</v>
      </c>
      <c r="I102" s="68">
        <v>20</v>
      </c>
      <c r="J102" s="68">
        <v>19</v>
      </c>
      <c r="K102" s="67">
        <v>32</v>
      </c>
      <c r="L102" s="79">
        <v>13</v>
      </c>
      <c r="M102" s="80">
        <v>19</v>
      </c>
    </row>
    <row r="103" spans="1:13">
      <c r="A103" s="27" t="s">
        <v>59</v>
      </c>
      <c r="B103" s="67">
        <v>-56</v>
      </c>
      <c r="C103" s="68">
        <v>-36</v>
      </c>
      <c r="D103" s="68">
        <v>-20</v>
      </c>
      <c r="E103" s="67">
        <v>47</v>
      </c>
      <c r="F103" s="68">
        <v>31</v>
      </c>
      <c r="G103" s="69">
        <v>16</v>
      </c>
      <c r="H103" s="68">
        <v>31</v>
      </c>
      <c r="I103" s="68">
        <v>18</v>
      </c>
      <c r="J103" s="68">
        <v>13</v>
      </c>
      <c r="K103" s="67">
        <v>40</v>
      </c>
      <c r="L103" s="79">
        <v>23</v>
      </c>
      <c r="M103" s="80">
        <v>17</v>
      </c>
    </row>
    <row r="104" spans="1:13">
      <c r="A104" s="27" t="s">
        <v>61</v>
      </c>
      <c r="B104" s="67">
        <v>-70</v>
      </c>
      <c r="C104" s="68">
        <v>-49</v>
      </c>
      <c r="D104" s="68">
        <v>-21</v>
      </c>
      <c r="E104" s="67">
        <v>61</v>
      </c>
      <c r="F104" s="68">
        <v>43</v>
      </c>
      <c r="G104" s="69">
        <v>18</v>
      </c>
      <c r="H104" s="68">
        <v>39</v>
      </c>
      <c r="I104" s="68">
        <v>20</v>
      </c>
      <c r="J104" s="68">
        <v>19</v>
      </c>
      <c r="K104" s="67">
        <v>48</v>
      </c>
      <c r="L104" s="79">
        <v>26</v>
      </c>
      <c r="M104" s="80">
        <v>22</v>
      </c>
    </row>
    <row r="105" spans="1:13" ht="21" customHeight="1">
      <c r="A105" s="38" t="s">
        <v>63</v>
      </c>
      <c r="B105" s="64">
        <v>-286</v>
      </c>
      <c r="C105" s="65">
        <v>-178</v>
      </c>
      <c r="D105" s="65">
        <v>-108</v>
      </c>
      <c r="E105" s="64">
        <v>265</v>
      </c>
      <c r="F105" s="65">
        <v>173</v>
      </c>
      <c r="G105" s="66">
        <v>92</v>
      </c>
      <c r="H105" s="65">
        <v>142</v>
      </c>
      <c r="I105" s="65">
        <v>69</v>
      </c>
      <c r="J105" s="65">
        <v>73</v>
      </c>
      <c r="K105" s="64">
        <v>163</v>
      </c>
      <c r="L105" s="77">
        <v>74</v>
      </c>
      <c r="M105" s="78">
        <v>89</v>
      </c>
    </row>
    <row r="106" spans="1:13">
      <c r="A106" s="27" t="s">
        <v>65</v>
      </c>
      <c r="B106" s="67">
        <v>-57</v>
      </c>
      <c r="C106" s="68">
        <v>-37</v>
      </c>
      <c r="D106" s="68">
        <v>-20</v>
      </c>
      <c r="E106" s="67">
        <v>67</v>
      </c>
      <c r="F106" s="68">
        <v>46</v>
      </c>
      <c r="G106" s="69">
        <v>21</v>
      </c>
      <c r="H106" s="68">
        <v>41</v>
      </c>
      <c r="I106" s="68">
        <v>23</v>
      </c>
      <c r="J106" s="68">
        <v>18</v>
      </c>
      <c r="K106" s="67">
        <v>31</v>
      </c>
      <c r="L106" s="79">
        <v>14</v>
      </c>
      <c r="M106" s="80">
        <v>17</v>
      </c>
    </row>
    <row r="107" spans="1:13">
      <c r="A107" s="27" t="s">
        <v>67</v>
      </c>
      <c r="B107" s="67">
        <v>-41</v>
      </c>
      <c r="C107" s="68">
        <v>-27</v>
      </c>
      <c r="D107" s="68">
        <v>-14</v>
      </c>
      <c r="E107" s="67">
        <v>37</v>
      </c>
      <c r="F107" s="68">
        <v>26</v>
      </c>
      <c r="G107" s="69">
        <v>11</v>
      </c>
      <c r="H107" s="68">
        <v>26</v>
      </c>
      <c r="I107" s="68">
        <v>14</v>
      </c>
      <c r="J107" s="68">
        <v>12</v>
      </c>
      <c r="K107" s="67">
        <v>30</v>
      </c>
      <c r="L107" s="79">
        <v>15</v>
      </c>
      <c r="M107" s="80">
        <v>15</v>
      </c>
    </row>
    <row r="108" spans="1:13">
      <c r="A108" s="27" t="s">
        <v>69</v>
      </c>
      <c r="B108" s="67">
        <v>-46</v>
      </c>
      <c r="C108" s="68">
        <v>-28</v>
      </c>
      <c r="D108" s="68">
        <v>-18</v>
      </c>
      <c r="E108" s="67">
        <v>33</v>
      </c>
      <c r="F108" s="68">
        <v>22</v>
      </c>
      <c r="G108" s="69">
        <v>11</v>
      </c>
      <c r="H108" s="68">
        <v>20</v>
      </c>
      <c r="I108" s="68">
        <v>9</v>
      </c>
      <c r="J108" s="68">
        <v>11</v>
      </c>
      <c r="K108" s="67">
        <v>33</v>
      </c>
      <c r="L108" s="79">
        <v>15</v>
      </c>
      <c r="M108" s="80">
        <v>18</v>
      </c>
    </row>
    <row r="109" spans="1:13">
      <c r="A109" s="27" t="s">
        <v>71</v>
      </c>
      <c r="B109" s="67">
        <v>-71</v>
      </c>
      <c r="C109" s="68">
        <v>-43</v>
      </c>
      <c r="D109" s="68">
        <v>-28</v>
      </c>
      <c r="E109" s="67">
        <v>60</v>
      </c>
      <c r="F109" s="68">
        <v>36</v>
      </c>
      <c r="G109" s="69">
        <v>24</v>
      </c>
      <c r="H109" s="68">
        <v>23</v>
      </c>
      <c r="I109" s="68">
        <v>10</v>
      </c>
      <c r="J109" s="68">
        <v>13</v>
      </c>
      <c r="K109" s="67">
        <v>34</v>
      </c>
      <c r="L109" s="79">
        <v>17</v>
      </c>
      <c r="M109" s="80">
        <v>17</v>
      </c>
    </row>
    <row r="110" spans="1:13">
      <c r="A110" s="27" t="s">
        <v>73</v>
      </c>
      <c r="B110" s="67">
        <v>-71</v>
      </c>
      <c r="C110" s="68">
        <v>-43</v>
      </c>
      <c r="D110" s="68">
        <v>-28</v>
      </c>
      <c r="E110" s="67">
        <v>68</v>
      </c>
      <c r="F110" s="68">
        <v>43</v>
      </c>
      <c r="G110" s="69">
        <v>25</v>
      </c>
      <c r="H110" s="68">
        <v>32</v>
      </c>
      <c r="I110" s="68">
        <v>13</v>
      </c>
      <c r="J110" s="68">
        <v>19</v>
      </c>
      <c r="K110" s="67">
        <v>35</v>
      </c>
      <c r="L110" s="79">
        <v>13</v>
      </c>
      <c r="M110" s="80">
        <v>22</v>
      </c>
    </row>
    <row r="111" spans="1:13" ht="21" customHeight="1">
      <c r="A111" s="38" t="s">
        <v>75</v>
      </c>
      <c r="B111" s="64">
        <v>-373</v>
      </c>
      <c r="C111" s="65">
        <v>-213</v>
      </c>
      <c r="D111" s="65">
        <v>-160</v>
      </c>
      <c r="E111" s="64">
        <v>355</v>
      </c>
      <c r="F111" s="65">
        <v>212</v>
      </c>
      <c r="G111" s="66">
        <v>143</v>
      </c>
      <c r="H111" s="65">
        <v>121</v>
      </c>
      <c r="I111" s="65">
        <v>58</v>
      </c>
      <c r="J111" s="65">
        <v>63</v>
      </c>
      <c r="K111" s="64">
        <v>139</v>
      </c>
      <c r="L111" s="77">
        <v>59</v>
      </c>
      <c r="M111" s="78">
        <v>80</v>
      </c>
    </row>
    <row r="112" spans="1:13">
      <c r="A112" s="27" t="s">
        <v>77</v>
      </c>
      <c r="B112" s="67">
        <v>-76</v>
      </c>
      <c r="C112" s="68">
        <v>-49</v>
      </c>
      <c r="D112" s="68">
        <v>-27</v>
      </c>
      <c r="E112" s="67">
        <v>75</v>
      </c>
      <c r="F112" s="68">
        <v>47</v>
      </c>
      <c r="G112" s="69">
        <v>28</v>
      </c>
      <c r="H112" s="68">
        <v>29</v>
      </c>
      <c r="I112" s="68">
        <v>16</v>
      </c>
      <c r="J112" s="68">
        <v>13</v>
      </c>
      <c r="K112" s="67">
        <v>30</v>
      </c>
      <c r="L112" s="79">
        <v>18</v>
      </c>
      <c r="M112" s="80">
        <v>12</v>
      </c>
    </row>
    <row r="113" spans="1:13">
      <c r="A113" s="27" t="s">
        <v>79</v>
      </c>
      <c r="B113" s="67">
        <v>-72</v>
      </c>
      <c r="C113" s="68">
        <v>-48</v>
      </c>
      <c r="D113" s="68">
        <v>-24</v>
      </c>
      <c r="E113" s="67">
        <v>70</v>
      </c>
      <c r="F113" s="68">
        <v>46</v>
      </c>
      <c r="G113" s="69">
        <v>24</v>
      </c>
      <c r="H113" s="68">
        <v>33</v>
      </c>
      <c r="I113" s="68">
        <v>14</v>
      </c>
      <c r="J113" s="68">
        <v>19</v>
      </c>
      <c r="K113" s="67">
        <v>35</v>
      </c>
      <c r="L113" s="79">
        <v>16</v>
      </c>
      <c r="M113" s="80">
        <v>19</v>
      </c>
    </row>
    <row r="114" spans="1:13">
      <c r="A114" s="27" t="s">
        <v>81</v>
      </c>
      <c r="B114" s="67">
        <v>-75</v>
      </c>
      <c r="C114" s="68">
        <v>-40</v>
      </c>
      <c r="D114" s="68">
        <v>-35</v>
      </c>
      <c r="E114" s="67">
        <v>58</v>
      </c>
      <c r="F114" s="68">
        <v>41</v>
      </c>
      <c r="G114" s="69">
        <v>17</v>
      </c>
      <c r="H114" s="68">
        <v>18</v>
      </c>
      <c r="I114" s="68">
        <v>8</v>
      </c>
      <c r="J114" s="68">
        <v>10</v>
      </c>
      <c r="K114" s="67">
        <v>35</v>
      </c>
      <c r="L114" s="79">
        <v>7</v>
      </c>
      <c r="M114" s="80">
        <v>28</v>
      </c>
    </row>
    <row r="115" spans="1:13">
      <c r="A115" s="27" t="s">
        <v>83</v>
      </c>
      <c r="B115" s="67">
        <v>-70</v>
      </c>
      <c r="C115" s="68">
        <v>-36</v>
      </c>
      <c r="D115" s="68">
        <v>-34</v>
      </c>
      <c r="E115" s="67">
        <v>72</v>
      </c>
      <c r="F115" s="68">
        <v>38</v>
      </c>
      <c r="G115" s="69">
        <v>34</v>
      </c>
      <c r="H115" s="68">
        <v>19</v>
      </c>
      <c r="I115" s="68">
        <v>9</v>
      </c>
      <c r="J115" s="68">
        <v>10</v>
      </c>
      <c r="K115" s="67">
        <v>17</v>
      </c>
      <c r="L115" s="79">
        <v>7</v>
      </c>
      <c r="M115" s="80">
        <v>10</v>
      </c>
    </row>
    <row r="116" spans="1:13">
      <c r="A116" s="27" t="s">
        <v>85</v>
      </c>
      <c r="B116" s="67">
        <v>-80</v>
      </c>
      <c r="C116" s="68">
        <v>-40</v>
      </c>
      <c r="D116" s="68">
        <v>-40</v>
      </c>
      <c r="E116" s="67">
        <v>80</v>
      </c>
      <c r="F116" s="68">
        <v>40</v>
      </c>
      <c r="G116" s="69">
        <v>40</v>
      </c>
      <c r="H116" s="68">
        <v>22</v>
      </c>
      <c r="I116" s="68">
        <v>11</v>
      </c>
      <c r="J116" s="68">
        <v>11</v>
      </c>
      <c r="K116" s="67">
        <v>22</v>
      </c>
      <c r="L116" s="79">
        <v>11</v>
      </c>
      <c r="M116" s="80">
        <v>11</v>
      </c>
    </row>
    <row r="117" spans="1:13" ht="21" customHeight="1">
      <c r="A117" s="38" t="s">
        <v>87</v>
      </c>
      <c r="B117" s="64">
        <v>-481</v>
      </c>
      <c r="C117" s="65">
        <v>-232</v>
      </c>
      <c r="D117" s="65">
        <v>-249</v>
      </c>
      <c r="E117" s="64">
        <v>459</v>
      </c>
      <c r="F117" s="65">
        <v>226</v>
      </c>
      <c r="G117" s="66">
        <v>233</v>
      </c>
      <c r="H117" s="65">
        <v>98</v>
      </c>
      <c r="I117" s="65">
        <v>25</v>
      </c>
      <c r="J117" s="65">
        <v>73</v>
      </c>
      <c r="K117" s="64">
        <v>120</v>
      </c>
      <c r="L117" s="77">
        <v>31</v>
      </c>
      <c r="M117" s="78">
        <v>89</v>
      </c>
    </row>
    <row r="118" spans="1:13">
      <c r="A118" s="27" t="s">
        <v>89</v>
      </c>
      <c r="B118" s="67">
        <v>-78</v>
      </c>
      <c r="C118" s="68">
        <v>-45</v>
      </c>
      <c r="D118" s="68">
        <v>-33</v>
      </c>
      <c r="E118" s="67">
        <v>83</v>
      </c>
      <c r="F118" s="68">
        <v>46</v>
      </c>
      <c r="G118" s="69">
        <v>37</v>
      </c>
      <c r="H118" s="68">
        <v>32</v>
      </c>
      <c r="I118" s="68">
        <v>6</v>
      </c>
      <c r="J118" s="68">
        <v>26</v>
      </c>
      <c r="K118" s="67">
        <v>27</v>
      </c>
      <c r="L118" s="79">
        <v>5</v>
      </c>
      <c r="M118" s="80">
        <v>22</v>
      </c>
    </row>
    <row r="119" spans="1:13">
      <c r="A119" s="27" t="s">
        <v>91</v>
      </c>
      <c r="B119" s="67">
        <v>-99</v>
      </c>
      <c r="C119" s="68">
        <v>-46</v>
      </c>
      <c r="D119" s="68">
        <v>-53</v>
      </c>
      <c r="E119" s="67">
        <v>99</v>
      </c>
      <c r="F119" s="68">
        <v>49</v>
      </c>
      <c r="G119" s="69">
        <v>50</v>
      </c>
      <c r="H119" s="68">
        <v>21</v>
      </c>
      <c r="I119" s="68">
        <v>8</v>
      </c>
      <c r="J119" s="68">
        <v>13</v>
      </c>
      <c r="K119" s="67">
        <v>21</v>
      </c>
      <c r="L119" s="79">
        <v>5</v>
      </c>
      <c r="M119" s="80">
        <v>16</v>
      </c>
    </row>
    <row r="120" spans="1:13">
      <c r="A120" s="27" t="s">
        <v>93</v>
      </c>
      <c r="B120" s="67">
        <v>-107</v>
      </c>
      <c r="C120" s="68">
        <v>-48</v>
      </c>
      <c r="D120" s="68">
        <v>-59</v>
      </c>
      <c r="E120" s="67">
        <v>99</v>
      </c>
      <c r="F120" s="68">
        <v>45</v>
      </c>
      <c r="G120" s="69">
        <v>54</v>
      </c>
      <c r="H120" s="68">
        <v>17</v>
      </c>
      <c r="I120" s="68">
        <v>4</v>
      </c>
      <c r="J120" s="68">
        <v>13</v>
      </c>
      <c r="K120" s="67">
        <v>25</v>
      </c>
      <c r="L120" s="79">
        <v>7</v>
      </c>
      <c r="M120" s="80">
        <v>18</v>
      </c>
    </row>
    <row r="121" spans="1:13">
      <c r="A121" s="27" t="s">
        <v>95</v>
      </c>
      <c r="B121" s="67">
        <v>-99</v>
      </c>
      <c r="C121" s="68">
        <v>-46</v>
      </c>
      <c r="D121" s="68">
        <v>-53</v>
      </c>
      <c r="E121" s="67">
        <v>93</v>
      </c>
      <c r="F121" s="68">
        <v>43</v>
      </c>
      <c r="G121" s="69">
        <v>50</v>
      </c>
      <c r="H121" s="68">
        <v>19</v>
      </c>
      <c r="I121" s="68">
        <v>4</v>
      </c>
      <c r="J121" s="68">
        <v>15</v>
      </c>
      <c r="K121" s="67">
        <v>25</v>
      </c>
      <c r="L121" s="79">
        <v>7</v>
      </c>
      <c r="M121" s="80">
        <v>18</v>
      </c>
    </row>
    <row r="122" spans="1:13">
      <c r="A122" s="27" t="s">
        <v>97</v>
      </c>
      <c r="B122" s="67">
        <v>-98</v>
      </c>
      <c r="C122" s="68">
        <v>-47</v>
      </c>
      <c r="D122" s="68">
        <v>-51</v>
      </c>
      <c r="E122" s="67">
        <v>85</v>
      </c>
      <c r="F122" s="68">
        <v>43</v>
      </c>
      <c r="G122" s="69">
        <v>42</v>
      </c>
      <c r="H122" s="68">
        <v>9</v>
      </c>
      <c r="I122" s="68">
        <v>3</v>
      </c>
      <c r="J122" s="68">
        <v>6</v>
      </c>
      <c r="K122" s="67">
        <v>22</v>
      </c>
      <c r="L122" s="79">
        <v>7</v>
      </c>
      <c r="M122" s="80">
        <v>15</v>
      </c>
    </row>
    <row r="123" spans="1:13" ht="21" customHeight="1">
      <c r="A123" s="38" t="s">
        <v>99</v>
      </c>
      <c r="B123" s="64">
        <v>-421</v>
      </c>
      <c r="C123" s="65">
        <v>-168</v>
      </c>
      <c r="D123" s="65">
        <v>-253</v>
      </c>
      <c r="E123" s="64">
        <v>429</v>
      </c>
      <c r="F123" s="65">
        <v>172</v>
      </c>
      <c r="G123" s="66">
        <v>257</v>
      </c>
      <c r="H123" s="65">
        <v>67</v>
      </c>
      <c r="I123" s="65">
        <v>15</v>
      </c>
      <c r="J123" s="65">
        <v>52</v>
      </c>
      <c r="K123" s="64">
        <v>59</v>
      </c>
      <c r="L123" s="77">
        <v>11</v>
      </c>
      <c r="M123" s="78">
        <v>48</v>
      </c>
    </row>
    <row r="124" spans="1:13">
      <c r="A124" s="27" t="s">
        <v>101</v>
      </c>
      <c r="B124" s="67">
        <v>-89</v>
      </c>
      <c r="C124" s="68">
        <v>-34</v>
      </c>
      <c r="D124" s="68">
        <v>-55</v>
      </c>
      <c r="E124" s="67">
        <v>91</v>
      </c>
      <c r="F124" s="68">
        <v>38</v>
      </c>
      <c r="G124" s="69">
        <v>53</v>
      </c>
      <c r="H124" s="68">
        <v>15</v>
      </c>
      <c r="I124" s="68">
        <v>4</v>
      </c>
      <c r="J124" s="68">
        <v>11</v>
      </c>
      <c r="K124" s="67">
        <v>13</v>
      </c>
      <c r="L124" s="79">
        <v>0</v>
      </c>
      <c r="M124" s="80">
        <v>13</v>
      </c>
    </row>
    <row r="125" spans="1:13">
      <c r="A125" s="27" t="s">
        <v>103</v>
      </c>
      <c r="B125" s="67">
        <v>-76</v>
      </c>
      <c r="C125" s="68">
        <v>-37</v>
      </c>
      <c r="D125" s="68">
        <v>-39</v>
      </c>
      <c r="E125" s="67">
        <v>83</v>
      </c>
      <c r="F125" s="68">
        <v>38</v>
      </c>
      <c r="G125" s="69">
        <v>45</v>
      </c>
      <c r="H125" s="68">
        <v>19</v>
      </c>
      <c r="I125" s="68">
        <v>3</v>
      </c>
      <c r="J125" s="68">
        <v>16</v>
      </c>
      <c r="K125" s="67">
        <v>12</v>
      </c>
      <c r="L125" s="79">
        <v>2</v>
      </c>
      <c r="M125" s="80">
        <v>10</v>
      </c>
    </row>
    <row r="126" spans="1:13">
      <c r="A126" s="27" t="s">
        <v>105</v>
      </c>
      <c r="B126" s="67">
        <v>-91</v>
      </c>
      <c r="C126" s="68">
        <v>-32</v>
      </c>
      <c r="D126" s="68">
        <v>-59</v>
      </c>
      <c r="E126" s="67">
        <v>93</v>
      </c>
      <c r="F126" s="68">
        <v>34</v>
      </c>
      <c r="G126" s="69">
        <v>59</v>
      </c>
      <c r="H126" s="68">
        <v>17</v>
      </c>
      <c r="I126" s="68">
        <v>6</v>
      </c>
      <c r="J126" s="68">
        <v>11</v>
      </c>
      <c r="K126" s="67">
        <v>15</v>
      </c>
      <c r="L126" s="79">
        <v>4</v>
      </c>
      <c r="M126" s="80">
        <v>11</v>
      </c>
    </row>
    <row r="127" spans="1:13">
      <c r="A127" s="27" t="s">
        <v>107</v>
      </c>
      <c r="B127" s="67">
        <v>-91</v>
      </c>
      <c r="C127" s="68">
        <v>-39</v>
      </c>
      <c r="D127" s="68">
        <v>-52</v>
      </c>
      <c r="E127" s="67">
        <v>89</v>
      </c>
      <c r="F127" s="68">
        <v>37</v>
      </c>
      <c r="G127" s="69">
        <v>52</v>
      </c>
      <c r="H127" s="68">
        <v>10</v>
      </c>
      <c r="I127" s="68">
        <v>2</v>
      </c>
      <c r="J127" s="68">
        <v>8</v>
      </c>
      <c r="K127" s="67">
        <v>12</v>
      </c>
      <c r="L127" s="79">
        <v>4</v>
      </c>
      <c r="M127" s="80">
        <v>8</v>
      </c>
    </row>
    <row r="128" spans="1:13">
      <c r="A128" s="27" t="s">
        <v>109</v>
      </c>
      <c r="B128" s="67">
        <v>-74</v>
      </c>
      <c r="C128" s="68">
        <v>-26</v>
      </c>
      <c r="D128" s="68">
        <v>-48</v>
      </c>
      <c r="E128" s="67">
        <v>73</v>
      </c>
      <c r="F128" s="68">
        <v>25</v>
      </c>
      <c r="G128" s="69">
        <v>48</v>
      </c>
      <c r="H128" s="68">
        <v>6</v>
      </c>
      <c r="I128" s="68">
        <v>0</v>
      </c>
      <c r="J128" s="68">
        <v>6</v>
      </c>
      <c r="K128" s="67">
        <v>7</v>
      </c>
      <c r="L128" s="79">
        <v>1</v>
      </c>
      <c r="M128" s="80">
        <v>6</v>
      </c>
    </row>
    <row r="129" spans="1:14" ht="21" customHeight="1">
      <c r="A129" s="38" t="s">
        <v>111</v>
      </c>
      <c r="B129" s="64">
        <v>-248</v>
      </c>
      <c r="C129" s="65">
        <v>-66</v>
      </c>
      <c r="D129" s="65">
        <v>-182</v>
      </c>
      <c r="E129" s="64">
        <v>239</v>
      </c>
      <c r="F129" s="65">
        <v>69</v>
      </c>
      <c r="G129" s="66">
        <v>170</v>
      </c>
      <c r="H129" s="65">
        <v>15</v>
      </c>
      <c r="I129" s="65">
        <v>8</v>
      </c>
      <c r="J129" s="65">
        <v>7</v>
      </c>
      <c r="K129" s="64">
        <v>24</v>
      </c>
      <c r="L129" s="77">
        <v>5</v>
      </c>
      <c r="M129" s="78">
        <v>19</v>
      </c>
    </row>
    <row r="130" spans="1:14">
      <c r="A130" s="27" t="s">
        <v>113</v>
      </c>
      <c r="B130" s="67">
        <v>-83</v>
      </c>
      <c r="C130" s="68">
        <v>-26</v>
      </c>
      <c r="D130" s="68">
        <v>-57</v>
      </c>
      <c r="E130" s="67">
        <v>81</v>
      </c>
      <c r="F130" s="68">
        <v>28</v>
      </c>
      <c r="G130" s="69">
        <v>53</v>
      </c>
      <c r="H130" s="68">
        <v>7</v>
      </c>
      <c r="I130" s="68">
        <v>2</v>
      </c>
      <c r="J130" s="68">
        <v>5</v>
      </c>
      <c r="K130" s="67">
        <v>9</v>
      </c>
      <c r="L130" s="79">
        <v>0</v>
      </c>
      <c r="M130" s="80">
        <v>9</v>
      </c>
    </row>
    <row r="131" spans="1:14">
      <c r="A131" s="27" t="s">
        <v>115</v>
      </c>
      <c r="B131" s="67">
        <v>-54</v>
      </c>
      <c r="C131" s="68">
        <v>-14</v>
      </c>
      <c r="D131" s="68">
        <v>-40</v>
      </c>
      <c r="E131" s="67">
        <v>52</v>
      </c>
      <c r="F131" s="68">
        <v>13</v>
      </c>
      <c r="G131" s="69">
        <v>39</v>
      </c>
      <c r="H131" s="68">
        <v>3</v>
      </c>
      <c r="I131" s="68">
        <v>1</v>
      </c>
      <c r="J131" s="68">
        <v>2</v>
      </c>
      <c r="K131" s="67">
        <v>5</v>
      </c>
      <c r="L131" s="79">
        <v>2</v>
      </c>
      <c r="M131" s="80">
        <v>3</v>
      </c>
    </row>
    <row r="132" spans="1:14">
      <c r="A132" s="27" t="s">
        <v>117</v>
      </c>
      <c r="B132" s="67">
        <v>-57</v>
      </c>
      <c r="C132" s="68">
        <v>-16</v>
      </c>
      <c r="D132" s="68">
        <v>-41</v>
      </c>
      <c r="E132" s="67">
        <v>54</v>
      </c>
      <c r="F132" s="68">
        <v>16</v>
      </c>
      <c r="G132" s="69">
        <v>38</v>
      </c>
      <c r="H132" s="68">
        <v>3</v>
      </c>
      <c r="I132" s="68">
        <v>3</v>
      </c>
      <c r="J132" s="68">
        <v>0</v>
      </c>
      <c r="K132" s="67">
        <v>6</v>
      </c>
      <c r="L132" s="79">
        <v>3</v>
      </c>
      <c r="M132" s="80">
        <v>3</v>
      </c>
    </row>
    <row r="133" spans="1:14">
      <c r="A133" s="27" t="s">
        <v>119</v>
      </c>
      <c r="B133" s="67">
        <v>-32</v>
      </c>
      <c r="C133" s="68">
        <v>-6</v>
      </c>
      <c r="D133" s="68">
        <v>-26</v>
      </c>
      <c r="E133" s="67">
        <v>31</v>
      </c>
      <c r="F133" s="68">
        <v>8</v>
      </c>
      <c r="G133" s="69">
        <v>23</v>
      </c>
      <c r="H133" s="68">
        <v>2</v>
      </c>
      <c r="I133" s="68">
        <v>2</v>
      </c>
      <c r="J133" s="68">
        <v>0</v>
      </c>
      <c r="K133" s="67">
        <v>3</v>
      </c>
      <c r="L133" s="79">
        <v>0</v>
      </c>
      <c r="M133" s="80">
        <v>3</v>
      </c>
    </row>
    <row r="134" spans="1:14">
      <c r="A134" s="27" t="s">
        <v>121</v>
      </c>
      <c r="B134" s="67">
        <v>-22</v>
      </c>
      <c r="C134" s="68">
        <v>-4</v>
      </c>
      <c r="D134" s="68">
        <v>-18</v>
      </c>
      <c r="E134" s="67">
        <v>21</v>
      </c>
      <c r="F134" s="68">
        <v>4</v>
      </c>
      <c r="G134" s="69">
        <v>17</v>
      </c>
      <c r="H134" s="68">
        <v>0</v>
      </c>
      <c r="I134" s="68">
        <v>0</v>
      </c>
      <c r="J134" s="68">
        <v>0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65</v>
      </c>
      <c r="C135" s="40">
        <v>-7</v>
      </c>
      <c r="D135" s="40">
        <v>-58</v>
      </c>
      <c r="E135" s="42">
        <v>65</v>
      </c>
      <c r="F135" s="40">
        <v>7</v>
      </c>
      <c r="G135" s="43">
        <v>58</v>
      </c>
      <c r="H135" s="40">
        <v>2</v>
      </c>
      <c r="I135" s="40">
        <v>0</v>
      </c>
      <c r="J135" s="40">
        <v>2</v>
      </c>
      <c r="K135" s="42">
        <v>2</v>
      </c>
      <c r="L135" s="44">
        <v>0</v>
      </c>
      <c r="M135" s="85">
        <v>2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90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385</v>
      </c>
      <c r="C5" s="62">
        <v>69</v>
      </c>
      <c r="D5" s="62">
        <v>316</v>
      </c>
      <c r="E5" s="61">
        <v>2364</v>
      </c>
      <c r="F5" s="62">
        <v>1337</v>
      </c>
      <c r="G5" s="63">
        <v>1027</v>
      </c>
      <c r="H5" s="62">
        <v>10939</v>
      </c>
      <c r="I5" s="62">
        <v>6363</v>
      </c>
      <c r="J5" s="62">
        <v>4576</v>
      </c>
      <c r="K5" s="61">
        <v>9473</v>
      </c>
      <c r="L5" s="75">
        <v>5594</v>
      </c>
      <c r="M5" s="76">
        <v>3879</v>
      </c>
    </row>
    <row r="6" spans="1:13" ht="23.25" customHeight="1">
      <c r="A6" s="36" t="s">
        <v>2</v>
      </c>
      <c r="B6" s="64">
        <v>1354</v>
      </c>
      <c r="C6" s="65">
        <v>687</v>
      </c>
      <c r="D6" s="65">
        <v>667</v>
      </c>
      <c r="E6" s="64">
        <v>3</v>
      </c>
      <c r="F6" s="65">
        <v>1</v>
      </c>
      <c r="G6" s="66">
        <v>2</v>
      </c>
      <c r="H6" s="65">
        <v>496</v>
      </c>
      <c r="I6" s="65">
        <v>252</v>
      </c>
      <c r="J6" s="65">
        <v>244</v>
      </c>
      <c r="K6" s="64">
        <v>422</v>
      </c>
      <c r="L6" s="77">
        <v>201</v>
      </c>
      <c r="M6" s="78">
        <v>221</v>
      </c>
    </row>
    <row r="7" spans="1:13">
      <c r="A7" s="15" t="s">
        <v>4</v>
      </c>
      <c r="B7" s="67">
        <v>1294</v>
      </c>
      <c r="C7" s="68">
        <v>640</v>
      </c>
      <c r="D7" s="68">
        <v>654</v>
      </c>
      <c r="E7" s="67">
        <v>0</v>
      </c>
      <c r="F7" s="68">
        <v>0</v>
      </c>
      <c r="G7" s="69">
        <v>0</v>
      </c>
      <c r="H7" s="68">
        <v>62</v>
      </c>
      <c r="I7" s="68">
        <v>34</v>
      </c>
      <c r="J7" s="68">
        <v>28</v>
      </c>
      <c r="K7" s="67">
        <v>51</v>
      </c>
      <c r="L7" s="79">
        <v>31</v>
      </c>
      <c r="M7" s="80">
        <v>20</v>
      </c>
    </row>
    <row r="8" spans="1:13">
      <c r="A8" s="15" t="s">
        <v>6</v>
      </c>
      <c r="B8" s="67">
        <v>18</v>
      </c>
      <c r="C8" s="68">
        <v>16</v>
      </c>
      <c r="D8" s="68">
        <v>2</v>
      </c>
      <c r="E8" s="67">
        <v>2</v>
      </c>
      <c r="F8" s="68">
        <v>1</v>
      </c>
      <c r="G8" s="69">
        <v>1</v>
      </c>
      <c r="H8" s="68">
        <v>137</v>
      </c>
      <c r="I8" s="68">
        <v>73</v>
      </c>
      <c r="J8" s="68">
        <v>64</v>
      </c>
      <c r="K8" s="67">
        <v>117</v>
      </c>
      <c r="L8" s="79">
        <v>56</v>
      </c>
      <c r="M8" s="80">
        <v>61</v>
      </c>
    </row>
    <row r="9" spans="1:13">
      <c r="A9" s="15" t="s">
        <v>8</v>
      </c>
      <c r="B9" s="67">
        <v>28</v>
      </c>
      <c r="C9" s="68">
        <v>9</v>
      </c>
      <c r="D9" s="68">
        <v>19</v>
      </c>
      <c r="E9" s="67">
        <v>1</v>
      </c>
      <c r="F9" s="68">
        <v>0</v>
      </c>
      <c r="G9" s="69">
        <v>1</v>
      </c>
      <c r="H9" s="68">
        <v>125</v>
      </c>
      <c r="I9" s="68">
        <v>56</v>
      </c>
      <c r="J9" s="68">
        <v>69</v>
      </c>
      <c r="K9" s="67">
        <v>96</v>
      </c>
      <c r="L9" s="79">
        <v>47</v>
      </c>
      <c r="M9" s="80">
        <v>49</v>
      </c>
    </row>
    <row r="10" spans="1:13">
      <c r="A10" s="15" t="s">
        <v>10</v>
      </c>
      <c r="B10" s="67">
        <v>16</v>
      </c>
      <c r="C10" s="68">
        <v>17</v>
      </c>
      <c r="D10" s="68">
        <v>-1</v>
      </c>
      <c r="E10" s="67">
        <v>0</v>
      </c>
      <c r="F10" s="68">
        <v>0</v>
      </c>
      <c r="G10" s="69">
        <v>0</v>
      </c>
      <c r="H10" s="68">
        <v>100</v>
      </c>
      <c r="I10" s="68">
        <v>47</v>
      </c>
      <c r="J10" s="68">
        <v>53</v>
      </c>
      <c r="K10" s="67">
        <v>84</v>
      </c>
      <c r="L10" s="79">
        <v>30</v>
      </c>
      <c r="M10" s="80">
        <v>54</v>
      </c>
    </row>
    <row r="11" spans="1:13">
      <c r="A11" s="15" t="s">
        <v>12</v>
      </c>
      <c r="B11" s="67">
        <v>-2</v>
      </c>
      <c r="C11" s="68">
        <v>5</v>
      </c>
      <c r="D11" s="68">
        <v>-7</v>
      </c>
      <c r="E11" s="67">
        <v>0</v>
      </c>
      <c r="F11" s="68">
        <v>0</v>
      </c>
      <c r="G11" s="69">
        <v>0</v>
      </c>
      <c r="H11" s="68">
        <v>72</v>
      </c>
      <c r="I11" s="68">
        <v>42</v>
      </c>
      <c r="J11" s="68">
        <v>30</v>
      </c>
      <c r="K11" s="67">
        <v>74</v>
      </c>
      <c r="L11" s="79">
        <v>37</v>
      </c>
      <c r="M11" s="80">
        <v>37</v>
      </c>
    </row>
    <row r="12" spans="1:13" ht="21" customHeight="1">
      <c r="A12" s="36" t="s">
        <v>14</v>
      </c>
      <c r="B12" s="64">
        <v>38</v>
      </c>
      <c r="C12" s="65">
        <v>19</v>
      </c>
      <c r="D12" s="65">
        <v>19</v>
      </c>
      <c r="E12" s="64">
        <v>0</v>
      </c>
      <c r="F12" s="65">
        <v>0</v>
      </c>
      <c r="G12" s="66">
        <v>0</v>
      </c>
      <c r="H12" s="65">
        <v>275</v>
      </c>
      <c r="I12" s="65">
        <v>137</v>
      </c>
      <c r="J12" s="65">
        <v>138</v>
      </c>
      <c r="K12" s="64">
        <v>237</v>
      </c>
      <c r="L12" s="77">
        <v>118</v>
      </c>
      <c r="M12" s="78">
        <v>119</v>
      </c>
    </row>
    <row r="13" spans="1:13">
      <c r="A13" s="15" t="s">
        <v>16</v>
      </c>
      <c r="B13" s="67">
        <v>-1</v>
      </c>
      <c r="C13" s="68">
        <v>2</v>
      </c>
      <c r="D13" s="68">
        <v>-3</v>
      </c>
      <c r="E13" s="67">
        <v>0</v>
      </c>
      <c r="F13" s="68">
        <v>0</v>
      </c>
      <c r="G13" s="69">
        <v>0</v>
      </c>
      <c r="H13" s="68">
        <v>64</v>
      </c>
      <c r="I13" s="68">
        <v>36</v>
      </c>
      <c r="J13" s="68">
        <v>28</v>
      </c>
      <c r="K13" s="67">
        <v>65</v>
      </c>
      <c r="L13" s="79">
        <v>34</v>
      </c>
      <c r="M13" s="80">
        <v>31</v>
      </c>
    </row>
    <row r="14" spans="1:13">
      <c r="A14" s="15" t="s">
        <v>18</v>
      </c>
      <c r="B14" s="67">
        <v>13</v>
      </c>
      <c r="C14" s="68">
        <v>16</v>
      </c>
      <c r="D14" s="68">
        <v>-3</v>
      </c>
      <c r="E14" s="67">
        <v>0</v>
      </c>
      <c r="F14" s="68">
        <v>0</v>
      </c>
      <c r="G14" s="69">
        <v>0</v>
      </c>
      <c r="H14" s="68">
        <v>68</v>
      </c>
      <c r="I14" s="68">
        <v>36</v>
      </c>
      <c r="J14" s="68">
        <v>32</v>
      </c>
      <c r="K14" s="67">
        <v>55</v>
      </c>
      <c r="L14" s="79">
        <v>20</v>
      </c>
      <c r="M14" s="80">
        <v>35</v>
      </c>
    </row>
    <row r="15" spans="1:13">
      <c r="A15" s="15" t="s">
        <v>20</v>
      </c>
      <c r="B15" s="67">
        <v>3</v>
      </c>
      <c r="C15" s="68">
        <v>-5</v>
      </c>
      <c r="D15" s="68">
        <v>8</v>
      </c>
      <c r="E15" s="67">
        <v>0</v>
      </c>
      <c r="F15" s="68">
        <v>0</v>
      </c>
      <c r="G15" s="69">
        <v>0</v>
      </c>
      <c r="H15" s="68">
        <v>62</v>
      </c>
      <c r="I15" s="68">
        <v>31</v>
      </c>
      <c r="J15" s="68">
        <v>31</v>
      </c>
      <c r="K15" s="67">
        <v>59</v>
      </c>
      <c r="L15" s="79">
        <v>36</v>
      </c>
      <c r="M15" s="80">
        <v>23</v>
      </c>
    </row>
    <row r="16" spans="1:13">
      <c r="A16" s="15" t="s">
        <v>22</v>
      </c>
      <c r="B16" s="67">
        <v>13</v>
      </c>
      <c r="C16" s="68">
        <v>2</v>
      </c>
      <c r="D16" s="68">
        <v>11</v>
      </c>
      <c r="E16" s="67">
        <v>0</v>
      </c>
      <c r="F16" s="68">
        <v>0</v>
      </c>
      <c r="G16" s="69">
        <v>0</v>
      </c>
      <c r="H16" s="68">
        <v>41</v>
      </c>
      <c r="I16" s="68">
        <v>18</v>
      </c>
      <c r="J16" s="68">
        <v>23</v>
      </c>
      <c r="K16" s="67">
        <v>28</v>
      </c>
      <c r="L16" s="79">
        <v>16</v>
      </c>
      <c r="M16" s="80">
        <v>12</v>
      </c>
    </row>
    <row r="17" spans="1:13">
      <c r="A17" s="15" t="s">
        <v>24</v>
      </c>
      <c r="B17" s="67">
        <v>10</v>
      </c>
      <c r="C17" s="68">
        <v>4</v>
      </c>
      <c r="D17" s="68">
        <v>6</v>
      </c>
      <c r="E17" s="67">
        <v>0</v>
      </c>
      <c r="F17" s="68">
        <v>0</v>
      </c>
      <c r="G17" s="69">
        <v>0</v>
      </c>
      <c r="H17" s="68">
        <v>40</v>
      </c>
      <c r="I17" s="68">
        <v>16</v>
      </c>
      <c r="J17" s="68">
        <v>24</v>
      </c>
      <c r="K17" s="67">
        <v>30</v>
      </c>
      <c r="L17" s="79">
        <v>12</v>
      </c>
      <c r="M17" s="80">
        <v>18</v>
      </c>
    </row>
    <row r="18" spans="1:13" ht="21" customHeight="1">
      <c r="A18" s="36" t="s">
        <v>26</v>
      </c>
      <c r="B18" s="64">
        <v>49</v>
      </c>
      <c r="C18" s="65">
        <v>21</v>
      </c>
      <c r="D18" s="65">
        <v>28</v>
      </c>
      <c r="E18" s="64">
        <v>0</v>
      </c>
      <c r="F18" s="65">
        <v>0</v>
      </c>
      <c r="G18" s="66">
        <v>0</v>
      </c>
      <c r="H18" s="65">
        <v>164</v>
      </c>
      <c r="I18" s="65">
        <v>79</v>
      </c>
      <c r="J18" s="65">
        <v>85</v>
      </c>
      <c r="K18" s="64">
        <v>115</v>
      </c>
      <c r="L18" s="77">
        <v>58</v>
      </c>
      <c r="M18" s="78">
        <v>57</v>
      </c>
    </row>
    <row r="19" spans="1:13">
      <c r="A19" s="15" t="s">
        <v>28</v>
      </c>
      <c r="B19" s="67">
        <v>2</v>
      </c>
      <c r="C19" s="68">
        <v>6</v>
      </c>
      <c r="D19" s="68">
        <v>-4</v>
      </c>
      <c r="E19" s="67">
        <v>0</v>
      </c>
      <c r="F19" s="68">
        <v>0</v>
      </c>
      <c r="G19" s="69">
        <v>0</v>
      </c>
      <c r="H19" s="68">
        <v>32</v>
      </c>
      <c r="I19" s="68">
        <v>19</v>
      </c>
      <c r="J19" s="68">
        <v>13</v>
      </c>
      <c r="K19" s="67">
        <v>30</v>
      </c>
      <c r="L19" s="79">
        <v>13</v>
      </c>
      <c r="M19" s="80">
        <v>17</v>
      </c>
    </row>
    <row r="20" spans="1:13">
      <c r="A20" s="15" t="s">
        <v>30</v>
      </c>
      <c r="B20" s="67">
        <v>9</v>
      </c>
      <c r="C20" s="68">
        <v>5</v>
      </c>
      <c r="D20" s="68">
        <v>4</v>
      </c>
      <c r="E20" s="67">
        <v>0</v>
      </c>
      <c r="F20" s="68">
        <v>0</v>
      </c>
      <c r="G20" s="69">
        <v>0</v>
      </c>
      <c r="H20" s="68">
        <v>37</v>
      </c>
      <c r="I20" s="68">
        <v>19</v>
      </c>
      <c r="J20" s="68">
        <v>18</v>
      </c>
      <c r="K20" s="67">
        <v>28</v>
      </c>
      <c r="L20" s="79">
        <v>14</v>
      </c>
      <c r="M20" s="80">
        <v>14</v>
      </c>
    </row>
    <row r="21" spans="1:13">
      <c r="A21" s="15" t="s">
        <v>32</v>
      </c>
      <c r="B21" s="67">
        <v>14</v>
      </c>
      <c r="C21" s="68">
        <v>3</v>
      </c>
      <c r="D21" s="68">
        <v>11</v>
      </c>
      <c r="E21" s="67">
        <v>0</v>
      </c>
      <c r="F21" s="68">
        <v>0</v>
      </c>
      <c r="G21" s="69">
        <v>0</v>
      </c>
      <c r="H21" s="68">
        <v>37</v>
      </c>
      <c r="I21" s="68">
        <v>17</v>
      </c>
      <c r="J21" s="68">
        <v>20</v>
      </c>
      <c r="K21" s="67">
        <v>23</v>
      </c>
      <c r="L21" s="79">
        <v>14</v>
      </c>
      <c r="M21" s="80">
        <v>9</v>
      </c>
    </row>
    <row r="22" spans="1:13">
      <c r="A22" s="15" t="s">
        <v>34</v>
      </c>
      <c r="B22" s="67">
        <v>9</v>
      </c>
      <c r="C22" s="68">
        <v>7</v>
      </c>
      <c r="D22" s="68">
        <v>2</v>
      </c>
      <c r="E22" s="67">
        <v>0</v>
      </c>
      <c r="F22" s="68">
        <v>0</v>
      </c>
      <c r="G22" s="69">
        <v>0</v>
      </c>
      <c r="H22" s="68">
        <v>30</v>
      </c>
      <c r="I22" s="68">
        <v>16</v>
      </c>
      <c r="J22" s="68">
        <v>14</v>
      </c>
      <c r="K22" s="67">
        <v>21</v>
      </c>
      <c r="L22" s="79">
        <v>9</v>
      </c>
      <c r="M22" s="80">
        <v>12</v>
      </c>
    </row>
    <row r="23" spans="1:13">
      <c r="A23" s="15" t="s">
        <v>36</v>
      </c>
      <c r="B23" s="67">
        <v>15</v>
      </c>
      <c r="C23" s="68">
        <v>0</v>
      </c>
      <c r="D23" s="68">
        <v>15</v>
      </c>
      <c r="E23" s="67">
        <v>0</v>
      </c>
      <c r="F23" s="68">
        <v>0</v>
      </c>
      <c r="G23" s="69">
        <v>0</v>
      </c>
      <c r="H23" s="68">
        <v>28</v>
      </c>
      <c r="I23" s="68">
        <v>8</v>
      </c>
      <c r="J23" s="68">
        <v>20</v>
      </c>
      <c r="K23" s="67">
        <v>13</v>
      </c>
      <c r="L23" s="79">
        <v>8</v>
      </c>
      <c r="M23" s="80">
        <v>5</v>
      </c>
    </row>
    <row r="24" spans="1:13" ht="21" customHeight="1">
      <c r="A24" s="36" t="s">
        <v>38</v>
      </c>
      <c r="B24" s="64">
        <v>224</v>
      </c>
      <c r="C24" s="65">
        <v>147</v>
      </c>
      <c r="D24" s="65">
        <v>77</v>
      </c>
      <c r="E24" s="64">
        <v>3</v>
      </c>
      <c r="F24" s="65">
        <v>3</v>
      </c>
      <c r="G24" s="66">
        <v>0</v>
      </c>
      <c r="H24" s="65">
        <v>430</v>
      </c>
      <c r="I24" s="65">
        <v>253</v>
      </c>
      <c r="J24" s="65">
        <v>177</v>
      </c>
      <c r="K24" s="64">
        <v>203</v>
      </c>
      <c r="L24" s="77">
        <v>103</v>
      </c>
      <c r="M24" s="78">
        <v>100</v>
      </c>
    </row>
    <row r="25" spans="1:13">
      <c r="A25" s="15" t="s">
        <v>40</v>
      </c>
      <c r="B25" s="67">
        <v>8</v>
      </c>
      <c r="C25" s="68">
        <v>4</v>
      </c>
      <c r="D25" s="68">
        <v>4</v>
      </c>
      <c r="E25" s="67">
        <v>1</v>
      </c>
      <c r="F25" s="68">
        <v>1</v>
      </c>
      <c r="G25" s="69">
        <v>0</v>
      </c>
      <c r="H25" s="68">
        <v>26</v>
      </c>
      <c r="I25" s="68">
        <v>15</v>
      </c>
      <c r="J25" s="68">
        <v>11</v>
      </c>
      <c r="K25" s="67">
        <v>17</v>
      </c>
      <c r="L25" s="79">
        <v>10</v>
      </c>
      <c r="M25" s="80">
        <v>7</v>
      </c>
    </row>
    <row r="26" spans="1:13">
      <c r="A26" s="15" t="s">
        <v>42</v>
      </c>
      <c r="B26" s="67">
        <v>8</v>
      </c>
      <c r="C26" s="68">
        <v>2</v>
      </c>
      <c r="D26" s="68">
        <v>6</v>
      </c>
      <c r="E26" s="67">
        <v>0</v>
      </c>
      <c r="F26" s="68">
        <v>0</v>
      </c>
      <c r="G26" s="69">
        <v>0</v>
      </c>
      <c r="H26" s="68">
        <v>38</v>
      </c>
      <c r="I26" s="68">
        <v>18</v>
      </c>
      <c r="J26" s="68">
        <v>20</v>
      </c>
      <c r="K26" s="67">
        <v>30</v>
      </c>
      <c r="L26" s="79">
        <v>16</v>
      </c>
      <c r="M26" s="80">
        <v>14</v>
      </c>
    </row>
    <row r="27" spans="1:13">
      <c r="A27" s="15" t="s">
        <v>44</v>
      </c>
      <c r="B27" s="67">
        <v>4</v>
      </c>
      <c r="C27" s="68">
        <v>-1</v>
      </c>
      <c r="D27" s="68">
        <v>5</v>
      </c>
      <c r="E27" s="67">
        <v>0</v>
      </c>
      <c r="F27" s="68">
        <v>0</v>
      </c>
      <c r="G27" s="69">
        <v>0</v>
      </c>
      <c r="H27" s="68">
        <v>16</v>
      </c>
      <c r="I27" s="68">
        <v>6</v>
      </c>
      <c r="J27" s="68">
        <v>10</v>
      </c>
      <c r="K27" s="67">
        <v>12</v>
      </c>
      <c r="L27" s="79">
        <v>7</v>
      </c>
      <c r="M27" s="80">
        <v>5</v>
      </c>
    </row>
    <row r="28" spans="1:13">
      <c r="A28" s="15" t="s">
        <v>46</v>
      </c>
      <c r="B28" s="67">
        <v>39</v>
      </c>
      <c r="C28" s="68">
        <v>24</v>
      </c>
      <c r="D28" s="68">
        <v>15</v>
      </c>
      <c r="E28" s="67">
        <v>2</v>
      </c>
      <c r="F28" s="68">
        <v>2</v>
      </c>
      <c r="G28" s="69">
        <v>0</v>
      </c>
      <c r="H28" s="68">
        <v>89</v>
      </c>
      <c r="I28" s="68">
        <v>52</v>
      </c>
      <c r="J28" s="68">
        <v>37</v>
      </c>
      <c r="K28" s="67">
        <v>48</v>
      </c>
      <c r="L28" s="79">
        <v>26</v>
      </c>
      <c r="M28" s="80">
        <v>22</v>
      </c>
    </row>
    <row r="29" spans="1:13">
      <c r="A29" s="15" t="s">
        <v>48</v>
      </c>
      <c r="B29" s="67">
        <v>165</v>
      </c>
      <c r="C29" s="68">
        <v>118</v>
      </c>
      <c r="D29" s="68">
        <v>47</v>
      </c>
      <c r="E29" s="67">
        <v>0</v>
      </c>
      <c r="F29" s="68">
        <v>0</v>
      </c>
      <c r="G29" s="69">
        <v>0</v>
      </c>
      <c r="H29" s="68">
        <v>261</v>
      </c>
      <c r="I29" s="68">
        <v>162</v>
      </c>
      <c r="J29" s="68">
        <v>99</v>
      </c>
      <c r="K29" s="67">
        <v>96</v>
      </c>
      <c r="L29" s="79">
        <v>44</v>
      </c>
      <c r="M29" s="80">
        <v>52</v>
      </c>
    </row>
    <row r="30" spans="1:13" ht="21" customHeight="1">
      <c r="A30" s="36" t="s">
        <v>50</v>
      </c>
      <c r="B30" s="64">
        <v>285</v>
      </c>
      <c r="C30" s="65">
        <v>170</v>
      </c>
      <c r="D30" s="65">
        <v>115</v>
      </c>
      <c r="E30" s="64">
        <v>5</v>
      </c>
      <c r="F30" s="65">
        <v>3</v>
      </c>
      <c r="G30" s="66">
        <v>2</v>
      </c>
      <c r="H30" s="65">
        <v>1866</v>
      </c>
      <c r="I30" s="65">
        <v>1058</v>
      </c>
      <c r="J30" s="65">
        <v>808</v>
      </c>
      <c r="K30" s="64">
        <v>1576</v>
      </c>
      <c r="L30" s="77">
        <v>885</v>
      </c>
      <c r="M30" s="78">
        <v>691</v>
      </c>
    </row>
    <row r="31" spans="1:13">
      <c r="A31" s="15" t="s">
        <v>52</v>
      </c>
      <c r="B31" s="67">
        <v>29</v>
      </c>
      <c r="C31" s="68">
        <v>44</v>
      </c>
      <c r="D31" s="68">
        <v>-15</v>
      </c>
      <c r="E31" s="67">
        <v>0</v>
      </c>
      <c r="F31" s="68">
        <v>0</v>
      </c>
      <c r="G31" s="69">
        <v>0</v>
      </c>
      <c r="H31" s="68">
        <v>159</v>
      </c>
      <c r="I31" s="68">
        <v>105</v>
      </c>
      <c r="J31" s="68">
        <v>54</v>
      </c>
      <c r="K31" s="67">
        <v>130</v>
      </c>
      <c r="L31" s="79">
        <v>61</v>
      </c>
      <c r="M31" s="80">
        <v>69</v>
      </c>
    </row>
    <row r="32" spans="1:13">
      <c r="A32" s="15" t="s">
        <v>54</v>
      </c>
      <c r="B32" s="67">
        <v>75</v>
      </c>
      <c r="C32" s="68">
        <v>45</v>
      </c>
      <c r="D32" s="68">
        <v>30</v>
      </c>
      <c r="E32" s="67">
        <v>1</v>
      </c>
      <c r="F32" s="68">
        <v>1</v>
      </c>
      <c r="G32" s="69">
        <v>0</v>
      </c>
      <c r="H32" s="68">
        <v>261</v>
      </c>
      <c r="I32" s="68">
        <v>138</v>
      </c>
      <c r="J32" s="68">
        <v>123</v>
      </c>
      <c r="K32" s="67">
        <v>185</v>
      </c>
      <c r="L32" s="79">
        <v>92</v>
      </c>
      <c r="M32" s="80">
        <v>93</v>
      </c>
    </row>
    <row r="33" spans="1:13">
      <c r="A33" s="15" t="s">
        <v>56</v>
      </c>
      <c r="B33" s="67">
        <v>55</v>
      </c>
      <c r="C33" s="68">
        <v>33</v>
      </c>
      <c r="D33" s="68">
        <v>22</v>
      </c>
      <c r="E33" s="67">
        <v>0</v>
      </c>
      <c r="F33" s="68">
        <v>0</v>
      </c>
      <c r="G33" s="69">
        <v>0</v>
      </c>
      <c r="H33" s="68">
        <v>386</v>
      </c>
      <c r="I33" s="68">
        <v>219</v>
      </c>
      <c r="J33" s="68">
        <v>167</v>
      </c>
      <c r="K33" s="67">
        <v>331</v>
      </c>
      <c r="L33" s="79">
        <v>186</v>
      </c>
      <c r="M33" s="80">
        <v>145</v>
      </c>
    </row>
    <row r="34" spans="1:13">
      <c r="A34" s="15" t="s">
        <v>58</v>
      </c>
      <c r="B34" s="67">
        <v>64</v>
      </c>
      <c r="C34" s="68">
        <v>12</v>
      </c>
      <c r="D34" s="68">
        <v>52</v>
      </c>
      <c r="E34" s="67">
        <v>0</v>
      </c>
      <c r="F34" s="68">
        <v>0</v>
      </c>
      <c r="G34" s="69">
        <v>0</v>
      </c>
      <c r="H34" s="68">
        <v>586</v>
      </c>
      <c r="I34" s="68">
        <v>316</v>
      </c>
      <c r="J34" s="68">
        <v>270</v>
      </c>
      <c r="K34" s="67">
        <v>522</v>
      </c>
      <c r="L34" s="79">
        <v>304</v>
      </c>
      <c r="M34" s="80">
        <v>218</v>
      </c>
    </row>
    <row r="35" spans="1:13">
      <c r="A35" s="15" t="s">
        <v>60</v>
      </c>
      <c r="B35" s="67">
        <v>62</v>
      </c>
      <c r="C35" s="68">
        <v>36</v>
      </c>
      <c r="D35" s="68">
        <v>26</v>
      </c>
      <c r="E35" s="67">
        <v>4</v>
      </c>
      <c r="F35" s="68">
        <v>2</v>
      </c>
      <c r="G35" s="69">
        <v>2</v>
      </c>
      <c r="H35" s="68">
        <v>474</v>
      </c>
      <c r="I35" s="68">
        <v>280</v>
      </c>
      <c r="J35" s="68">
        <v>194</v>
      </c>
      <c r="K35" s="67">
        <v>408</v>
      </c>
      <c r="L35" s="79">
        <v>242</v>
      </c>
      <c r="M35" s="80">
        <v>166</v>
      </c>
    </row>
    <row r="36" spans="1:13" ht="21" customHeight="1">
      <c r="A36" s="36" t="s">
        <v>62</v>
      </c>
      <c r="B36" s="64">
        <v>241</v>
      </c>
      <c r="C36" s="65">
        <v>174</v>
      </c>
      <c r="D36" s="65">
        <v>67</v>
      </c>
      <c r="E36" s="64">
        <v>4</v>
      </c>
      <c r="F36" s="65">
        <v>4</v>
      </c>
      <c r="G36" s="66">
        <v>0</v>
      </c>
      <c r="H36" s="65">
        <v>2436</v>
      </c>
      <c r="I36" s="65">
        <v>1454</v>
      </c>
      <c r="J36" s="65">
        <v>982</v>
      </c>
      <c r="K36" s="64">
        <v>2191</v>
      </c>
      <c r="L36" s="77">
        <v>1276</v>
      </c>
      <c r="M36" s="78">
        <v>915</v>
      </c>
    </row>
    <row r="37" spans="1:13">
      <c r="A37" s="15" t="s">
        <v>64</v>
      </c>
      <c r="B37" s="67">
        <v>91</v>
      </c>
      <c r="C37" s="68">
        <v>68</v>
      </c>
      <c r="D37" s="68">
        <v>23</v>
      </c>
      <c r="E37" s="67">
        <v>1</v>
      </c>
      <c r="F37" s="68">
        <v>1</v>
      </c>
      <c r="G37" s="69">
        <v>0</v>
      </c>
      <c r="H37" s="68">
        <v>557</v>
      </c>
      <c r="I37" s="68">
        <v>330</v>
      </c>
      <c r="J37" s="68">
        <v>227</v>
      </c>
      <c r="K37" s="67">
        <v>465</v>
      </c>
      <c r="L37" s="79">
        <v>261</v>
      </c>
      <c r="M37" s="80">
        <v>204</v>
      </c>
    </row>
    <row r="38" spans="1:13">
      <c r="A38" s="15" t="s">
        <v>66</v>
      </c>
      <c r="B38" s="67">
        <v>31</v>
      </c>
      <c r="C38" s="68">
        <v>31</v>
      </c>
      <c r="D38" s="68">
        <v>0</v>
      </c>
      <c r="E38" s="67">
        <v>1</v>
      </c>
      <c r="F38" s="68">
        <v>1</v>
      </c>
      <c r="G38" s="69">
        <v>0</v>
      </c>
      <c r="H38" s="68">
        <v>519</v>
      </c>
      <c r="I38" s="68">
        <v>310</v>
      </c>
      <c r="J38" s="68">
        <v>209</v>
      </c>
      <c r="K38" s="67">
        <v>487</v>
      </c>
      <c r="L38" s="79">
        <v>278</v>
      </c>
      <c r="M38" s="80">
        <v>209</v>
      </c>
    </row>
    <row r="39" spans="1:13">
      <c r="A39" s="15" t="s">
        <v>68</v>
      </c>
      <c r="B39" s="67">
        <v>77</v>
      </c>
      <c r="C39" s="68">
        <v>41</v>
      </c>
      <c r="D39" s="68">
        <v>36</v>
      </c>
      <c r="E39" s="67">
        <v>1</v>
      </c>
      <c r="F39" s="68">
        <v>1</v>
      </c>
      <c r="G39" s="69">
        <v>0</v>
      </c>
      <c r="H39" s="68">
        <v>506</v>
      </c>
      <c r="I39" s="68">
        <v>283</v>
      </c>
      <c r="J39" s="68">
        <v>223</v>
      </c>
      <c r="K39" s="67">
        <v>428</v>
      </c>
      <c r="L39" s="79">
        <v>241</v>
      </c>
      <c r="M39" s="80">
        <v>187</v>
      </c>
    </row>
    <row r="40" spans="1:13">
      <c r="A40" s="15" t="s">
        <v>70</v>
      </c>
      <c r="B40" s="67">
        <v>20</v>
      </c>
      <c r="C40" s="68">
        <v>7</v>
      </c>
      <c r="D40" s="68">
        <v>13</v>
      </c>
      <c r="E40" s="67">
        <v>1</v>
      </c>
      <c r="F40" s="68">
        <v>1</v>
      </c>
      <c r="G40" s="69">
        <v>0</v>
      </c>
      <c r="H40" s="68">
        <v>448</v>
      </c>
      <c r="I40" s="68">
        <v>271</v>
      </c>
      <c r="J40" s="68">
        <v>177</v>
      </c>
      <c r="K40" s="67">
        <v>427</v>
      </c>
      <c r="L40" s="79">
        <v>263</v>
      </c>
      <c r="M40" s="80">
        <v>164</v>
      </c>
    </row>
    <row r="41" spans="1:13">
      <c r="A41" s="15" t="s">
        <v>72</v>
      </c>
      <c r="B41" s="67">
        <v>22</v>
      </c>
      <c r="C41" s="68">
        <v>27</v>
      </c>
      <c r="D41" s="68">
        <v>-5</v>
      </c>
      <c r="E41" s="67">
        <v>0</v>
      </c>
      <c r="F41" s="68">
        <v>0</v>
      </c>
      <c r="G41" s="69">
        <v>0</v>
      </c>
      <c r="H41" s="68">
        <v>406</v>
      </c>
      <c r="I41" s="68">
        <v>260</v>
      </c>
      <c r="J41" s="68">
        <v>146</v>
      </c>
      <c r="K41" s="67">
        <v>384</v>
      </c>
      <c r="L41" s="79">
        <v>233</v>
      </c>
      <c r="M41" s="80">
        <v>151</v>
      </c>
    </row>
    <row r="42" spans="1:13" ht="21" customHeight="1">
      <c r="A42" s="36" t="s">
        <v>74</v>
      </c>
      <c r="B42" s="64">
        <v>113</v>
      </c>
      <c r="C42" s="65">
        <v>43</v>
      </c>
      <c r="D42" s="65">
        <v>70</v>
      </c>
      <c r="E42" s="64">
        <v>6</v>
      </c>
      <c r="F42" s="65">
        <v>4</v>
      </c>
      <c r="G42" s="66">
        <v>2</v>
      </c>
      <c r="H42" s="65">
        <v>1482</v>
      </c>
      <c r="I42" s="65">
        <v>895</v>
      </c>
      <c r="J42" s="65">
        <v>587</v>
      </c>
      <c r="K42" s="64">
        <v>1363</v>
      </c>
      <c r="L42" s="77">
        <v>848</v>
      </c>
      <c r="M42" s="78">
        <v>515</v>
      </c>
    </row>
    <row r="43" spans="1:13">
      <c r="A43" s="15" t="s">
        <v>76</v>
      </c>
      <c r="B43" s="67">
        <v>23</v>
      </c>
      <c r="C43" s="68">
        <v>2</v>
      </c>
      <c r="D43" s="68">
        <v>21</v>
      </c>
      <c r="E43" s="67">
        <v>3</v>
      </c>
      <c r="F43" s="68">
        <v>2</v>
      </c>
      <c r="G43" s="69">
        <v>1</v>
      </c>
      <c r="H43" s="68">
        <v>367</v>
      </c>
      <c r="I43" s="68">
        <v>214</v>
      </c>
      <c r="J43" s="68">
        <v>153</v>
      </c>
      <c r="K43" s="67">
        <v>341</v>
      </c>
      <c r="L43" s="79">
        <v>210</v>
      </c>
      <c r="M43" s="80">
        <v>131</v>
      </c>
    </row>
    <row r="44" spans="1:13">
      <c r="A44" s="15" t="s">
        <v>78</v>
      </c>
      <c r="B44" s="67">
        <v>20</v>
      </c>
      <c r="C44" s="68">
        <v>-2</v>
      </c>
      <c r="D44" s="68">
        <v>22</v>
      </c>
      <c r="E44" s="67">
        <v>2</v>
      </c>
      <c r="F44" s="68">
        <v>1</v>
      </c>
      <c r="G44" s="69">
        <v>1</v>
      </c>
      <c r="H44" s="68">
        <v>313</v>
      </c>
      <c r="I44" s="68">
        <v>175</v>
      </c>
      <c r="J44" s="68">
        <v>138</v>
      </c>
      <c r="K44" s="67">
        <v>291</v>
      </c>
      <c r="L44" s="79">
        <v>176</v>
      </c>
      <c r="M44" s="80">
        <v>115</v>
      </c>
    </row>
    <row r="45" spans="1:13">
      <c r="A45" s="15" t="s">
        <v>80</v>
      </c>
      <c r="B45" s="67">
        <v>23</v>
      </c>
      <c r="C45" s="68">
        <v>11</v>
      </c>
      <c r="D45" s="68">
        <v>12</v>
      </c>
      <c r="E45" s="67">
        <v>0</v>
      </c>
      <c r="F45" s="68">
        <v>0</v>
      </c>
      <c r="G45" s="69">
        <v>0</v>
      </c>
      <c r="H45" s="68">
        <v>274</v>
      </c>
      <c r="I45" s="68">
        <v>162</v>
      </c>
      <c r="J45" s="68">
        <v>112</v>
      </c>
      <c r="K45" s="67">
        <v>251</v>
      </c>
      <c r="L45" s="79">
        <v>151</v>
      </c>
      <c r="M45" s="80">
        <v>100</v>
      </c>
    </row>
    <row r="46" spans="1:13">
      <c r="A46" s="15" t="s">
        <v>82</v>
      </c>
      <c r="B46" s="67">
        <v>37</v>
      </c>
      <c r="C46" s="68">
        <v>32</v>
      </c>
      <c r="D46" s="68">
        <v>5</v>
      </c>
      <c r="E46" s="67">
        <v>1</v>
      </c>
      <c r="F46" s="68">
        <v>1</v>
      </c>
      <c r="G46" s="69">
        <v>0</v>
      </c>
      <c r="H46" s="68">
        <v>281</v>
      </c>
      <c r="I46" s="68">
        <v>185</v>
      </c>
      <c r="J46" s="68">
        <v>96</v>
      </c>
      <c r="K46" s="67">
        <v>243</v>
      </c>
      <c r="L46" s="79">
        <v>152</v>
      </c>
      <c r="M46" s="80">
        <v>91</v>
      </c>
    </row>
    <row r="47" spans="1:13">
      <c r="A47" s="15" t="s">
        <v>84</v>
      </c>
      <c r="B47" s="67">
        <v>10</v>
      </c>
      <c r="C47" s="68">
        <v>0</v>
      </c>
      <c r="D47" s="68">
        <v>10</v>
      </c>
      <c r="E47" s="67">
        <v>0</v>
      </c>
      <c r="F47" s="68">
        <v>0</v>
      </c>
      <c r="G47" s="69">
        <v>0</v>
      </c>
      <c r="H47" s="68">
        <v>247</v>
      </c>
      <c r="I47" s="68">
        <v>159</v>
      </c>
      <c r="J47" s="68">
        <v>88</v>
      </c>
      <c r="K47" s="67">
        <v>237</v>
      </c>
      <c r="L47" s="79">
        <v>159</v>
      </c>
      <c r="M47" s="80">
        <v>78</v>
      </c>
    </row>
    <row r="48" spans="1:13" ht="21" customHeight="1">
      <c r="A48" s="36" t="s">
        <v>86</v>
      </c>
      <c r="B48" s="64">
        <v>109</v>
      </c>
      <c r="C48" s="65">
        <v>33</v>
      </c>
      <c r="D48" s="65">
        <v>76</v>
      </c>
      <c r="E48" s="64">
        <v>7</v>
      </c>
      <c r="F48" s="65">
        <v>4</v>
      </c>
      <c r="G48" s="66">
        <v>3</v>
      </c>
      <c r="H48" s="65">
        <v>981</v>
      </c>
      <c r="I48" s="65">
        <v>604</v>
      </c>
      <c r="J48" s="65">
        <v>377</v>
      </c>
      <c r="K48" s="64">
        <v>865</v>
      </c>
      <c r="L48" s="77">
        <v>567</v>
      </c>
      <c r="M48" s="78">
        <v>298</v>
      </c>
    </row>
    <row r="49" spans="1:13">
      <c r="A49" s="15" t="s">
        <v>88</v>
      </c>
      <c r="B49" s="67">
        <v>48</v>
      </c>
      <c r="C49" s="68">
        <v>32</v>
      </c>
      <c r="D49" s="68">
        <v>16</v>
      </c>
      <c r="E49" s="67">
        <v>1</v>
      </c>
      <c r="F49" s="68">
        <v>0</v>
      </c>
      <c r="G49" s="69">
        <v>1</v>
      </c>
      <c r="H49" s="68">
        <v>245</v>
      </c>
      <c r="I49" s="68">
        <v>155</v>
      </c>
      <c r="J49" s="68">
        <v>90</v>
      </c>
      <c r="K49" s="67">
        <v>196</v>
      </c>
      <c r="L49" s="79">
        <v>123</v>
      </c>
      <c r="M49" s="80">
        <v>73</v>
      </c>
    </row>
    <row r="50" spans="1:13">
      <c r="A50" s="15" t="s">
        <v>90</v>
      </c>
      <c r="B50" s="67">
        <v>9</v>
      </c>
      <c r="C50" s="68">
        <v>-7</v>
      </c>
      <c r="D50" s="68">
        <v>16</v>
      </c>
      <c r="E50" s="67">
        <v>1</v>
      </c>
      <c r="F50" s="68">
        <v>1</v>
      </c>
      <c r="G50" s="69">
        <v>0</v>
      </c>
      <c r="H50" s="68">
        <v>203</v>
      </c>
      <c r="I50" s="68">
        <v>128</v>
      </c>
      <c r="J50" s="68">
        <v>75</v>
      </c>
      <c r="K50" s="67">
        <v>193</v>
      </c>
      <c r="L50" s="79">
        <v>134</v>
      </c>
      <c r="M50" s="80">
        <v>59</v>
      </c>
    </row>
    <row r="51" spans="1:13">
      <c r="A51" s="15" t="s">
        <v>92</v>
      </c>
      <c r="B51" s="67">
        <v>6</v>
      </c>
      <c r="C51" s="68">
        <v>-3</v>
      </c>
      <c r="D51" s="68">
        <v>9</v>
      </c>
      <c r="E51" s="67">
        <v>0</v>
      </c>
      <c r="F51" s="68">
        <v>0</v>
      </c>
      <c r="G51" s="69">
        <v>0</v>
      </c>
      <c r="H51" s="68">
        <v>178</v>
      </c>
      <c r="I51" s="68">
        <v>107</v>
      </c>
      <c r="J51" s="68">
        <v>71</v>
      </c>
      <c r="K51" s="67">
        <v>172</v>
      </c>
      <c r="L51" s="79">
        <v>110</v>
      </c>
      <c r="M51" s="80">
        <v>62</v>
      </c>
    </row>
    <row r="52" spans="1:13">
      <c r="A52" s="15" t="s">
        <v>94</v>
      </c>
      <c r="B52" s="67">
        <v>22</v>
      </c>
      <c r="C52" s="68">
        <v>10</v>
      </c>
      <c r="D52" s="68">
        <v>12</v>
      </c>
      <c r="E52" s="67">
        <v>2</v>
      </c>
      <c r="F52" s="68">
        <v>1</v>
      </c>
      <c r="G52" s="69">
        <v>1</v>
      </c>
      <c r="H52" s="68">
        <v>177</v>
      </c>
      <c r="I52" s="68">
        <v>108</v>
      </c>
      <c r="J52" s="68">
        <v>69</v>
      </c>
      <c r="K52" s="67">
        <v>153</v>
      </c>
      <c r="L52" s="79">
        <v>97</v>
      </c>
      <c r="M52" s="80">
        <v>56</v>
      </c>
    </row>
    <row r="53" spans="1:13">
      <c r="A53" s="15" t="s">
        <v>96</v>
      </c>
      <c r="B53" s="67">
        <v>24</v>
      </c>
      <c r="C53" s="68">
        <v>1</v>
      </c>
      <c r="D53" s="68">
        <v>23</v>
      </c>
      <c r="E53" s="67">
        <v>3</v>
      </c>
      <c r="F53" s="68">
        <v>2</v>
      </c>
      <c r="G53" s="69">
        <v>1</v>
      </c>
      <c r="H53" s="68">
        <v>178</v>
      </c>
      <c r="I53" s="68">
        <v>106</v>
      </c>
      <c r="J53" s="68">
        <v>72</v>
      </c>
      <c r="K53" s="67">
        <v>151</v>
      </c>
      <c r="L53" s="79">
        <v>103</v>
      </c>
      <c r="M53" s="80">
        <v>48</v>
      </c>
    </row>
    <row r="54" spans="1:13" ht="21" customHeight="1">
      <c r="A54" s="36" t="s">
        <v>98</v>
      </c>
      <c r="B54" s="64">
        <v>108</v>
      </c>
      <c r="C54" s="65">
        <v>45</v>
      </c>
      <c r="D54" s="65">
        <v>63</v>
      </c>
      <c r="E54" s="64">
        <v>8</v>
      </c>
      <c r="F54" s="65">
        <v>8</v>
      </c>
      <c r="G54" s="66">
        <v>0</v>
      </c>
      <c r="H54" s="65">
        <v>666</v>
      </c>
      <c r="I54" s="65">
        <v>415</v>
      </c>
      <c r="J54" s="65">
        <v>251</v>
      </c>
      <c r="K54" s="64">
        <v>550</v>
      </c>
      <c r="L54" s="77">
        <v>362</v>
      </c>
      <c r="M54" s="78">
        <v>188</v>
      </c>
    </row>
    <row r="55" spans="1:13">
      <c r="A55" s="15" t="s">
        <v>100</v>
      </c>
      <c r="B55" s="67">
        <v>49</v>
      </c>
      <c r="C55" s="68">
        <v>27</v>
      </c>
      <c r="D55" s="68">
        <v>22</v>
      </c>
      <c r="E55" s="67">
        <v>2</v>
      </c>
      <c r="F55" s="68">
        <v>2</v>
      </c>
      <c r="G55" s="69">
        <v>0</v>
      </c>
      <c r="H55" s="68">
        <v>168</v>
      </c>
      <c r="I55" s="68">
        <v>104</v>
      </c>
      <c r="J55" s="68">
        <v>64</v>
      </c>
      <c r="K55" s="67">
        <v>117</v>
      </c>
      <c r="L55" s="79">
        <v>75</v>
      </c>
      <c r="M55" s="80">
        <v>42</v>
      </c>
    </row>
    <row r="56" spans="1:13">
      <c r="A56" s="15" t="s">
        <v>102</v>
      </c>
      <c r="B56" s="67">
        <v>-6</v>
      </c>
      <c r="C56" s="68">
        <v>-9</v>
      </c>
      <c r="D56" s="68">
        <v>3</v>
      </c>
      <c r="E56" s="67">
        <v>1</v>
      </c>
      <c r="F56" s="68">
        <v>1</v>
      </c>
      <c r="G56" s="69">
        <v>0</v>
      </c>
      <c r="H56" s="68">
        <v>134</v>
      </c>
      <c r="I56" s="68">
        <v>86</v>
      </c>
      <c r="J56" s="68">
        <v>48</v>
      </c>
      <c r="K56" s="67">
        <v>139</v>
      </c>
      <c r="L56" s="79">
        <v>94</v>
      </c>
      <c r="M56" s="80">
        <v>45</v>
      </c>
    </row>
    <row r="57" spans="1:13">
      <c r="A57" s="15" t="s">
        <v>104</v>
      </c>
      <c r="B57" s="67">
        <v>28</v>
      </c>
      <c r="C57" s="68">
        <v>8</v>
      </c>
      <c r="D57" s="68">
        <v>20</v>
      </c>
      <c r="E57" s="67">
        <v>1</v>
      </c>
      <c r="F57" s="68">
        <v>1</v>
      </c>
      <c r="G57" s="69">
        <v>0</v>
      </c>
      <c r="H57" s="68">
        <v>124</v>
      </c>
      <c r="I57" s="68">
        <v>72</v>
      </c>
      <c r="J57" s="68">
        <v>52</v>
      </c>
      <c r="K57" s="67">
        <v>95</v>
      </c>
      <c r="L57" s="79">
        <v>63</v>
      </c>
      <c r="M57" s="80">
        <v>32</v>
      </c>
    </row>
    <row r="58" spans="1:13">
      <c r="A58" s="15" t="s">
        <v>106</v>
      </c>
      <c r="B58" s="67">
        <v>30</v>
      </c>
      <c r="C58" s="68">
        <v>13</v>
      </c>
      <c r="D58" s="68">
        <v>17</v>
      </c>
      <c r="E58" s="67">
        <v>0</v>
      </c>
      <c r="F58" s="68">
        <v>0</v>
      </c>
      <c r="G58" s="69">
        <v>0</v>
      </c>
      <c r="H58" s="68">
        <v>119</v>
      </c>
      <c r="I58" s="68">
        <v>77</v>
      </c>
      <c r="J58" s="68">
        <v>42</v>
      </c>
      <c r="K58" s="67">
        <v>89</v>
      </c>
      <c r="L58" s="79">
        <v>64</v>
      </c>
      <c r="M58" s="80">
        <v>25</v>
      </c>
    </row>
    <row r="59" spans="1:13">
      <c r="A59" s="15" t="s">
        <v>108</v>
      </c>
      <c r="B59" s="67">
        <v>7</v>
      </c>
      <c r="C59" s="68">
        <v>6</v>
      </c>
      <c r="D59" s="68">
        <v>1</v>
      </c>
      <c r="E59" s="67">
        <v>4</v>
      </c>
      <c r="F59" s="68">
        <v>4</v>
      </c>
      <c r="G59" s="69">
        <v>0</v>
      </c>
      <c r="H59" s="68">
        <v>121</v>
      </c>
      <c r="I59" s="68">
        <v>76</v>
      </c>
      <c r="J59" s="68">
        <v>45</v>
      </c>
      <c r="K59" s="67">
        <v>110</v>
      </c>
      <c r="L59" s="79">
        <v>66</v>
      </c>
      <c r="M59" s="80">
        <v>44</v>
      </c>
    </row>
    <row r="60" spans="1:13" ht="21" customHeight="1">
      <c r="A60" s="36" t="s">
        <v>110</v>
      </c>
      <c r="B60" s="64">
        <v>5</v>
      </c>
      <c r="C60" s="65">
        <v>-12</v>
      </c>
      <c r="D60" s="65">
        <v>17</v>
      </c>
      <c r="E60" s="64">
        <v>36</v>
      </c>
      <c r="F60" s="65">
        <v>20</v>
      </c>
      <c r="G60" s="66">
        <v>16</v>
      </c>
      <c r="H60" s="65">
        <v>513</v>
      </c>
      <c r="I60" s="65">
        <v>320</v>
      </c>
      <c r="J60" s="65">
        <v>193</v>
      </c>
      <c r="K60" s="64">
        <v>472</v>
      </c>
      <c r="L60" s="77">
        <v>312</v>
      </c>
      <c r="M60" s="78">
        <v>160</v>
      </c>
    </row>
    <row r="61" spans="1:13">
      <c r="A61" s="15" t="s">
        <v>112</v>
      </c>
      <c r="B61" s="67">
        <v>5</v>
      </c>
      <c r="C61" s="68">
        <v>0</v>
      </c>
      <c r="D61" s="68">
        <v>5</v>
      </c>
      <c r="E61" s="67">
        <v>6</v>
      </c>
      <c r="F61" s="68">
        <v>3</v>
      </c>
      <c r="G61" s="69">
        <v>3</v>
      </c>
      <c r="H61" s="68">
        <v>114</v>
      </c>
      <c r="I61" s="68">
        <v>73</v>
      </c>
      <c r="J61" s="68">
        <v>41</v>
      </c>
      <c r="K61" s="67">
        <v>103</v>
      </c>
      <c r="L61" s="79">
        <v>70</v>
      </c>
      <c r="M61" s="80">
        <v>33</v>
      </c>
    </row>
    <row r="62" spans="1:13">
      <c r="A62" s="15" t="s">
        <v>114</v>
      </c>
      <c r="B62" s="67">
        <v>-3</v>
      </c>
      <c r="C62" s="68">
        <v>-6</v>
      </c>
      <c r="D62" s="68">
        <v>3</v>
      </c>
      <c r="E62" s="67">
        <v>3</v>
      </c>
      <c r="F62" s="68">
        <v>1</v>
      </c>
      <c r="G62" s="69">
        <v>2</v>
      </c>
      <c r="H62" s="68">
        <v>90</v>
      </c>
      <c r="I62" s="68">
        <v>54</v>
      </c>
      <c r="J62" s="68">
        <v>36</v>
      </c>
      <c r="K62" s="67">
        <v>90</v>
      </c>
      <c r="L62" s="79">
        <v>59</v>
      </c>
      <c r="M62" s="80">
        <v>31</v>
      </c>
    </row>
    <row r="63" spans="1:13">
      <c r="A63" s="15" t="s">
        <v>116</v>
      </c>
      <c r="B63" s="67">
        <v>9</v>
      </c>
      <c r="C63" s="68">
        <v>-5</v>
      </c>
      <c r="D63" s="68">
        <v>14</v>
      </c>
      <c r="E63" s="67">
        <v>6</v>
      </c>
      <c r="F63" s="68">
        <v>2</v>
      </c>
      <c r="G63" s="69">
        <v>4</v>
      </c>
      <c r="H63" s="68">
        <v>109</v>
      </c>
      <c r="I63" s="68">
        <v>64</v>
      </c>
      <c r="J63" s="68">
        <v>45</v>
      </c>
      <c r="K63" s="67">
        <v>94</v>
      </c>
      <c r="L63" s="79">
        <v>67</v>
      </c>
      <c r="M63" s="80">
        <v>27</v>
      </c>
    </row>
    <row r="64" spans="1:13">
      <c r="A64" s="15" t="s">
        <v>118</v>
      </c>
      <c r="B64" s="67">
        <v>8</v>
      </c>
      <c r="C64" s="68">
        <v>6</v>
      </c>
      <c r="D64" s="68">
        <v>2</v>
      </c>
      <c r="E64" s="67">
        <v>8</v>
      </c>
      <c r="F64" s="68">
        <v>5</v>
      </c>
      <c r="G64" s="69">
        <v>3</v>
      </c>
      <c r="H64" s="68">
        <v>105</v>
      </c>
      <c r="I64" s="68">
        <v>69</v>
      </c>
      <c r="J64" s="68">
        <v>36</v>
      </c>
      <c r="K64" s="67">
        <v>89</v>
      </c>
      <c r="L64" s="79">
        <v>58</v>
      </c>
      <c r="M64" s="80">
        <v>31</v>
      </c>
    </row>
    <row r="65" spans="1:13">
      <c r="A65" s="19" t="s">
        <v>120</v>
      </c>
      <c r="B65" s="70">
        <v>-14</v>
      </c>
      <c r="C65" s="71">
        <v>-7</v>
      </c>
      <c r="D65" s="71">
        <v>-7</v>
      </c>
      <c r="E65" s="70">
        <v>13</v>
      </c>
      <c r="F65" s="71">
        <v>9</v>
      </c>
      <c r="G65" s="72">
        <v>4</v>
      </c>
      <c r="H65" s="71">
        <v>95</v>
      </c>
      <c r="I65" s="71">
        <v>60</v>
      </c>
      <c r="J65" s="71">
        <v>35</v>
      </c>
      <c r="K65" s="70">
        <v>96</v>
      </c>
      <c r="L65" s="81">
        <v>58</v>
      </c>
      <c r="M65" s="82">
        <v>38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283</v>
      </c>
      <c r="C69" s="50">
        <v>637</v>
      </c>
      <c r="D69" s="84">
        <v>646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91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51</v>
      </c>
      <c r="C75" s="65">
        <v>-42</v>
      </c>
      <c r="D75" s="65">
        <v>-9</v>
      </c>
      <c r="E75" s="64">
        <v>45</v>
      </c>
      <c r="F75" s="65">
        <v>35</v>
      </c>
      <c r="G75" s="66">
        <v>10</v>
      </c>
      <c r="H75" s="65">
        <v>446</v>
      </c>
      <c r="I75" s="65">
        <v>279</v>
      </c>
      <c r="J75" s="65">
        <v>167</v>
      </c>
      <c r="K75" s="64">
        <v>452</v>
      </c>
      <c r="L75" s="77">
        <v>286</v>
      </c>
      <c r="M75" s="78">
        <v>166</v>
      </c>
    </row>
    <row r="76" spans="1:13">
      <c r="A76" s="27" t="s">
        <v>5</v>
      </c>
      <c r="B76" s="67">
        <v>-12</v>
      </c>
      <c r="C76" s="68">
        <v>-3</v>
      </c>
      <c r="D76" s="68">
        <v>-9</v>
      </c>
      <c r="E76" s="67">
        <v>5</v>
      </c>
      <c r="F76" s="68">
        <v>4</v>
      </c>
      <c r="G76" s="69">
        <v>1</v>
      </c>
      <c r="H76" s="68">
        <v>85</v>
      </c>
      <c r="I76" s="68">
        <v>57</v>
      </c>
      <c r="J76" s="68">
        <v>28</v>
      </c>
      <c r="K76" s="67">
        <v>92</v>
      </c>
      <c r="L76" s="79">
        <v>56</v>
      </c>
      <c r="M76" s="80">
        <v>36</v>
      </c>
    </row>
    <row r="77" spans="1:13">
      <c r="A77" s="27" t="s">
        <v>7</v>
      </c>
      <c r="B77" s="67">
        <v>16</v>
      </c>
      <c r="C77" s="68">
        <v>-6</v>
      </c>
      <c r="D77" s="68">
        <v>22</v>
      </c>
      <c r="E77" s="67">
        <v>9</v>
      </c>
      <c r="F77" s="68">
        <v>7</v>
      </c>
      <c r="G77" s="69">
        <v>2</v>
      </c>
      <c r="H77" s="68">
        <v>121</v>
      </c>
      <c r="I77" s="68">
        <v>67</v>
      </c>
      <c r="J77" s="68">
        <v>54</v>
      </c>
      <c r="K77" s="67">
        <v>96</v>
      </c>
      <c r="L77" s="79">
        <v>66</v>
      </c>
      <c r="M77" s="80">
        <v>30</v>
      </c>
    </row>
    <row r="78" spans="1:13">
      <c r="A78" s="27" t="s">
        <v>9</v>
      </c>
      <c r="B78" s="67">
        <v>11</v>
      </c>
      <c r="C78" s="68">
        <v>9</v>
      </c>
      <c r="D78" s="68">
        <v>2</v>
      </c>
      <c r="E78" s="67">
        <v>9</v>
      </c>
      <c r="F78" s="68">
        <v>7</v>
      </c>
      <c r="G78" s="69">
        <v>2</v>
      </c>
      <c r="H78" s="68">
        <v>105</v>
      </c>
      <c r="I78" s="68">
        <v>69</v>
      </c>
      <c r="J78" s="68">
        <v>36</v>
      </c>
      <c r="K78" s="67">
        <v>85</v>
      </c>
      <c r="L78" s="79">
        <v>53</v>
      </c>
      <c r="M78" s="80">
        <v>32</v>
      </c>
    </row>
    <row r="79" spans="1:13">
      <c r="A79" s="27" t="s">
        <v>11</v>
      </c>
      <c r="B79" s="67">
        <v>-11</v>
      </c>
      <c r="C79" s="68">
        <v>-9</v>
      </c>
      <c r="D79" s="68">
        <v>-2</v>
      </c>
      <c r="E79" s="67">
        <v>12</v>
      </c>
      <c r="F79" s="68">
        <v>9</v>
      </c>
      <c r="G79" s="69">
        <v>3</v>
      </c>
      <c r="H79" s="68">
        <v>79</v>
      </c>
      <c r="I79" s="68">
        <v>50</v>
      </c>
      <c r="J79" s="68">
        <v>29</v>
      </c>
      <c r="K79" s="67">
        <v>78</v>
      </c>
      <c r="L79" s="79">
        <v>50</v>
      </c>
      <c r="M79" s="80">
        <v>28</v>
      </c>
    </row>
    <row r="80" spans="1:13">
      <c r="A80" s="27" t="s">
        <v>13</v>
      </c>
      <c r="B80" s="67">
        <v>-55</v>
      </c>
      <c r="C80" s="68">
        <v>-33</v>
      </c>
      <c r="D80" s="68">
        <v>-22</v>
      </c>
      <c r="E80" s="67">
        <v>10</v>
      </c>
      <c r="F80" s="68">
        <v>8</v>
      </c>
      <c r="G80" s="69">
        <v>2</v>
      </c>
      <c r="H80" s="68">
        <v>56</v>
      </c>
      <c r="I80" s="68">
        <v>36</v>
      </c>
      <c r="J80" s="68">
        <v>20</v>
      </c>
      <c r="K80" s="67">
        <v>101</v>
      </c>
      <c r="L80" s="79">
        <v>61</v>
      </c>
      <c r="M80" s="80">
        <v>40</v>
      </c>
    </row>
    <row r="81" spans="1:13" ht="21" customHeight="1">
      <c r="A81" s="38" t="s">
        <v>15</v>
      </c>
      <c r="B81" s="64">
        <v>-42</v>
      </c>
      <c r="C81" s="65">
        <v>-63</v>
      </c>
      <c r="D81" s="65">
        <v>21</v>
      </c>
      <c r="E81" s="64">
        <v>70</v>
      </c>
      <c r="F81" s="65">
        <v>49</v>
      </c>
      <c r="G81" s="66">
        <v>21</v>
      </c>
      <c r="H81" s="65">
        <v>322</v>
      </c>
      <c r="I81" s="65">
        <v>183</v>
      </c>
      <c r="J81" s="65">
        <v>139</v>
      </c>
      <c r="K81" s="64">
        <v>294</v>
      </c>
      <c r="L81" s="77">
        <v>197</v>
      </c>
      <c r="M81" s="78">
        <v>97</v>
      </c>
    </row>
    <row r="82" spans="1:13">
      <c r="A82" s="27" t="s">
        <v>17</v>
      </c>
      <c r="B82" s="67">
        <v>-12</v>
      </c>
      <c r="C82" s="68">
        <v>-12</v>
      </c>
      <c r="D82" s="68">
        <v>0</v>
      </c>
      <c r="E82" s="67">
        <v>15</v>
      </c>
      <c r="F82" s="68">
        <v>7</v>
      </c>
      <c r="G82" s="69">
        <v>8</v>
      </c>
      <c r="H82" s="68">
        <v>79</v>
      </c>
      <c r="I82" s="68">
        <v>50</v>
      </c>
      <c r="J82" s="68">
        <v>29</v>
      </c>
      <c r="K82" s="67">
        <v>76</v>
      </c>
      <c r="L82" s="79">
        <v>55</v>
      </c>
      <c r="M82" s="80">
        <v>21</v>
      </c>
    </row>
    <row r="83" spans="1:13">
      <c r="A83" s="27" t="s">
        <v>19</v>
      </c>
      <c r="B83" s="67">
        <v>9</v>
      </c>
      <c r="C83" s="68">
        <v>-3</v>
      </c>
      <c r="D83" s="68">
        <v>12</v>
      </c>
      <c r="E83" s="67">
        <v>9</v>
      </c>
      <c r="F83" s="68">
        <v>6</v>
      </c>
      <c r="G83" s="69">
        <v>3</v>
      </c>
      <c r="H83" s="68">
        <v>74</v>
      </c>
      <c r="I83" s="68">
        <v>41</v>
      </c>
      <c r="J83" s="68">
        <v>33</v>
      </c>
      <c r="K83" s="67">
        <v>56</v>
      </c>
      <c r="L83" s="79">
        <v>38</v>
      </c>
      <c r="M83" s="80">
        <v>18</v>
      </c>
    </row>
    <row r="84" spans="1:13">
      <c r="A84" s="27" t="s">
        <v>21</v>
      </c>
      <c r="B84" s="67">
        <v>-8</v>
      </c>
      <c r="C84" s="68">
        <v>-13</v>
      </c>
      <c r="D84" s="68">
        <v>5</v>
      </c>
      <c r="E84" s="67">
        <v>13</v>
      </c>
      <c r="F84" s="68">
        <v>11</v>
      </c>
      <c r="G84" s="69">
        <v>2</v>
      </c>
      <c r="H84" s="68">
        <v>67</v>
      </c>
      <c r="I84" s="68">
        <v>43</v>
      </c>
      <c r="J84" s="68">
        <v>24</v>
      </c>
      <c r="K84" s="67">
        <v>62</v>
      </c>
      <c r="L84" s="79">
        <v>45</v>
      </c>
      <c r="M84" s="80">
        <v>17</v>
      </c>
    </row>
    <row r="85" spans="1:13">
      <c r="A85" s="27" t="s">
        <v>23</v>
      </c>
      <c r="B85" s="67">
        <v>-12</v>
      </c>
      <c r="C85" s="68">
        <v>-14</v>
      </c>
      <c r="D85" s="68">
        <v>2</v>
      </c>
      <c r="E85" s="67">
        <v>12</v>
      </c>
      <c r="F85" s="68">
        <v>9</v>
      </c>
      <c r="G85" s="69">
        <v>3</v>
      </c>
      <c r="H85" s="68">
        <v>56</v>
      </c>
      <c r="I85" s="68">
        <v>27</v>
      </c>
      <c r="J85" s="68">
        <v>29</v>
      </c>
      <c r="K85" s="67">
        <v>56</v>
      </c>
      <c r="L85" s="79">
        <v>32</v>
      </c>
      <c r="M85" s="80">
        <v>24</v>
      </c>
    </row>
    <row r="86" spans="1:13">
      <c r="A86" s="27" t="s">
        <v>25</v>
      </c>
      <c r="B86" s="67">
        <v>-19</v>
      </c>
      <c r="C86" s="68">
        <v>-21</v>
      </c>
      <c r="D86" s="68">
        <v>2</v>
      </c>
      <c r="E86" s="67">
        <v>21</v>
      </c>
      <c r="F86" s="68">
        <v>16</v>
      </c>
      <c r="G86" s="69">
        <v>5</v>
      </c>
      <c r="H86" s="68">
        <v>46</v>
      </c>
      <c r="I86" s="68">
        <v>22</v>
      </c>
      <c r="J86" s="68">
        <v>24</v>
      </c>
      <c r="K86" s="67">
        <v>44</v>
      </c>
      <c r="L86" s="79">
        <v>27</v>
      </c>
      <c r="M86" s="80">
        <v>17</v>
      </c>
    </row>
    <row r="87" spans="1:13" ht="21" customHeight="1">
      <c r="A87" s="38" t="s">
        <v>27</v>
      </c>
      <c r="B87" s="64">
        <v>-69</v>
      </c>
      <c r="C87" s="65">
        <v>-47</v>
      </c>
      <c r="D87" s="65">
        <v>-22</v>
      </c>
      <c r="E87" s="64">
        <v>70</v>
      </c>
      <c r="F87" s="65">
        <v>50</v>
      </c>
      <c r="G87" s="66">
        <v>20</v>
      </c>
      <c r="H87" s="65">
        <v>181</v>
      </c>
      <c r="I87" s="65">
        <v>114</v>
      </c>
      <c r="J87" s="65">
        <v>67</v>
      </c>
      <c r="K87" s="64">
        <v>180</v>
      </c>
      <c r="L87" s="77">
        <v>111</v>
      </c>
      <c r="M87" s="78">
        <v>69</v>
      </c>
    </row>
    <row r="88" spans="1:13">
      <c r="A88" s="27" t="s">
        <v>29</v>
      </c>
      <c r="B88" s="67">
        <v>-11</v>
      </c>
      <c r="C88" s="68">
        <v>-6</v>
      </c>
      <c r="D88" s="68">
        <v>-5</v>
      </c>
      <c r="E88" s="67">
        <v>12</v>
      </c>
      <c r="F88" s="68">
        <v>8</v>
      </c>
      <c r="G88" s="69">
        <v>4</v>
      </c>
      <c r="H88" s="68">
        <v>48</v>
      </c>
      <c r="I88" s="68">
        <v>28</v>
      </c>
      <c r="J88" s="68">
        <v>20</v>
      </c>
      <c r="K88" s="67">
        <v>47</v>
      </c>
      <c r="L88" s="79">
        <v>26</v>
      </c>
      <c r="M88" s="80">
        <v>21</v>
      </c>
    </row>
    <row r="89" spans="1:13">
      <c r="A89" s="27" t="s">
        <v>31</v>
      </c>
      <c r="B89" s="67">
        <v>-15</v>
      </c>
      <c r="C89" s="68">
        <v>-12</v>
      </c>
      <c r="D89" s="68">
        <v>-3</v>
      </c>
      <c r="E89" s="67">
        <v>15</v>
      </c>
      <c r="F89" s="68">
        <v>13</v>
      </c>
      <c r="G89" s="69">
        <v>2</v>
      </c>
      <c r="H89" s="68">
        <v>37</v>
      </c>
      <c r="I89" s="68">
        <v>26</v>
      </c>
      <c r="J89" s="68">
        <v>11</v>
      </c>
      <c r="K89" s="67">
        <v>37</v>
      </c>
      <c r="L89" s="79">
        <v>25</v>
      </c>
      <c r="M89" s="80">
        <v>12</v>
      </c>
    </row>
    <row r="90" spans="1:13">
      <c r="A90" s="27" t="s">
        <v>33</v>
      </c>
      <c r="B90" s="67">
        <v>-8</v>
      </c>
      <c r="C90" s="68">
        <v>-4</v>
      </c>
      <c r="D90" s="68">
        <v>-4</v>
      </c>
      <c r="E90" s="67">
        <v>15</v>
      </c>
      <c r="F90" s="68">
        <v>9</v>
      </c>
      <c r="G90" s="69">
        <v>6</v>
      </c>
      <c r="H90" s="68">
        <v>37</v>
      </c>
      <c r="I90" s="68">
        <v>24</v>
      </c>
      <c r="J90" s="68">
        <v>13</v>
      </c>
      <c r="K90" s="67">
        <v>30</v>
      </c>
      <c r="L90" s="79">
        <v>19</v>
      </c>
      <c r="M90" s="80">
        <v>11</v>
      </c>
    </row>
    <row r="91" spans="1:13">
      <c r="A91" s="27" t="s">
        <v>35</v>
      </c>
      <c r="B91" s="67">
        <v>-18</v>
      </c>
      <c r="C91" s="68">
        <v>-14</v>
      </c>
      <c r="D91" s="68">
        <v>-4</v>
      </c>
      <c r="E91" s="67">
        <v>12</v>
      </c>
      <c r="F91" s="68">
        <v>10</v>
      </c>
      <c r="G91" s="69">
        <v>2</v>
      </c>
      <c r="H91" s="68">
        <v>34</v>
      </c>
      <c r="I91" s="68">
        <v>20</v>
      </c>
      <c r="J91" s="68">
        <v>14</v>
      </c>
      <c r="K91" s="67">
        <v>40</v>
      </c>
      <c r="L91" s="79">
        <v>24</v>
      </c>
      <c r="M91" s="80">
        <v>16</v>
      </c>
    </row>
    <row r="92" spans="1:13">
      <c r="A92" s="27" t="s">
        <v>37</v>
      </c>
      <c r="B92" s="67">
        <v>-17</v>
      </c>
      <c r="C92" s="68">
        <v>-11</v>
      </c>
      <c r="D92" s="68">
        <v>-6</v>
      </c>
      <c r="E92" s="67">
        <v>16</v>
      </c>
      <c r="F92" s="68">
        <v>10</v>
      </c>
      <c r="G92" s="69">
        <v>6</v>
      </c>
      <c r="H92" s="68">
        <v>25</v>
      </c>
      <c r="I92" s="68">
        <v>16</v>
      </c>
      <c r="J92" s="68">
        <v>9</v>
      </c>
      <c r="K92" s="67">
        <v>26</v>
      </c>
      <c r="L92" s="79">
        <v>17</v>
      </c>
      <c r="M92" s="80">
        <v>9</v>
      </c>
    </row>
    <row r="93" spans="1:13" ht="21" customHeight="1">
      <c r="A93" s="38" t="s">
        <v>39</v>
      </c>
      <c r="B93" s="64">
        <v>-116</v>
      </c>
      <c r="C93" s="65">
        <v>-83</v>
      </c>
      <c r="D93" s="65">
        <v>-33</v>
      </c>
      <c r="E93" s="64">
        <v>107</v>
      </c>
      <c r="F93" s="65">
        <v>74</v>
      </c>
      <c r="G93" s="66">
        <v>33</v>
      </c>
      <c r="H93" s="65">
        <v>145</v>
      </c>
      <c r="I93" s="65">
        <v>81</v>
      </c>
      <c r="J93" s="65">
        <v>64</v>
      </c>
      <c r="K93" s="64">
        <v>154</v>
      </c>
      <c r="L93" s="77">
        <v>90</v>
      </c>
      <c r="M93" s="78">
        <v>64</v>
      </c>
    </row>
    <row r="94" spans="1:13">
      <c r="A94" s="27" t="s">
        <v>41</v>
      </c>
      <c r="B94" s="67">
        <v>-15</v>
      </c>
      <c r="C94" s="68">
        <v>-10</v>
      </c>
      <c r="D94" s="68">
        <v>-5</v>
      </c>
      <c r="E94" s="67">
        <v>22</v>
      </c>
      <c r="F94" s="68">
        <v>15</v>
      </c>
      <c r="G94" s="69">
        <v>7</v>
      </c>
      <c r="H94" s="68">
        <v>37</v>
      </c>
      <c r="I94" s="68">
        <v>20</v>
      </c>
      <c r="J94" s="68">
        <v>17</v>
      </c>
      <c r="K94" s="67">
        <v>30</v>
      </c>
      <c r="L94" s="79">
        <v>15</v>
      </c>
      <c r="M94" s="80">
        <v>15</v>
      </c>
    </row>
    <row r="95" spans="1:13">
      <c r="A95" s="27" t="s">
        <v>43</v>
      </c>
      <c r="B95" s="67">
        <v>-19</v>
      </c>
      <c r="C95" s="68">
        <v>-17</v>
      </c>
      <c r="D95" s="68">
        <v>-2</v>
      </c>
      <c r="E95" s="67">
        <v>20</v>
      </c>
      <c r="F95" s="68">
        <v>16</v>
      </c>
      <c r="G95" s="69">
        <v>4</v>
      </c>
      <c r="H95" s="68">
        <v>31</v>
      </c>
      <c r="I95" s="68">
        <v>16</v>
      </c>
      <c r="J95" s="68">
        <v>15</v>
      </c>
      <c r="K95" s="67">
        <v>30</v>
      </c>
      <c r="L95" s="79">
        <v>17</v>
      </c>
      <c r="M95" s="80">
        <v>13</v>
      </c>
    </row>
    <row r="96" spans="1:13">
      <c r="A96" s="27" t="s">
        <v>45</v>
      </c>
      <c r="B96" s="67">
        <v>-22</v>
      </c>
      <c r="C96" s="68">
        <v>-16</v>
      </c>
      <c r="D96" s="68">
        <v>-6</v>
      </c>
      <c r="E96" s="67">
        <v>14</v>
      </c>
      <c r="F96" s="68">
        <v>8</v>
      </c>
      <c r="G96" s="69">
        <v>6</v>
      </c>
      <c r="H96" s="68">
        <v>25</v>
      </c>
      <c r="I96" s="68">
        <v>16</v>
      </c>
      <c r="J96" s="68">
        <v>9</v>
      </c>
      <c r="K96" s="67">
        <v>33</v>
      </c>
      <c r="L96" s="79">
        <v>24</v>
      </c>
      <c r="M96" s="80">
        <v>9</v>
      </c>
    </row>
    <row r="97" spans="1:13">
      <c r="A97" s="27" t="s">
        <v>47</v>
      </c>
      <c r="B97" s="67">
        <v>-32</v>
      </c>
      <c r="C97" s="68">
        <v>-19</v>
      </c>
      <c r="D97" s="68">
        <v>-13</v>
      </c>
      <c r="E97" s="67">
        <v>30</v>
      </c>
      <c r="F97" s="68">
        <v>18</v>
      </c>
      <c r="G97" s="69">
        <v>12</v>
      </c>
      <c r="H97" s="68">
        <v>26</v>
      </c>
      <c r="I97" s="68">
        <v>12</v>
      </c>
      <c r="J97" s="68">
        <v>14</v>
      </c>
      <c r="K97" s="67">
        <v>28</v>
      </c>
      <c r="L97" s="79">
        <v>13</v>
      </c>
      <c r="M97" s="80">
        <v>15</v>
      </c>
    </row>
    <row r="98" spans="1:13">
      <c r="A98" s="27" t="s">
        <v>49</v>
      </c>
      <c r="B98" s="67">
        <v>-28</v>
      </c>
      <c r="C98" s="68">
        <v>-21</v>
      </c>
      <c r="D98" s="68">
        <v>-7</v>
      </c>
      <c r="E98" s="67">
        <v>21</v>
      </c>
      <c r="F98" s="68">
        <v>17</v>
      </c>
      <c r="G98" s="69">
        <v>4</v>
      </c>
      <c r="H98" s="68">
        <v>26</v>
      </c>
      <c r="I98" s="68">
        <v>17</v>
      </c>
      <c r="J98" s="68">
        <v>9</v>
      </c>
      <c r="K98" s="67">
        <v>33</v>
      </c>
      <c r="L98" s="79">
        <v>21</v>
      </c>
      <c r="M98" s="80">
        <v>12</v>
      </c>
    </row>
    <row r="99" spans="1:13" ht="21" customHeight="1">
      <c r="A99" s="38" t="s">
        <v>51</v>
      </c>
      <c r="B99" s="64">
        <v>-216</v>
      </c>
      <c r="C99" s="65">
        <v>-155</v>
      </c>
      <c r="D99" s="65">
        <v>-61</v>
      </c>
      <c r="E99" s="64">
        <v>233</v>
      </c>
      <c r="F99" s="65">
        <v>159</v>
      </c>
      <c r="G99" s="66">
        <v>74</v>
      </c>
      <c r="H99" s="65">
        <v>145</v>
      </c>
      <c r="I99" s="65">
        <v>73</v>
      </c>
      <c r="J99" s="65">
        <v>72</v>
      </c>
      <c r="K99" s="64">
        <v>128</v>
      </c>
      <c r="L99" s="77">
        <v>69</v>
      </c>
      <c r="M99" s="78">
        <v>59</v>
      </c>
    </row>
    <row r="100" spans="1:13">
      <c r="A100" s="27" t="s">
        <v>53</v>
      </c>
      <c r="B100" s="67">
        <v>-45</v>
      </c>
      <c r="C100" s="68">
        <v>-31</v>
      </c>
      <c r="D100" s="68">
        <v>-14</v>
      </c>
      <c r="E100" s="67">
        <v>40</v>
      </c>
      <c r="F100" s="68">
        <v>25</v>
      </c>
      <c r="G100" s="69">
        <v>15</v>
      </c>
      <c r="H100" s="68">
        <v>18</v>
      </c>
      <c r="I100" s="68">
        <v>7</v>
      </c>
      <c r="J100" s="68">
        <v>11</v>
      </c>
      <c r="K100" s="67">
        <v>23</v>
      </c>
      <c r="L100" s="79">
        <v>13</v>
      </c>
      <c r="M100" s="80">
        <v>10</v>
      </c>
    </row>
    <row r="101" spans="1:13">
      <c r="A101" s="27" t="s">
        <v>55</v>
      </c>
      <c r="B101" s="67">
        <v>-33</v>
      </c>
      <c r="C101" s="68">
        <v>-26</v>
      </c>
      <c r="D101" s="68">
        <v>-7</v>
      </c>
      <c r="E101" s="67">
        <v>33</v>
      </c>
      <c r="F101" s="68">
        <v>25</v>
      </c>
      <c r="G101" s="69">
        <v>8</v>
      </c>
      <c r="H101" s="68">
        <v>31</v>
      </c>
      <c r="I101" s="68">
        <v>17</v>
      </c>
      <c r="J101" s="68">
        <v>14</v>
      </c>
      <c r="K101" s="67">
        <v>31</v>
      </c>
      <c r="L101" s="79">
        <v>18</v>
      </c>
      <c r="M101" s="80">
        <v>13</v>
      </c>
    </row>
    <row r="102" spans="1:13">
      <c r="A102" s="27" t="s">
        <v>57</v>
      </c>
      <c r="B102" s="67">
        <v>-31</v>
      </c>
      <c r="C102" s="68">
        <v>-26</v>
      </c>
      <c r="D102" s="68">
        <v>-5</v>
      </c>
      <c r="E102" s="67">
        <v>36</v>
      </c>
      <c r="F102" s="68">
        <v>26</v>
      </c>
      <c r="G102" s="69">
        <v>10</v>
      </c>
      <c r="H102" s="68">
        <v>35</v>
      </c>
      <c r="I102" s="68">
        <v>17</v>
      </c>
      <c r="J102" s="68">
        <v>18</v>
      </c>
      <c r="K102" s="67">
        <v>30</v>
      </c>
      <c r="L102" s="79">
        <v>17</v>
      </c>
      <c r="M102" s="80">
        <v>13</v>
      </c>
    </row>
    <row r="103" spans="1:13">
      <c r="A103" s="27" t="s">
        <v>59</v>
      </c>
      <c r="B103" s="67">
        <v>-41</v>
      </c>
      <c r="C103" s="68">
        <v>-28</v>
      </c>
      <c r="D103" s="68">
        <v>-13</v>
      </c>
      <c r="E103" s="67">
        <v>48</v>
      </c>
      <c r="F103" s="68">
        <v>31</v>
      </c>
      <c r="G103" s="69">
        <v>17</v>
      </c>
      <c r="H103" s="68">
        <v>31</v>
      </c>
      <c r="I103" s="68">
        <v>18</v>
      </c>
      <c r="J103" s="68">
        <v>13</v>
      </c>
      <c r="K103" s="67">
        <v>24</v>
      </c>
      <c r="L103" s="79">
        <v>15</v>
      </c>
      <c r="M103" s="80">
        <v>9</v>
      </c>
    </row>
    <row r="104" spans="1:13">
      <c r="A104" s="27" t="s">
        <v>61</v>
      </c>
      <c r="B104" s="67">
        <v>-66</v>
      </c>
      <c r="C104" s="68">
        <v>-44</v>
      </c>
      <c r="D104" s="68">
        <v>-22</v>
      </c>
      <c r="E104" s="67">
        <v>76</v>
      </c>
      <c r="F104" s="68">
        <v>52</v>
      </c>
      <c r="G104" s="69">
        <v>24</v>
      </c>
      <c r="H104" s="68">
        <v>30</v>
      </c>
      <c r="I104" s="68">
        <v>14</v>
      </c>
      <c r="J104" s="68">
        <v>16</v>
      </c>
      <c r="K104" s="67">
        <v>20</v>
      </c>
      <c r="L104" s="79">
        <v>6</v>
      </c>
      <c r="M104" s="80">
        <v>14</v>
      </c>
    </row>
    <row r="105" spans="1:13" ht="21" customHeight="1">
      <c r="A105" s="38" t="s">
        <v>63</v>
      </c>
      <c r="B105" s="64">
        <v>-262</v>
      </c>
      <c r="C105" s="65">
        <v>-174</v>
      </c>
      <c r="D105" s="65">
        <v>-88</v>
      </c>
      <c r="E105" s="64">
        <v>290</v>
      </c>
      <c r="F105" s="65">
        <v>187</v>
      </c>
      <c r="G105" s="66">
        <v>103</v>
      </c>
      <c r="H105" s="65">
        <v>132</v>
      </c>
      <c r="I105" s="65">
        <v>65</v>
      </c>
      <c r="J105" s="65">
        <v>67</v>
      </c>
      <c r="K105" s="64">
        <v>104</v>
      </c>
      <c r="L105" s="77">
        <v>52</v>
      </c>
      <c r="M105" s="78">
        <v>52</v>
      </c>
    </row>
    <row r="106" spans="1:13">
      <c r="A106" s="27" t="s">
        <v>65</v>
      </c>
      <c r="B106" s="67">
        <v>-60</v>
      </c>
      <c r="C106" s="68">
        <v>-40</v>
      </c>
      <c r="D106" s="68">
        <v>-20</v>
      </c>
      <c r="E106" s="67">
        <v>60</v>
      </c>
      <c r="F106" s="68">
        <v>43</v>
      </c>
      <c r="G106" s="69">
        <v>17</v>
      </c>
      <c r="H106" s="68">
        <v>34</v>
      </c>
      <c r="I106" s="68">
        <v>19</v>
      </c>
      <c r="J106" s="68">
        <v>15</v>
      </c>
      <c r="K106" s="67">
        <v>34</v>
      </c>
      <c r="L106" s="79">
        <v>16</v>
      </c>
      <c r="M106" s="80">
        <v>18</v>
      </c>
    </row>
    <row r="107" spans="1:13">
      <c r="A107" s="27" t="s">
        <v>67</v>
      </c>
      <c r="B107" s="67">
        <v>-36</v>
      </c>
      <c r="C107" s="68">
        <v>-23</v>
      </c>
      <c r="D107" s="68">
        <v>-13</v>
      </c>
      <c r="E107" s="67">
        <v>42</v>
      </c>
      <c r="F107" s="68">
        <v>27</v>
      </c>
      <c r="G107" s="69">
        <v>15</v>
      </c>
      <c r="H107" s="68">
        <v>25</v>
      </c>
      <c r="I107" s="68">
        <v>15</v>
      </c>
      <c r="J107" s="68">
        <v>10</v>
      </c>
      <c r="K107" s="67">
        <v>19</v>
      </c>
      <c r="L107" s="79">
        <v>11</v>
      </c>
      <c r="M107" s="80">
        <v>8</v>
      </c>
    </row>
    <row r="108" spans="1:13">
      <c r="A108" s="27" t="s">
        <v>69</v>
      </c>
      <c r="B108" s="67">
        <v>-57</v>
      </c>
      <c r="C108" s="68">
        <v>-37</v>
      </c>
      <c r="D108" s="68">
        <v>-20</v>
      </c>
      <c r="E108" s="67">
        <v>55</v>
      </c>
      <c r="F108" s="68">
        <v>32</v>
      </c>
      <c r="G108" s="69">
        <v>23</v>
      </c>
      <c r="H108" s="68">
        <v>18</v>
      </c>
      <c r="I108" s="68">
        <v>9</v>
      </c>
      <c r="J108" s="68">
        <v>9</v>
      </c>
      <c r="K108" s="67">
        <v>20</v>
      </c>
      <c r="L108" s="79">
        <v>14</v>
      </c>
      <c r="M108" s="80">
        <v>6</v>
      </c>
    </row>
    <row r="109" spans="1:13">
      <c r="A109" s="27" t="s">
        <v>71</v>
      </c>
      <c r="B109" s="67">
        <v>-51</v>
      </c>
      <c r="C109" s="68">
        <v>-35</v>
      </c>
      <c r="D109" s="68">
        <v>-16</v>
      </c>
      <c r="E109" s="67">
        <v>54</v>
      </c>
      <c r="F109" s="68">
        <v>38</v>
      </c>
      <c r="G109" s="69">
        <v>16</v>
      </c>
      <c r="H109" s="68">
        <v>21</v>
      </c>
      <c r="I109" s="68">
        <v>8</v>
      </c>
      <c r="J109" s="68">
        <v>13</v>
      </c>
      <c r="K109" s="67">
        <v>18</v>
      </c>
      <c r="L109" s="79">
        <v>5</v>
      </c>
      <c r="M109" s="80">
        <v>13</v>
      </c>
    </row>
    <row r="110" spans="1:13">
      <c r="A110" s="27" t="s">
        <v>73</v>
      </c>
      <c r="B110" s="67">
        <v>-58</v>
      </c>
      <c r="C110" s="68">
        <v>-39</v>
      </c>
      <c r="D110" s="68">
        <v>-19</v>
      </c>
      <c r="E110" s="67">
        <v>79</v>
      </c>
      <c r="F110" s="68">
        <v>47</v>
      </c>
      <c r="G110" s="69">
        <v>32</v>
      </c>
      <c r="H110" s="68">
        <v>34</v>
      </c>
      <c r="I110" s="68">
        <v>14</v>
      </c>
      <c r="J110" s="68">
        <v>20</v>
      </c>
      <c r="K110" s="67">
        <v>13</v>
      </c>
      <c r="L110" s="79">
        <v>6</v>
      </c>
      <c r="M110" s="80">
        <v>7</v>
      </c>
    </row>
    <row r="111" spans="1:13" ht="21" customHeight="1">
      <c r="A111" s="38" t="s">
        <v>75</v>
      </c>
      <c r="B111" s="64">
        <v>-394</v>
      </c>
      <c r="C111" s="65">
        <v>-247</v>
      </c>
      <c r="D111" s="65">
        <v>-147</v>
      </c>
      <c r="E111" s="64">
        <v>420</v>
      </c>
      <c r="F111" s="65">
        <v>261</v>
      </c>
      <c r="G111" s="66">
        <v>159</v>
      </c>
      <c r="H111" s="65">
        <v>110</v>
      </c>
      <c r="I111" s="65">
        <v>46</v>
      </c>
      <c r="J111" s="65">
        <v>64</v>
      </c>
      <c r="K111" s="64">
        <v>84</v>
      </c>
      <c r="L111" s="77">
        <v>32</v>
      </c>
      <c r="M111" s="78">
        <v>52</v>
      </c>
    </row>
    <row r="112" spans="1:13">
      <c r="A112" s="27" t="s">
        <v>77</v>
      </c>
      <c r="B112" s="67">
        <v>-75</v>
      </c>
      <c r="C112" s="68">
        <v>-39</v>
      </c>
      <c r="D112" s="68">
        <v>-36</v>
      </c>
      <c r="E112" s="67">
        <v>80</v>
      </c>
      <c r="F112" s="68">
        <v>42</v>
      </c>
      <c r="G112" s="69">
        <v>38</v>
      </c>
      <c r="H112" s="68">
        <v>27</v>
      </c>
      <c r="I112" s="68">
        <v>10</v>
      </c>
      <c r="J112" s="68">
        <v>17</v>
      </c>
      <c r="K112" s="67">
        <v>22</v>
      </c>
      <c r="L112" s="79">
        <v>7</v>
      </c>
      <c r="M112" s="80">
        <v>15</v>
      </c>
    </row>
    <row r="113" spans="1:13">
      <c r="A113" s="27" t="s">
        <v>79</v>
      </c>
      <c r="B113" s="67">
        <v>-82</v>
      </c>
      <c r="C113" s="68">
        <v>-50</v>
      </c>
      <c r="D113" s="68">
        <v>-32</v>
      </c>
      <c r="E113" s="67">
        <v>87</v>
      </c>
      <c r="F113" s="68">
        <v>59</v>
      </c>
      <c r="G113" s="69">
        <v>28</v>
      </c>
      <c r="H113" s="68">
        <v>28</v>
      </c>
      <c r="I113" s="68">
        <v>16</v>
      </c>
      <c r="J113" s="68">
        <v>12</v>
      </c>
      <c r="K113" s="67">
        <v>23</v>
      </c>
      <c r="L113" s="79">
        <v>7</v>
      </c>
      <c r="M113" s="80">
        <v>16</v>
      </c>
    </row>
    <row r="114" spans="1:13">
      <c r="A114" s="27" t="s">
        <v>81</v>
      </c>
      <c r="B114" s="67">
        <v>-93</v>
      </c>
      <c r="C114" s="68">
        <v>-59</v>
      </c>
      <c r="D114" s="68">
        <v>-34</v>
      </c>
      <c r="E114" s="67">
        <v>101</v>
      </c>
      <c r="F114" s="68">
        <v>61</v>
      </c>
      <c r="G114" s="69">
        <v>40</v>
      </c>
      <c r="H114" s="68">
        <v>23</v>
      </c>
      <c r="I114" s="68">
        <v>9</v>
      </c>
      <c r="J114" s="68">
        <v>14</v>
      </c>
      <c r="K114" s="67">
        <v>15</v>
      </c>
      <c r="L114" s="79">
        <v>7</v>
      </c>
      <c r="M114" s="80">
        <v>8</v>
      </c>
    </row>
    <row r="115" spans="1:13">
      <c r="A115" s="27" t="s">
        <v>83</v>
      </c>
      <c r="B115" s="67">
        <v>-80</v>
      </c>
      <c r="C115" s="68">
        <v>-55</v>
      </c>
      <c r="D115" s="68">
        <v>-25</v>
      </c>
      <c r="E115" s="67">
        <v>88</v>
      </c>
      <c r="F115" s="68">
        <v>56</v>
      </c>
      <c r="G115" s="69">
        <v>32</v>
      </c>
      <c r="H115" s="68">
        <v>17</v>
      </c>
      <c r="I115" s="68">
        <v>5</v>
      </c>
      <c r="J115" s="68">
        <v>12</v>
      </c>
      <c r="K115" s="67">
        <v>9</v>
      </c>
      <c r="L115" s="79">
        <v>4</v>
      </c>
      <c r="M115" s="80">
        <v>5</v>
      </c>
    </row>
    <row r="116" spans="1:13">
      <c r="A116" s="27" t="s">
        <v>85</v>
      </c>
      <c r="B116" s="67">
        <v>-64</v>
      </c>
      <c r="C116" s="68">
        <v>-44</v>
      </c>
      <c r="D116" s="68">
        <v>-20</v>
      </c>
      <c r="E116" s="67">
        <v>64</v>
      </c>
      <c r="F116" s="68">
        <v>43</v>
      </c>
      <c r="G116" s="69">
        <v>21</v>
      </c>
      <c r="H116" s="68">
        <v>15</v>
      </c>
      <c r="I116" s="68">
        <v>6</v>
      </c>
      <c r="J116" s="68">
        <v>9</v>
      </c>
      <c r="K116" s="67">
        <v>15</v>
      </c>
      <c r="L116" s="79">
        <v>7</v>
      </c>
      <c r="M116" s="80">
        <v>8</v>
      </c>
    </row>
    <row r="117" spans="1:13" ht="21" customHeight="1">
      <c r="A117" s="38" t="s">
        <v>87</v>
      </c>
      <c r="B117" s="64">
        <v>-420</v>
      </c>
      <c r="C117" s="65">
        <v>-233</v>
      </c>
      <c r="D117" s="65">
        <v>-187</v>
      </c>
      <c r="E117" s="64">
        <v>459</v>
      </c>
      <c r="F117" s="65">
        <v>253</v>
      </c>
      <c r="G117" s="66">
        <v>206</v>
      </c>
      <c r="H117" s="65">
        <v>93</v>
      </c>
      <c r="I117" s="65">
        <v>39</v>
      </c>
      <c r="J117" s="65">
        <v>54</v>
      </c>
      <c r="K117" s="64">
        <v>54</v>
      </c>
      <c r="L117" s="77">
        <v>19</v>
      </c>
      <c r="M117" s="78">
        <v>35</v>
      </c>
    </row>
    <row r="118" spans="1:13">
      <c r="A118" s="27" t="s">
        <v>89</v>
      </c>
      <c r="B118" s="67">
        <v>-75</v>
      </c>
      <c r="C118" s="68">
        <v>-55</v>
      </c>
      <c r="D118" s="68">
        <v>-20</v>
      </c>
      <c r="E118" s="67">
        <v>87</v>
      </c>
      <c r="F118" s="68">
        <v>59</v>
      </c>
      <c r="G118" s="69">
        <v>28</v>
      </c>
      <c r="H118" s="68">
        <v>28</v>
      </c>
      <c r="I118" s="68">
        <v>12</v>
      </c>
      <c r="J118" s="68">
        <v>16</v>
      </c>
      <c r="K118" s="67">
        <v>16</v>
      </c>
      <c r="L118" s="79">
        <v>8</v>
      </c>
      <c r="M118" s="80">
        <v>8</v>
      </c>
    </row>
    <row r="119" spans="1:13">
      <c r="A119" s="27" t="s">
        <v>91</v>
      </c>
      <c r="B119" s="67">
        <v>-78</v>
      </c>
      <c r="C119" s="68">
        <v>-45</v>
      </c>
      <c r="D119" s="68">
        <v>-33</v>
      </c>
      <c r="E119" s="67">
        <v>92</v>
      </c>
      <c r="F119" s="68">
        <v>53</v>
      </c>
      <c r="G119" s="69">
        <v>39</v>
      </c>
      <c r="H119" s="68">
        <v>24</v>
      </c>
      <c r="I119" s="68">
        <v>12</v>
      </c>
      <c r="J119" s="68">
        <v>12</v>
      </c>
      <c r="K119" s="67">
        <v>10</v>
      </c>
      <c r="L119" s="79">
        <v>4</v>
      </c>
      <c r="M119" s="80">
        <v>6</v>
      </c>
    </row>
    <row r="120" spans="1:13">
      <c r="A120" s="27" t="s">
        <v>93</v>
      </c>
      <c r="B120" s="67">
        <v>-102</v>
      </c>
      <c r="C120" s="68">
        <v>-51</v>
      </c>
      <c r="D120" s="68">
        <v>-51</v>
      </c>
      <c r="E120" s="67">
        <v>104</v>
      </c>
      <c r="F120" s="68">
        <v>55</v>
      </c>
      <c r="G120" s="69">
        <v>49</v>
      </c>
      <c r="H120" s="68">
        <v>13</v>
      </c>
      <c r="I120" s="68">
        <v>7</v>
      </c>
      <c r="J120" s="68">
        <v>6</v>
      </c>
      <c r="K120" s="67">
        <v>11</v>
      </c>
      <c r="L120" s="79">
        <v>3</v>
      </c>
      <c r="M120" s="80">
        <v>8</v>
      </c>
    </row>
    <row r="121" spans="1:13">
      <c r="A121" s="27" t="s">
        <v>95</v>
      </c>
      <c r="B121" s="67">
        <v>-98</v>
      </c>
      <c r="C121" s="68">
        <v>-51</v>
      </c>
      <c r="D121" s="68">
        <v>-47</v>
      </c>
      <c r="E121" s="67">
        <v>100</v>
      </c>
      <c r="F121" s="68">
        <v>53</v>
      </c>
      <c r="G121" s="69">
        <v>47</v>
      </c>
      <c r="H121" s="68">
        <v>10</v>
      </c>
      <c r="I121" s="68">
        <v>4</v>
      </c>
      <c r="J121" s="68">
        <v>6</v>
      </c>
      <c r="K121" s="67">
        <v>8</v>
      </c>
      <c r="L121" s="79">
        <v>2</v>
      </c>
      <c r="M121" s="80">
        <v>6</v>
      </c>
    </row>
    <row r="122" spans="1:13">
      <c r="A122" s="27" t="s">
        <v>97</v>
      </c>
      <c r="B122" s="67">
        <v>-67</v>
      </c>
      <c r="C122" s="68">
        <v>-31</v>
      </c>
      <c r="D122" s="68">
        <v>-36</v>
      </c>
      <c r="E122" s="67">
        <v>76</v>
      </c>
      <c r="F122" s="68">
        <v>33</v>
      </c>
      <c r="G122" s="69">
        <v>43</v>
      </c>
      <c r="H122" s="68">
        <v>18</v>
      </c>
      <c r="I122" s="68">
        <v>4</v>
      </c>
      <c r="J122" s="68">
        <v>14</v>
      </c>
      <c r="K122" s="67">
        <v>9</v>
      </c>
      <c r="L122" s="79">
        <v>2</v>
      </c>
      <c r="M122" s="80">
        <v>7</v>
      </c>
    </row>
    <row r="123" spans="1:13" ht="21" customHeight="1">
      <c r="A123" s="38" t="s">
        <v>99</v>
      </c>
      <c r="B123" s="64">
        <v>-332</v>
      </c>
      <c r="C123" s="65">
        <v>-153</v>
      </c>
      <c r="D123" s="65">
        <v>-179</v>
      </c>
      <c r="E123" s="64">
        <v>357</v>
      </c>
      <c r="F123" s="65">
        <v>159</v>
      </c>
      <c r="G123" s="66">
        <v>198</v>
      </c>
      <c r="H123" s="65">
        <v>45</v>
      </c>
      <c r="I123" s="65">
        <v>14</v>
      </c>
      <c r="J123" s="65">
        <v>31</v>
      </c>
      <c r="K123" s="64">
        <v>20</v>
      </c>
      <c r="L123" s="77">
        <v>8</v>
      </c>
      <c r="M123" s="78">
        <v>12</v>
      </c>
    </row>
    <row r="124" spans="1:13">
      <c r="A124" s="27" t="s">
        <v>101</v>
      </c>
      <c r="B124" s="67">
        <v>-67</v>
      </c>
      <c r="C124" s="68">
        <v>-37</v>
      </c>
      <c r="D124" s="68">
        <v>-30</v>
      </c>
      <c r="E124" s="67">
        <v>82</v>
      </c>
      <c r="F124" s="68">
        <v>43</v>
      </c>
      <c r="G124" s="69">
        <v>39</v>
      </c>
      <c r="H124" s="68">
        <v>19</v>
      </c>
      <c r="I124" s="68">
        <v>7</v>
      </c>
      <c r="J124" s="68">
        <v>12</v>
      </c>
      <c r="K124" s="67">
        <v>4</v>
      </c>
      <c r="L124" s="79">
        <v>1</v>
      </c>
      <c r="M124" s="80">
        <v>3</v>
      </c>
    </row>
    <row r="125" spans="1:13">
      <c r="A125" s="27" t="s">
        <v>103</v>
      </c>
      <c r="B125" s="67">
        <v>-74</v>
      </c>
      <c r="C125" s="68">
        <v>-34</v>
      </c>
      <c r="D125" s="68">
        <v>-40</v>
      </c>
      <c r="E125" s="67">
        <v>82</v>
      </c>
      <c r="F125" s="68">
        <v>34</v>
      </c>
      <c r="G125" s="69">
        <v>48</v>
      </c>
      <c r="H125" s="68">
        <v>14</v>
      </c>
      <c r="I125" s="68">
        <v>4</v>
      </c>
      <c r="J125" s="68">
        <v>10</v>
      </c>
      <c r="K125" s="67">
        <v>6</v>
      </c>
      <c r="L125" s="79">
        <v>4</v>
      </c>
      <c r="M125" s="80">
        <v>2</v>
      </c>
    </row>
    <row r="126" spans="1:13">
      <c r="A126" s="27" t="s">
        <v>105</v>
      </c>
      <c r="B126" s="67">
        <v>-72</v>
      </c>
      <c r="C126" s="68">
        <v>-34</v>
      </c>
      <c r="D126" s="68">
        <v>-38</v>
      </c>
      <c r="E126" s="67">
        <v>70</v>
      </c>
      <c r="F126" s="68">
        <v>33</v>
      </c>
      <c r="G126" s="69">
        <v>37</v>
      </c>
      <c r="H126" s="68">
        <v>4</v>
      </c>
      <c r="I126" s="68">
        <v>0</v>
      </c>
      <c r="J126" s="68">
        <v>4</v>
      </c>
      <c r="K126" s="67">
        <v>6</v>
      </c>
      <c r="L126" s="79">
        <v>1</v>
      </c>
      <c r="M126" s="80">
        <v>5</v>
      </c>
    </row>
    <row r="127" spans="1:13">
      <c r="A127" s="27" t="s">
        <v>107</v>
      </c>
      <c r="B127" s="67">
        <v>-72</v>
      </c>
      <c r="C127" s="68">
        <v>-30</v>
      </c>
      <c r="D127" s="68">
        <v>-42</v>
      </c>
      <c r="E127" s="67">
        <v>74</v>
      </c>
      <c r="F127" s="68">
        <v>31</v>
      </c>
      <c r="G127" s="69">
        <v>43</v>
      </c>
      <c r="H127" s="68">
        <v>4</v>
      </c>
      <c r="I127" s="68">
        <v>1</v>
      </c>
      <c r="J127" s="68">
        <v>3</v>
      </c>
      <c r="K127" s="67">
        <v>2</v>
      </c>
      <c r="L127" s="79">
        <v>0</v>
      </c>
      <c r="M127" s="80">
        <v>2</v>
      </c>
    </row>
    <row r="128" spans="1:13">
      <c r="A128" s="27" t="s">
        <v>109</v>
      </c>
      <c r="B128" s="67">
        <v>-47</v>
      </c>
      <c r="C128" s="68">
        <v>-18</v>
      </c>
      <c r="D128" s="68">
        <v>-29</v>
      </c>
      <c r="E128" s="67">
        <v>49</v>
      </c>
      <c r="F128" s="68">
        <v>18</v>
      </c>
      <c r="G128" s="69">
        <v>31</v>
      </c>
      <c r="H128" s="68">
        <v>4</v>
      </c>
      <c r="I128" s="68">
        <v>2</v>
      </c>
      <c r="J128" s="68">
        <v>2</v>
      </c>
      <c r="K128" s="67">
        <v>2</v>
      </c>
      <c r="L128" s="79">
        <v>2</v>
      </c>
      <c r="M128" s="80">
        <v>0</v>
      </c>
    </row>
    <row r="129" spans="1:14" ht="21" customHeight="1">
      <c r="A129" s="38" t="s">
        <v>111</v>
      </c>
      <c r="B129" s="64">
        <v>-200</v>
      </c>
      <c r="C129" s="65">
        <v>-52</v>
      </c>
      <c r="D129" s="65">
        <v>-148</v>
      </c>
      <c r="E129" s="64">
        <v>201</v>
      </c>
      <c r="F129" s="65">
        <v>54</v>
      </c>
      <c r="G129" s="66">
        <v>147</v>
      </c>
      <c r="H129" s="65">
        <v>10</v>
      </c>
      <c r="I129" s="65">
        <v>2</v>
      </c>
      <c r="J129" s="65">
        <v>8</v>
      </c>
      <c r="K129" s="64">
        <v>9</v>
      </c>
      <c r="L129" s="77">
        <v>0</v>
      </c>
      <c r="M129" s="78">
        <v>9</v>
      </c>
    </row>
    <row r="130" spans="1:14">
      <c r="A130" s="27" t="s">
        <v>113</v>
      </c>
      <c r="B130" s="67">
        <v>-55</v>
      </c>
      <c r="C130" s="68">
        <v>-20</v>
      </c>
      <c r="D130" s="68">
        <v>-35</v>
      </c>
      <c r="E130" s="67">
        <v>57</v>
      </c>
      <c r="F130" s="68">
        <v>20</v>
      </c>
      <c r="G130" s="69">
        <v>37</v>
      </c>
      <c r="H130" s="68">
        <v>3</v>
      </c>
      <c r="I130" s="68">
        <v>0</v>
      </c>
      <c r="J130" s="68">
        <v>3</v>
      </c>
      <c r="K130" s="67">
        <v>1</v>
      </c>
      <c r="L130" s="79">
        <v>0</v>
      </c>
      <c r="M130" s="80">
        <v>1</v>
      </c>
    </row>
    <row r="131" spans="1:14">
      <c r="A131" s="27" t="s">
        <v>115</v>
      </c>
      <c r="B131" s="67">
        <v>-47</v>
      </c>
      <c r="C131" s="68">
        <v>-12</v>
      </c>
      <c r="D131" s="68">
        <v>-35</v>
      </c>
      <c r="E131" s="67">
        <v>46</v>
      </c>
      <c r="F131" s="68">
        <v>12</v>
      </c>
      <c r="G131" s="69">
        <v>34</v>
      </c>
      <c r="H131" s="68">
        <v>1</v>
      </c>
      <c r="I131" s="68">
        <v>0</v>
      </c>
      <c r="J131" s="68">
        <v>1</v>
      </c>
      <c r="K131" s="67">
        <v>2</v>
      </c>
      <c r="L131" s="79">
        <v>0</v>
      </c>
      <c r="M131" s="80">
        <v>2</v>
      </c>
    </row>
    <row r="132" spans="1:14">
      <c r="A132" s="27" t="s">
        <v>117</v>
      </c>
      <c r="B132" s="67">
        <v>-46</v>
      </c>
      <c r="C132" s="68">
        <v>-11</v>
      </c>
      <c r="D132" s="68">
        <v>-35</v>
      </c>
      <c r="E132" s="67">
        <v>47</v>
      </c>
      <c r="F132" s="68">
        <v>13</v>
      </c>
      <c r="G132" s="69">
        <v>34</v>
      </c>
      <c r="H132" s="68">
        <v>6</v>
      </c>
      <c r="I132" s="68">
        <v>2</v>
      </c>
      <c r="J132" s="68">
        <v>4</v>
      </c>
      <c r="K132" s="67">
        <v>5</v>
      </c>
      <c r="L132" s="79">
        <v>0</v>
      </c>
      <c r="M132" s="80">
        <v>5</v>
      </c>
    </row>
    <row r="133" spans="1:14">
      <c r="A133" s="27" t="s">
        <v>119</v>
      </c>
      <c r="B133" s="67">
        <v>-29</v>
      </c>
      <c r="C133" s="68">
        <v>-7</v>
      </c>
      <c r="D133" s="68">
        <v>-22</v>
      </c>
      <c r="E133" s="67">
        <v>28</v>
      </c>
      <c r="F133" s="68">
        <v>7</v>
      </c>
      <c r="G133" s="69">
        <v>21</v>
      </c>
      <c r="H133" s="68">
        <v>0</v>
      </c>
      <c r="I133" s="68">
        <v>0</v>
      </c>
      <c r="J133" s="68">
        <v>0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23</v>
      </c>
      <c r="C134" s="68">
        <v>-2</v>
      </c>
      <c r="D134" s="68">
        <v>-21</v>
      </c>
      <c r="E134" s="67">
        <v>23</v>
      </c>
      <c r="F134" s="68">
        <v>2</v>
      </c>
      <c r="G134" s="69">
        <v>21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39</v>
      </c>
      <c r="C135" s="40">
        <v>-9</v>
      </c>
      <c r="D135" s="40">
        <v>-30</v>
      </c>
      <c r="E135" s="42">
        <v>40</v>
      </c>
      <c r="F135" s="40">
        <v>9</v>
      </c>
      <c r="G135" s="43">
        <v>31</v>
      </c>
      <c r="H135" s="40">
        <v>1</v>
      </c>
      <c r="I135" s="40">
        <v>0</v>
      </c>
      <c r="J135" s="40">
        <v>1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92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484</v>
      </c>
      <c r="C5" s="62">
        <v>714</v>
      </c>
      <c r="D5" s="62">
        <v>770</v>
      </c>
      <c r="E5" s="61">
        <v>2460</v>
      </c>
      <c r="F5" s="62">
        <v>1336</v>
      </c>
      <c r="G5" s="63">
        <v>1124</v>
      </c>
      <c r="H5" s="62">
        <v>13574</v>
      </c>
      <c r="I5" s="62">
        <v>7272</v>
      </c>
      <c r="J5" s="62">
        <v>6302</v>
      </c>
      <c r="K5" s="61">
        <v>11469</v>
      </c>
      <c r="L5" s="75">
        <v>6185</v>
      </c>
      <c r="M5" s="76">
        <v>5284</v>
      </c>
    </row>
    <row r="6" spans="1:13" ht="23.25" customHeight="1">
      <c r="A6" s="36" t="s">
        <v>2</v>
      </c>
      <c r="B6" s="64">
        <v>1955</v>
      </c>
      <c r="C6" s="65">
        <v>1044</v>
      </c>
      <c r="D6" s="65">
        <v>911</v>
      </c>
      <c r="E6" s="64">
        <v>4</v>
      </c>
      <c r="F6" s="65">
        <v>1</v>
      </c>
      <c r="G6" s="66">
        <v>3</v>
      </c>
      <c r="H6" s="65">
        <v>720</v>
      </c>
      <c r="I6" s="65">
        <v>377</v>
      </c>
      <c r="J6" s="65">
        <v>343</v>
      </c>
      <c r="K6" s="64">
        <v>600</v>
      </c>
      <c r="L6" s="77">
        <v>295</v>
      </c>
      <c r="M6" s="78">
        <v>305</v>
      </c>
    </row>
    <row r="7" spans="1:13">
      <c r="A7" s="15" t="s">
        <v>4</v>
      </c>
      <c r="B7" s="67">
        <v>1884</v>
      </c>
      <c r="C7" s="68">
        <v>981</v>
      </c>
      <c r="D7" s="68">
        <v>903</v>
      </c>
      <c r="E7" s="67">
        <v>3</v>
      </c>
      <c r="F7" s="68">
        <v>1</v>
      </c>
      <c r="G7" s="69">
        <v>2</v>
      </c>
      <c r="H7" s="68">
        <v>217</v>
      </c>
      <c r="I7" s="68">
        <v>109</v>
      </c>
      <c r="J7" s="68">
        <v>108</v>
      </c>
      <c r="K7" s="67">
        <v>169</v>
      </c>
      <c r="L7" s="79">
        <v>90</v>
      </c>
      <c r="M7" s="80">
        <v>79</v>
      </c>
    </row>
    <row r="8" spans="1:13">
      <c r="A8" s="15" t="s">
        <v>6</v>
      </c>
      <c r="B8" s="67">
        <v>51</v>
      </c>
      <c r="C8" s="68">
        <v>39</v>
      </c>
      <c r="D8" s="68">
        <v>12</v>
      </c>
      <c r="E8" s="67">
        <v>0</v>
      </c>
      <c r="F8" s="68">
        <v>0</v>
      </c>
      <c r="G8" s="69">
        <v>0</v>
      </c>
      <c r="H8" s="68">
        <v>183</v>
      </c>
      <c r="I8" s="68">
        <v>101</v>
      </c>
      <c r="J8" s="68">
        <v>82</v>
      </c>
      <c r="K8" s="67">
        <v>132</v>
      </c>
      <c r="L8" s="79">
        <v>62</v>
      </c>
      <c r="M8" s="80">
        <v>70</v>
      </c>
    </row>
    <row r="9" spans="1:13">
      <c r="A9" s="15" t="s">
        <v>8</v>
      </c>
      <c r="B9" s="67">
        <v>-3</v>
      </c>
      <c r="C9" s="68">
        <v>3</v>
      </c>
      <c r="D9" s="68">
        <v>-6</v>
      </c>
      <c r="E9" s="67">
        <v>1</v>
      </c>
      <c r="F9" s="68">
        <v>0</v>
      </c>
      <c r="G9" s="69">
        <v>1</v>
      </c>
      <c r="H9" s="68">
        <v>133</v>
      </c>
      <c r="I9" s="68">
        <v>62</v>
      </c>
      <c r="J9" s="68">
        <v>71</v>
      </c>
      <c r="K9" s="67">
        <v>135</v>
      </c>
      <c r="L9" s="79">
        <v>59</v>
      </c>
      <c r="M9" s="80">
        <v>76</v>
      </c>
    </row>
    <row r="10" spans="1:13">
      <c r="A10" s="15" t="s">
        <v>10</v>
      </c>
      <c r="B10" s="67">
        <v>0</v>
      </c>
      <c r="C10" s="68">
        <v>1</v>
      </c>
      <c r="D10" s="68">
        <v>-1</v>
      </c>
      <c r="E10" s="67">
        <v>0</v>
      </c>
      <c r="F10" s="68">
        <v>0</v>
      </c>
      <c r="G10" s="69">
        <v>0</v>
      </c>
      <c r="H10" s="68">
        <v>106</v>
      </c>
      <c r="I10" s="68">
        <v>56</v>
      </c>
      <c r="J10" s="68">
        <v>50</v>
      </c>
      <c r="K10" s="67">
        <v>106</v>
      </c>
      <c r="L10" s="79">
        <v>55</v>
      </c>
      <c r="M10" s="80">
        <v>51</v>
      </c>
    </row>
    <row r="11" spans="1:13">
      <c r="A11" s="15" t="s">
        <v>12</v>
      </c>
      <c r="B11" s="67">
        <v>23</v>
      </c>
      <c r="C11" s="68">
        <v>20</v>
      </c>
      <c r="D11" s="68">
        <v>3</v>
      </c>
      <c r="E11" s="67">
        <v>0</v>
      </c>
      <c r="F11" s="68">
        <v>0</v>
      </c>
      <c r="G11" s="69">
        <v>0</v>
      </c>
      <c r="H11" s="68">
        <v>81</v>
      </c>
      <c r="I11" s="68">
        <v>49</v>
      </c>
      <c r="J11" s="68">
        <v>32</v>
      </c>
      <c r="K11" s="67">
        <v>58</v>
      </c>
      <c r="L11" s="79">
        <v>29</v>
      </c>
      <c r="M11" s="80">
        <v>29</v>
      </c>
    </row>
    <row r="12" spans="1:13" ht="21" customHeight="1">
      <c r="A12" s="36" t="s">
        <v>14</v>
      </c>
      <c r="B12" s="64">
        <v>22</v>
      </c>
      <c r="C12" s="65">
        <v>13</v>
      </c>
      <c r="D12" s="65">
        <v>9</v>
      </c>
      <c r="E12" s="64">
        <v>0</v>
      </c>
      <c r="F12" s="65">
        <v>0</v>
      </c>
      <c r="G12" s="66">
        <v>0</v>
      </c>
      <c r="H12" s="65">
        <v>263</v>
      </c>
      <c r="I12" s="65">
        <v>137</v>
      </c>
      <c r="J12" s="65">
        <v>126</v>
      </c>
      <c r="K12" s="64">
        <v>241</v>
      </c>
      <c r="L12" s="77">
        <v>124</v>
      </c>
      <c r="M12" s="78">
        <v>117</v>
      </c>
    </row>
    <row r="13" spans="1:13">
      <c r="A13" s="15" t="s">
        <v>16</v>
      </c>
      <c r="B13" s="67">
        <v>9</v>
      </c>
      <c r="C13" s="68">
        <v>4</v>
      </c>
      <c r="D13" s="68">
        <v>5</v>
      </c>
      <c r="E13" s="67">
        <v>0</v>
      </c>
      <c r="F13" s="68">
        <v>0</v>
      </c>
      <c r="G13" s="69">
        <v>0</v>
      </c>
      <c r="H13" s="68">
        <v>70</v>
      </c>
      <c r="I13" s="68">
        <v>35</v>
      </c>
      <c r="J13" s="68">
        <v>35</v>
      </c>
      <c r="K13" s="67">
        <v>61</v>
      </c>
      <c r="L13" s="79">
        <v>31</v>
      </c>
      <c r="M13" s="80">
        <v>30</v>
      </c>
    </row>
    <row r="14" spans="1:13">
      <c r="A14" s="15" t="s">
        <v>18</v>
      </c>
      <c r="B14" s="67">
        <v>6</v>
      </c>
      <c r="C14" s="68">
        <v>3</v>
      </c>
      <c r="D14" s="68">
        <v>3</v>
      </c>
      <c r="E14" s="67">
        <v>0</v>
      </c>
      <c r="F14" s="68">
        <v>0</v>
      </c>
      <c r="G14" s="69">
        <v>0</v>
      </c>
      <c r="H14" s="68">
        <v>74</v>
      </c>
      <c r="I14" s="68">
        <v>42</v>
      </c>
      <c r="J14" s="68">
        <v>32</v>
      </c>
      <c r="K14" s="67">
        <v>68</v>
      </c>
      <c r="L14" s="79">
        <v>39</v>
      </c>
      <c r="M14" s="80">
        <v>29</v>
      </c>
    </row>
    <row r="15" spans="1:13">
      <c r="A15" s="15" t="s">
        <v>20</v>
      </c>
      <c r="B15" s="67">
        <v>-11</v>
      </c>
      <c r="C15" s="68">
        <v>-5</v>
      </c>
      <c r="D15" s="68">
        <v>-6</v>
      </c>
      <c r="E15" s="67">
        <v>0</v>
      </c>
      <c r="F15" s="68">
        <v>0</v>
      </c>
      <c r="G15" s="69">
        <v>0</v>
      </c>
      <c r="H15" s="68">
        <v>29</v>
      </c>
      <c r="I15" s="68">
        <v>13</v>
      </c>
      <c r="J15" s="68">
        <v>16</v>
      </c>
      <c r="K15" s="67">
        <v>40</v>
      </c>
      <c r="L15" s="79">
        <v>18</v>
      </c>
      <c r="M15" s="80">
        <v>22</v>
      </c>
    </row>
    <row r="16" spans="1:13">
      <c r="A16" s="15" t="s">
        <v>22</v>
      </c>
      <c r="B16" s="67">
        <v>14</v>
      </c>
      <c r="C16" s="68">
        <v>9</v>
      </c>
      <c r="D16" s="68">
        <v>5</v>
      </c>
      <c r="E16" s="67">
        <v>0</v>
      </c>
      <c r="F16" s="68">
        <v>0</v>
      </c>
      <c r="G16" s="69">
        <v>0</v>
      </c>
      <c r="H16" s="68">
        <v>49</v>
      </c>
      <c r="I16" s="68">
        <v>27</v>
      </c>
      <c r="J16" s="68">
        <v>22</v>
      </c>
      <c r="K16" s="67">
        <v>35</v>
      </c>
      <c r="L16" s="79">
        <v>18</v>
      </c>
      <c r="M16" s="80">
        <v>17</v>
      </c>
    </row>
    <row r="17" spans="1:13">
      <c r="A17" s="15" t="s">
        <v>24</v>
      </c>
      <c r="B17" s="67">
        <v>4</v>
      </c>
      <c r="C17" s="68">
        <v>2</v>
      </c>
      <c r="D17" s="68">
        <v>2</v>
      </c>
      <c r="E17" s="67">
        <v>0</v>
      </c>
      <c r="F17" s="68">
        <v>0</v>
      </c>
      <c r="G17" s="69">
        <v>0</v>
      </c>
      <c r="H17" s="68">
        <v>41</v>
      </c>
      <c r="I17" s="68">
        <v>20</v>
      </c>
      <c r="J17" s="68">
        <v>21</v>
      </c>
      <c r="K17" s="67">
        <v>37</v>
      </c>
      <c r="L17" s="79">
        <v>18</v>
      </c>
      <c r="M17" s="80">
        <v>19</v>
      </c>
    </row>
    <row r="18" spans="1:13" ht="21" customHeight="1">
      <c r="A18" s="36" t="s">
        <v>26</v>
      </c>
      <c r="B18" s="64">
        <v>39</v>
      </c>
      <c r="C18" s="65">
        <v>12</v>
      </c>
      <c r="D18" s="65">
        <v>27</v>
      </c>
      <c r="E18" s="64">
        <v>0</v>
      </c>
      <c r="F18" s="65">
        <v>0</v>
      </c>
      <c r="G18" s="66">
        <v>0</v>
      </c>
      <c r="H18" s="65">
        <v>152</v>
      </c>
      <c r="I18" s="65">
        <v>70</v>
      </c>
      <c r="J18" s="65">
        <v>82</v>
      </c>
      <c r="K18" s="64">
        <v>113</v>
      </c>
      <c r="L18" s="77">
        <v>58</v>
      </c>
      <c r="M18" s="78">
        <v>55</v>
      </c>
    </row>
    <row r="19" spans="1:13">
      <c r="A19" s="15" t="s">
        <v>28</v>
      </c>
      <c r="B19" s="67">
        <v>7</v>
      </c>
      <c r="C19" s="68">
        <v>1</v>
      </c>
      <c r="D19" s="68">
        <v>6</v>
      </c>
      <c r="E19" s="67">
        <v>0</v>
      </c>
      <c r="F19" s="68">
        <v>0</v>
      </c>
      <c r="G19" s="69">
        <v>0</v>
      </c>
      <c r="H19" s="68">
        <v>29</v>
      </c>
      <c r="I19" s="68">
        <v>13</v>
      </c>
      <c r="J19" s="68">
        <v>16</v>
      </c>
      <c r="K19" s="67">
        <v>22</v>
      </c>
      <c r="L19" s="79">
        <v>12</v>
      </c>
      <c r="M19" s="80">
        <v>10</v>
      </c>
    </row>
    <row r="20" spans="1:13">
      <c r="A20" s="15" t="s">
        <v>30</v>
      </c>
      <c r="B20" s="67">
        <v>7</v>
      </c>
      <c r="C20" s="68">
        <v>0</v>
      </c>
      <c r="D20" s="68">
        <v>7</v>
      </c>
      <c r="E20" s="67">
        <v>0</v>
      </c>
      <c r="F20" s="68">
        <v>0</v>
      </c>
      <c r="G20" s="69">
        <v>0</v>
      </c>
      <c r="H20" s="68">
        <v>32</v>
      </c>
      <c r="I20" s="68">
        <v>13</v>
      </c>
      <c r="J20" s="68">
        <v>19</v>
      </c>
      <c r="K20" s="67">
        <v>25</v>
      </c>
      <c r="L20" s="79">
        <v>13</v>
      </c>
      <c r="M20" s="80">
        <v>12</v>
      </c>
    </row>
    <row r="21" spans="1:13">
      <c r="A21" s="15" t="s">
        <v>32</v>
      </c>
      <c r="B21" s="67">
        <v>6</v>
      </c>
      <c r="C21" s="68">
        <v>0</v>
      </c>
      <c r="D21" s="68">
        <v>6</v>
      </c>
      <c r="E21" s="67">
        <v>0</v>
      </c>
      <c r="F21" s="68">
        <v>0</v>
      </c>
      <c r="G21" s="69">
        <v>0</v>
      </c>
      <c r="H21" s="68">
        <v>40</v>
      </c>
      <c r="I21" s="68">
        <v>20</v>
      </c>
      <c r="J21" s="68">
        <v>20</v>
      </c>
      <c r="K21" s="67">
        <v>34</v>
      </c>
      <c r="L21" s="79">
        <v>20</v>
      </c>
      <c r="M21" s="80">
        <v>14</v>
      </c>
    </row>
    <row r="22" spans="1:13">
      <c r="A22" s="15" t="s">
        <v>34</v>
      </c>
      <c r="B22" s="67">
        <v>5</v>
      </c>
      <c r="C22" s="68">
        <v>2</v>
      </c>
      <c r="D22" s="68">
        <v>3</v>
      </c>
      <c r="E22" s="67">
        <v>0</v>
      </c>
      <c r="F22" s="68">
        <v>0</v>
      </c>
      <c r="G22" s="69">
        <v>0</v>
      </c>
      <c r="H22" s="68">
        <v>21</v>
      </c>
      <c r="I22" s="68">
        <v>8</v>
      </c>
      <c r="J22" s="68">
        <v>13</v>
      </c>
      <c r="K22" s="67">
        <v>16</v>
      </c>
      <c r="L22" s="79">
        <v>6</v>
      </c>
      <c r="M22" s="80">
        <v>10</v>
      </c>
    </row>
    <row r="23" spans="1:13">
      <c r="A23" s="15" t="s">
        <v>36</v>
      </c>
      <c r="B23" s="67">
        <v>14</v>
      </c>
      <c r="C23" s="68">
        <v>9</v>
      </c>
      <c r="D23" s="68">
        <v>5</v>
      </c>
      <c r="E23" s="67">
        <v>0</v>
      </c>
      <c r="F23" s="68">
        <v>0</v>
      </c>
      <c r="G23" s="69">
        <v>0</v>
      </c>
      <c r="H23" s="68">
        <v>30</v>
      </c>
      <c r="I23" s="68">
        <v>16</v>
      </c>
      <c r="J23" s="68">
        <v>14</v>
      </c>
      <c r="K23" s="67">
        <v>16</v>
      </c>
      <c r="L23" s="79">
        <v>7</v>
      </c>
      <c r="M23" s="80">
        <v>9</v>
      </c>
    </row>
    <row r="24" spans="1:13" ht="21" customHeight="1">
      <c r="A24" s="36" t="s">
        <v>38</v>
      </c>
      <c r="B24" s="64">
        <v>165</v>
      </c>
      <c r="C24" s="65">
        <v>83</v>
      </c>
      <c r="D24" s="65">
        <v>82</v>
      </c>
      <c r="E24" s="64">
        <v>6</v>
      </c>
      <c r="F24" s="65">
        <v>4</v>
      </c>
      <c r="G24" s="66">
        <v>2</v>
      </c>
      <c r="H24" s="65">
        <v>459</v>
      </c>
      <c r="I24" s="65">
        <v>238</v>
      </c>
      <c r="J24" s="65">
        <v>221</v>
      </c>
      <c r="K24" s="64">
        <v>288</v>
      </c>
      <c r="L24" s="77">
        <v>151</v>
      </c>
      <c r="M24" s="78">
        <v>137</v>
      </c>
    </row>
    <row r="25" spans="1:13">
      <c r="A25" s="15" t="s">
        <v>40</v>
      </c>
      <c r="B25" s="67">
        <v>3</v>
      </c>
      <c r="C25" s="68">
        <v>4</v>
      </c>
      <c r="D25" s="68">
        <v>-1</v>
      </c>
      <c r="E25" s="67">
        <v>2</v>
      </c>
      <c r="F25" s="68">
        <v>1</v>
      </c>
      <c r="G25" s="69">
        <v>1</v>
      </c>
      <c r="H25" s="68">
        <v>47</v>
      </c>
      <c r="I25" s="68">
        <v>21</v>
      </c>
      <c r="J25" s="68">
        <v>26</v>
      </c>
      <c r="K25" s="67">
        <v>42</v>
      </c>
      <c r="L25" s="79">
        <v>16</v>
      </c>
      <c r="M25" s="80">
        <v>26</v>
      </c>
    </row>
    <row r="26" spans="1:13">
      <c r="A26" s="15" t="s">
        <v>42</v>
      </c>
      <c r="B26" s="67">
        <v>18</v>
      </c>
      <c r="C26" s="68">
        <v>3</v>
      </c>
      <c r="D26" s="68">
        <v>15</v>
      </c>
      <c r="E26" s="67">
        <v>1</v>
      </c>
      <c r="F26" s="68">
        <v>0</v>
      </c>
      <c r="G26" s="69">
        <v>1</v>
      </c>
      <c r="H26" s="68">
        <v>40</v>
      </c>
      <c r="I26" s="68">
        <v>15</v>
      </c>
      <c r="J26" s="68">
        <v>25</v>
      </c>
      <c r="K26" s="67">
        <v>21</v>
      </c>
      <c r="L26" s="79">
        <v>12</v>
      </c>
      <c r="M26" s="80">
        <v>9</v>
      </c>
    </row>
    <row r="27" spans="1:13">
      <c r="A27" s="15" t="s">
        <v>44</v>
      </c>
      <c r="B27" s="67">
        <v>5</v>
      </c>
      <c r="C27" s="68">
        <v>3</v>
      </c>
      <c r="D27" s="68">
        <v>2</v>
      </c>
      <c r="E27" s="67">
        <v>1</v>
      </c>
      <c r="F27" s="68">
        <v>1</v>
      </c>
      <c r="G27" s="69">
        <v>0</v>
      </c>
      <c r="H27" s="68">
        <v>31</v>
      </c>
      <c r="I27" s="68">
        <v>15</v>
      </c>
      <c r="J27" s="68">
        <v>16</v>
      </c>
      <c r="K27" s="67">
        <v>25</v>
      </c>
      <c r="L27" s="79">
        <v>11</v>
      </c>
      <c r="M27" s="80">
        <v>14</v>
      </c>
    </row>
    <row r="28" spans="1:13">
      <c r="A28" s="15" t="s">
        <v>46</v>
      </c>
      <c r="B28" s="67">
        <v>79</v>
      </c>
      <c r="C28" s="68">
        <v>38</v>
      </c>
      <c r="D28" s="68">
        <v>41</v>
      </c>
      <c r="E28" s="67">
        <v>1</v>
      </c>
      <c r="F28" s="68">
        <v>1</v>
      </c>
      <c r="G28" s="69">
        <v>0</v>
      </c>
      <c r="H28" s="68">
        <v>179</v>
      </c>
      <c r="I28" s="68">
        <v>91</v>
      </c>
      <c r="J28" s="68">
        <v>88</v>
      </c>
      <c r="K28" s="67">
        <v>99</v>
      </c>
      <c r="L28" s="79">
        <v>52</v>
      </c>
      <c r="M28" s="80">
        <v>47</v>
      </c>
    </row>
    <row r="29" spans="1:13">
      <c r="A29" s="15" t="s">
        <v>48</v>
      </c>
      <c r="B29" s="67">
        <v>60</v>
      </c>
      <c r="C29" s="68">
        <v>35</v>
      </c>
      <c r="D29" s="68">
        <v>25</v>
      </c>
      <c r="E29" s="67">
        <v>1</v>
      </c>
      <c r="F29" s="68">
        <v>1</v>
      </c>
      <c r="G29" s="69">
        <v>0</v>
      </c>
      <c r="H29" s="68">
        <v>162</v>
      </c>
      <c r="I29" s="68">
        <v>96</v>
      </c>
      <c r="J29" s="68">
        <v>66</v>
      </c>
      <c r="K29" s="67">
        <v>101</v>
      </c>
      <c r="L29" s="79">
        <v>60</v>
      </c>
      <c r="M29" s="80">
        <v>41</v>
      </c>
    </row>
    <row r="30" spans="1:13" ht="21" customHeight="1">
      <c r="A30" s="36" t="s">
        <v>50</v>
      </c>
      <c r="B30" s="64">
        <v>648</v>
      </c>
      <c r="C30" s="65">
        <v>376</v>
      </c>
      <c r="D30" s="65">
        <v>272</v>
      </c>
      <c r="E30" s="64">
        <v>4</v>
      </c>
      <c r="F30" s="65">
        <v>3</v>
      </c>
      <c r="G30" s="66">
        <v>1</v>
      </c>
      <c r="H30" s="65">
        <v>2471</v>
      </c>
      <c r="I30" s="65">
        <v>1312</v>
      </c>
      <c r="J30" s="65">
        <v>1159</v>
      </c>
      <c r="K30" s="64">
        <v>1819</v>
      </c>
      <c r="L30" s="77">
        <v>933</v>
      </c>
      <c r="M30" s="78">
        <v>886</v>
      </c>
    </row>
    <row r="31" spans="1:13">
      <c r="A31" s="15" t="s">
        <v>52</v>
      </c>
      <c r="B31" s="67">
        <v>104</v>
      </c>
      <c r="C31" s="68">
        <v>40</v>
      </c>
      <c r="D31" s="68">
        <v>64</v>
      </c>
      <c r="E31" s="67">
        <v>1</v>
      </c>
      <c r="F31" s="68">
        <v>1</v>
      </c>
      <c r="G31" s="69">
        <v>0</v>
      </c>
      <c r="H31" s="68">
        <v>264</v>
      </c>
      <c r="I31" s="68">
        <v>131</v>
      </c>
      <c r="J31" s="68">
        <v>133</v>
      </c>
      <c r="K31" s="67">
        <v>159</v>
      </c>
      <c r="L31" s="79">
        <v>90</v>
      </c>
      <c r="M31" s="80">
        <v>69</v>
      </c>
    </row>
    <row r="32" spans="1:13">
      <c r="A32" s="15" t="s">
        <v>54</v>
      </c>
      <c r="B32" s="67">
        <v>89</v>
      </c>
      <c r="C32" s="68">
        <v>59</v>
      </c>
      <c r="D32" s="68">
        <v>30</v>
      </c>
      <c r="E32" s="67">
        <v>0</v>
      </c>
      <c r="F32" s="68">
        <v>0</v>
      </c>
      <c r="G32" s="69">
        <v>0</v>
      </c>
      <c r="H32" s="68">
        <v>271</v>
      </c>
      <c r="I32" s="68">
        <v>136</v>
      </c>
      <c r="J32" s="68">
        <v>135</v>
      </c>
      <c r="K32" s="67">
        <v>182</v>
      </c>
      <c r="L32" s="79">
        <v>77</v>
      </c>
      <c r="M32" s="80">
        <v>105</v>
      </c>
    </row>
    <row r="33" spans="1:13">
      <c r="A33" s="15" t="s">
        <v>56</v>
      </c>
      <c r="B33" s="67">
        <v>170</v>
      </c>
      <c r="C33" s="68">
        <v>99</v>
      </c>
      <c r="D33" s="68">
        <v>71</v>
      </c>
      <c r="E33" s="67">
        <v>2</v>
      </c>
      <c r="F33" s="68">
        <v>1</v>
      </c>
      <c r="G33" s="69">
        <v>1</v>
      </c>
      <c r="H33" s="68">
        <v>641</v>
      </c>
      <c r="I33" s="68">
        <v>342</v>
      </c>
      <c r="J33" s="68">
        <v>299</v>
      </c>
      <c r="K33" s="67">
        <v>469</v>
      </c>
      <c r="L33" s="79">
        <v>242</v>
      </c>
      <c r="M33" s="80">
        <v>227</v>
      </c>
    </row>
    <row r="34" spans="1:13">
      <c r="A34" s="15" t="s">
        <v>58</v>
      </c>
      <c r="B34" s="67">
        <v>144</v>
      </c>
      <c r="C34" s="68">
        <v>80</v>
      </c>
      <c r="D34" s="68">
        <v>64</v>
      </c>
      <c r="E34" s="67">
        <v>0</v>
      </c>
      <c r="F34" s="68">
        <v>0</v>
      </c>
      <c r="G34" s="69">
        <v>0</v>
      </c>
      <c r="H34" s="68">
        <v>593</v>
      </c>
      <c r="I34" s="68">
        <v>318</v>
      </c>
      <c r="J34" s="68">
        <v>275</v>
      </c>
      <c r="K34" s="67">
        <v>449</v>
      </c>
      <c r="L34" s="79">
        <v>238</v>
      </c>
      <c r="M34" s="80">
        <v>211</v>
      </c>
    </row>
    <row r="35" spans="1:13">
      <c r="A35" s="15" t="s">
        <v>60</v>
      </c>
      <c r="B35" s="67">
        <v>141</v>
      </c>
      <c r="C35" s="68">
        <v>98</v>
      </c>
      <c r="D35" s="68">
        <v>43</v>
      </c>
      <c r="E35" s="67">
        <v>1</v>
      </c>
      <c r="F35" s="68">
        <v>1</v>
      </c>
      <c r="G35" s="69">
        <v>0</v>
      </c>
      <c r="H35" s="68">
        <v>702</v>
      </c>
      <c r="I35" s="68">
        <v>385</v>
      </c>
      <c r="J35" s="68">
        <v>317</v>
      </c>
      <c r="K35" s="67">
        <v>560</v>
      </c>
      <c r="L35" s="79">
        <v>286</v>
      </c>
      <c r="M35" s="80">
        <v>274</v>
      </c>
    </row>
    <row r="36" spans="1:13" ht="21" customHeight="1">
      <c r="A36" s="36" t="s">
        <v>62</v>
      </c>
      <c r="B36" s="64">
        <v>512</v>
      </c>
      <c r="C36" s="65">
        <v>225</v>
      </c>
      <c r="D36" s="65">
        <v>287</v>
      </c>
      <c r="E36" s="64">
        <v>5</v>
      </c>
      <c r="F36" s="65">
        <v>3</v>
      </c>
      <c r="G36" s="66">
        <v>2</v>
      </c>
      <c r="H36" s="65">
        <v>3171</v>
      </c>
      <c r="I36" s="65">
        <v>1612</v>
      </c>
      <c r="J36" s="65">
        <v>1559</v>
      </c>
      <c r="K36" s="64">
        <v>2654</v>
      </c>
      <c r="L36" s="77">
        <v>1384</v>
      </c>
      <c r="M36" s="78">
        <v>1270</v>
      </c>
    </row>
    <row r="37" spans="1:13">
      <c r="A37" s="15" t="s">
        <v>64</v>
      </c>
      <c r="B37" s="67">
        <v>140</v>
      </c>
      <c r="C37" s="68">
        <v>48</v>
      </c>
      <c r="D37" s="68">
        <v>92</v>
      </c>
      <c r="E37" s="67">
        <v>1</v>
      </c>
      <c r="F37" s="68">
        <v>1</v>
      </c>
      <c r="G37" s="69">
        <v>0</v>
      </c>
      <c r="H37" s="68">
        <v>704</v>
      </c>
      <c r="I37" s="68">
        <v>354</v>
      </c>
      <c r="J37" s="68">
        <v>350</v>
      </c>
      <c r="K37" s="67">
        <v>563</v>
      </c>
      <c r="L37" s="79">
        <v>305</v>
      </c>
      <c r="M37" s="80">
        <v>258</v>
      </c>
    </row>
    <row r="38" spans="1:13">
      <c r="A38" s="15" t="s">
        <v>66</v>
      </c>
      <c r="B38" s="67">
        <v>130</v>
      </c>
      <c r="C38" s="68">
        <v>70</v>
      </c>
      <c r="D38" s="68">
        <v>60</v>
      </c>
      <c r="E38" s="67">
        <v>1</v>
      </c>
      <c r="F38" s="68">
        <v>1</v>
      </c>
      <c r="G38" s="69">
        <v>0</v>
      </c>
      <c r="H38" s="68">
        <v>682</v>
      </c>
      <c r="I38" s="68">
        <v>361</v>
      </c>
      <c r="J38" s="68">
        <v>321</v>
      </c>
      <c r="K38" s="67">
        <v>551</v>
      </c>
      <c r="L38" s="79">
        <v>290</v>
      </c>
      <c r="M38" s="80">
        <v>261</v>
      </c>
    </row>
    <row r="39" spans="1:13">
      <c r="A39" s="15" t="s">
        <v>68</v>
      </c>
      <c r="B39" s="67">
        <v>152</v>
      </c>
      <c r="C39" s="68">
        <v>66</v>
      </c>
      <c r="D39" s="68">
        <v>86</v>
      </c>
      <c r="E39" s="67">
        <v>2</v>
      </c>
      <c r="F39" s="68">
        <v>1</v>
      </c>
      <c r="G39" s="69">
        <v>1</v>
      </c>
      <c r="H39" s="68">
        <v>700</v>
      </c>
      <c r="I39" s="68">
        <v>351</v>
      </c>
      <c r="J39" s="68">
        <v>349</v>
      </c>
      <c r="K39" s="67">
        <v>546</v>
      </c>
      <c r="L39" s="79">
        <v>284</v>
      </c>
      <c r="M39" s="80">
        <v>262</v>
      </c>
    </row>
    <row r="40" spans="1:13">
      <c r="A40" s="15" t="s">
        <v>70</v>
      </c>
      <c r="B40" s="67">
        <v>94</v>
      </c>
      <c r="C40" s="68">
        <v>50</v>
      </c>
      <c r="D40" s="68">
        <v>44</v>
      </c>
      <c r="E40" s="67">
        <v>0</v>
      </c>
      <c r="F40" s="68">
        <v>0</v>
      </c>
      <c r="G40" s="69">
        <v>0</v>
      </c>
      <c r="H40" s="68">
        <v>596</v>
      </c>
      <c r="I40" s="68">
        <v>300</v>
      </c>
      <c r="J40" s="68">
        <v>296</v>
      </c>
      <c r="K40" s="67">
        <v>502</v>
      </c>
      <c r="L40" s="79">
        <v>250</v>
      </c>
      <c r="M40" s="80">
        <v>252</v>
      </c>
    </row>
    <row r="41" spans="1:13">
      <c r="A41" s="15" t="s">
        <v>72</v>
      </c>
      <c r="B41" s="67">
        <v>-4</v>
      </c>
      <c r="C41" s="68">
        <v>-9</v>
      </c>
      <c r="D41" s="68">
        <v>5</v>
      </c>
      <c r="E41" s="67">
        <v>1</v>
      </c>
      <c r="F41" s="68">
        <v>0</v>
      </c>
      <c r="G41" s="69">
        <v>1</v>
      </c>
      <c r="H41" s="68">
        <v>489</v>
      </c>
      <c r="I41" s="68">
        <v>246</v>
      </c>
      <c r="J41" s="68">
        <v>243</v>
      </c>
      <c r="K41" s="67">
        <v>492</v>
      </c>
      <c r="L41" s="79">
        <v>255</v>
      </c>
      <c r="M41" s="80">
        <v>237</v>
      </c>
    </row>
    <row r="42" spans="1:13" ht="21" customHeight="1">
      <c r="A42" s="36" t="s">
        <v>74</v>
      </c>
      <c r="B42" s="64">
        <v>276</v>
      </c>
      <c r="C42" s="65">
        <v>162</v>
      </c>
      <c r="D42" s="65">
        <v>114</v>
      </c>
      <c r="E42" s="64">
        <v>4</v>
      </c>
      <c r="F42" s="65">
        <v>4</v>
      </c>
      <c r="G42" s="66">
        <v>0</v>
      </c>
      <c r="H42" s="65">
        <v>1933</v>
      </c>
      <c r="I42" s="65">
        <v>1076</v>
      </c>
      <c r="J42" s="65">
        <v>857</v>
      </c>
      <c r="K42" s="64">
        <v>1653</v>
      </c>
      <c r="L42" s="77">
        <v>910</v>
      </c>
      <c r="M42" s="78">
        <v>743</v>
      </c>
    </row>
    <row r="43" spans="1:13">
      <c r="A43" s="15" t="s">
        <v>76</v>
      </c>
      <c r="B43" s="67">
        <v>64</v>
      </c>
      <c r="C43" s="68">
        <v>32</v>
      </c>
      <c r="D43" s="68">
        <v>32</v>
      </c>
      <c r="E43" s="67">
        <v>0</v>
      </c>
      <c r="F43" s="68">
        <v>0</v>
      </c>
      <c r="G43" s="69">
        <v>0</v>
      </c>
      <c r="H43" s="68">
        <v>460</v>
      </c>
      <c r="I43" s="68">
        <v>250</v>
      </c>
      <c r="J43" s="68">
        <v>210</v>
      </c>
      <c r="K43" s="67">
        <v>396</v>
      </c>
      <c r="L43" s="79">
        <v>218</v>
      </c>
      <c r="M43" s="80">
        <v>178</v>
      </c>
    </row>
    <row r="44" spans="1:13">
      <c r="A44" s="15" t="s">
        <v>78</v>
      </c>
      <c r="B44" s="67">
        <v>65</v>
      </c>
      <c r="C44" s="68">
        <v>36</v>
      </c>
      <c r="D44" s="68">
        <v>29</v>
      </c>
      <c r="E44" s="67">
        <v>2</v>
      </c>
      <c r="F44" s="68">
        <v>2</v>
      </c>
      <c r="G44" s="69">
        <v>0</v>
      </c>
      <c r="H44" s="68">
        <v>444</v>
      </c>
      <c r="I44" s="68">
        <v>251</v>
      </c>
      <c r="J44" s="68">
        <v>193</v>
      </c>
      <c r="K44" s="67">
        <v>377</v>
      </c>
      <c r="L44" s="79">
        <v>213</v>
      </c>
      <c r="M44" s="80">
        <v>164</v>
      </c>
    </row>
    <row r="45" spans="1:13">
      <c r="A45" s="15" t="s">
        <v>80</v>
      </c>
      <c r="B45" s="67">
        <v>33</v>
      </c>
      <c r="C45" s="68">
        <v>36</v>
      </c>
      <c r="D45" s="68">
        <v>-3</v>
      </c>
      <c r="E45" s="67">
        <v>0</v>
      </c>
      <c r="F45" s="68">
        <v>0</v>
      </c>
      <c r="G45" s="69">
        <v>0</v>
      </c>
      <c r="H45" s="68">
        <v>355</v>
      </c>
      <c r="I45" s="68">
        <v>197</v>
      </c>
      <c r="J45" s="68">
        <v>158</v>
      </c>
      <c r="K45" s="67">
        <v>322</v>
      </c>
      <c r="L45" s="79">
        <v>161</v>
      </c>
      <c r="M45" s="80">
        <v>161</v>
      </c>
    </row>
    <row r="46" spans="1:13">
      <c r="A46" s="15" t="s">
        <v>82</v>
      </c>
      <c r="B46" s="67">
        <v>66</v>
      </c>
      <c r="C46" s="68">
        <v>40</v>
      </c>
      <c r="D46" s="68">
        <v>26</v>
      </c>
      <c r="E46" s="67">
        <v>1</v>
      </c>
      <c r="F46" s="68">
        <v>1</v>
      </c>
      <c r="G46" s="69">
        <v>0</v>
      </c>
      <c r="H46" s="68">
        <v>341</v>
      </c>
      <c r="I46" s="68">
        <v>193</v>
      </c>
      <c r="J46" s="68">
        <v>148</v>
      </c>
      <c r="K46" s="67">
        <v>274</v>
      </c>
      <c r="L46" s="79">
        <v>152</v>
      </c>
      <c r="M46" s="80">
        <v>122</v>
      </c>
    </row>
    <row r="47" spans="1:13">
      <c r="A47" s="15" t="s">
        <v>84</v>
      </c>
      <c r="B47" s="67">
        <v>48</v>
      </c>
      <c r="C47" s="68">
        <v>18</v>
      </c>
      <c r="D47" s="68">
        <v>30</v>
      </c>
      <c r="E47" s="67">
        <v>1</v>
      </c>
      <c r="F47" s="68">
        <v>1</v>
      </c>
      <c r="G47" s="69">
        <v>0</v>
      </c>
      <c r="H47" s="68">
        <v>333</v>
      </c>
      <c r="I47" s="68">
        <v>185</v>
      </c>
      <c r="J47" s="68">
        <v>148</v>
      </c>
      <c r="K47" s="67">
        <v>284</v>
      </c>
      <c r="L47" s="79">
        <v>166</v>
      </c>
      <c r="M47" s="80">
        <v>118</v>
      </c>
    </row>
    <row r="48" spans="1:13" ht="21" customHeight="1">
      <c r="A48" s="36" t="s">
        <v>86</v>
      </c>
      <c r="B48" s="64">
        <v>171</v>
      </c>
      <c r="C48" s="65">
        <v>88</v>
      </c>
      <c r="D48" s="65">
        <v>83</v>
      </c>
      <c r="E48" s="64">
        <v>6</v>
      </c>
      <c r="F48" s="65">
        <v>2</v>
      </c>
      <c r="G48" s="66">
        <v>4</v>
      </c>
      <c r="H48" s="65">
        <v>1207</v>
      </c>
      <c r="I48" s="65">
        <v>687</v>
      </c>
      <c r="J48" s="65">
        <v>520</v>
      </c>
      <c r="K48" s="64">
        <v>1030</v>
      </c>
      <c r="L48" s="77">
        <v>597</v>
      </c>
      <c r="M48" s="78">
        <v>433</v>
      </c>
    </row>
    <row r="49" spans="1:13">
      <c r="A49" s="15" t="s">
        <v>88</v>
      </c>
      <c r="B49" s="67">
        <v>42</v>
      </c>
      <c r="C49" s="68">
        <v>14</v>
      </c>
      <c r="D49" s="68">
        <v>28</v>
      </c>
      <c r="E49" s="67">
        <v>3</v>
      </c>
      <c r="F49" s="68">
        <v>1</v>
      </c>
      <c r="G49" s="69">
        <v>2</v>
      </c>
      <c r="H49" s="68">
        <v>298</v>
      </c>
      <c r="I49" s="68">
        <v>167</v>
      </c>
      <c r="J49" s="68">
        <v>131</v>
      </c>
      <c r="K49" s="67">
        <v>253</v>
      </c>
      <c r="L49" s="79">
        <v>152</v>
      </c>
      <c r="M49" s="80">
        <v>101</v>
      </c>
    </row>
    <row r="50" spans="1:13">
      <c r="A50" s="15" t="s">
        <v>90</v>
      </c>
      <c r="B50" s="67">
        <v>34</v>
      </c>
      <c r="C50" s="68">
        <v>33</v>
      </c>
      <c r="D50" s="68">
        <v>1</v>
      </c>
      <c r="E50" s="67">
        <v>1</v>
      </c>
      <c r="F50" s="68">
        <v>0</v>
      </c>
      <c r="G50" s="69">
        <v>1</v>
      </c>
      <c r="H50" s="68">
        <v>277</v>
      </c>
      <c r="I50" s="68">
        <v>171</v>
      </c>
      <c r="J50" s="68">
        <v>106</v>
      </c>
      <c r="K50" s="67">
        <v>242</v>
      </c>
      <c r="L50" s="79">
        <v>138</v>
      </c>
      <c r="M50" s="80">
        <v>104</v>
      </c>
    </row>
    <row r="51" spans="1:13">
      <c r="A51" s="15" t="s">
        <v>92</v>
      </c>
      <c r="B51" s="67">
        <v>37</v>
      </c>
      <c r="C51" s="68">
        <v>14</v>
      </c>
      <c r="D51" s="68">
        <v>23</v>
      </c>
      <c r="E51" s="67">
        <v>1</v>
      </c>
      <c r="F51" s="68">
        <v>1</v>
      </c>
      <c r="G51" s="69">
        <v>0</v>
      </c>
      <c r="H51" s="68">
        <v>228</v>
      </c>
      <c r="I51" s="68">
        <v>127</v>
      </c>
      <c r="J51" s="68">
        <v>101</v>
      </c>
      <c r="K51" s="67">
        <v>190</v>
      </c>
      <c r="L51" s="79">
        <v>112</v>
      </c>
      <c r="M51" s="80">
        <v>78</v>
      </c>
    </row>
    <row r="52" spans="1:13">
      <c r="A52" s="15" t="s">
        <v>94</v>
      </c>
      <c r="B52" s="67">
        <v>59</v>
      </c>
      <c r="C52" s="68">
        <v>26</v>
      </c>
      <c r="D52" s="68">
        <v>33</v>
      </c>
      <c r="E52" s="67">
        <v>1</v>
      </c>
      <c r="F52" s="68">
        <v>0</v>
      </c>
      <c r="G52" s="69">
        <v>1</v>
      </c>
      <c r="H52" s="68">
        <v>224</v>
      </c>
      <c r="I52" s="68">
        <v>122</v>
      </c>
      <c r="J52" s="68">
        <v>102</v>
      </c>
      <c r="K52" s="67">
        <v>164</v>
      </c>
      <c r="L52" s="79">
        <v>96</v>
      </c>
      <c r="M52" s="80">
        <v>68</v>
      </c>
    </row>
    <row r="53" spans="1:13">
      <c r="A53" s="15" t="s">
        <v>96</v>
      </c>
      <c r="B53" s="67">
        <v>-1</v>
      </c>
      <c r="C53" s="68">
        <v>1</v>
      </c>
      <c r="D53" s="68">
        <v>-2</v>
      </c>
      <c r="E53" s="67">
        <v>0</v>
      </c>
      <c r="F53" s="68">
        <v>0</v>
      </c>
      <c r="G53" s="69">
        <v>0</v>
      </c>
      <c r="H53" s="68">
        <v>180</v>
      </c>
      <c r="I53" s="68">
        <v>100</v>
      </c>
      <c r="J53" s="68">
        <v>80</v>
      </c>
      <c r="K53" s="67">
        <v>181</v>
      </c>
      <c r="L53" s="79">
        <v>99</v>
      </c>
      <c r="M53" s="80">
        <v>82</v>
      </c>
    </row>
    <row r="54" spans="1:13" ht="21" customHeight="1">
      <c r="A54" s="36" t="s">
        <v>98</v>
      </c>
      <c r="B54" s="64">
        <v>17</v>
      </c>
      <c r="C54" s="65">
        <v>17</v>
      </c>
      <c r="D54" s="65">
        <v>0</v>
      </c>
      <c r="E54" s="64">
        <v>13</v>
      </c>
      <c r="F54" s="65">
        <v>9</v>
      </c>
      <c r="G54" s="66">
        <v>4</v>
      </c>
      <c r="H54" s="65">
        <v>699</v>
      </c>
      <c r="I54" s="65">
        <v>444</v>
      </c>
      <c r="J54" s="65">
        <v>255</v>
      </c>
      <c r="K54" s="64">
        <v>669</v>
      </c>
      <c r="L54" s="77">
        <v>418</v>
      </c>
      <c r="M54" s="78">
        <v>251</v>
      </c>
    </row>
    <row r="55" spans="1:13">
      <c r="A55" s="15" t="s">
        <v>100</v>
      </c>
      <c r="B55" s="67">
        <v>22</v>
      </c>
      <c r="C55" s="68">
        <v>9</v>
      </c>
      <c r="D55" s="68">
        <v>13</v>
      </c>
      <c r="E55" s="67">
        <v>2</v>
      </c>
      <c r="F55" s="68">
        <v>1</v>
      </c>
      <c r="G55" s="69">
        <v>1</v>
      </c>
      <c r="H55" s="68">
        <v>171</v>
      </c>
      <c r="I55" s="68">
        <v>107</v>
      </c>
      <c r="J55" s="68">
        <v>64</v>
      </c>
      <c r="K55" s="67">
        <v>147</v>
      </c>
      <c r="L55" s="79">
        <v>97</v>
      </c>
      <c r="M55" s="80">
        <v>50</v>
      </c>
    </row>
    <row r="56" spans="1:13">
      <c r="A56" s="15" t="s">
        <v>102</v>
      </c>
      <c r="B56" s="67">
        <v>12</v>
      </c>
      <c r="C56" s="68">
        <v>13</v>
      </c>
      <c r="D56" s="68">
        <v>-1</v>
      </c>
      <c r="E56" s="67">
        <v>2</v>
      </c>
      <c r="F56" s="68">
        <v>2</v>
      </c>
      <c r="G56" s="69">
        <v>0</v>
      </c>
      <c r="H56" s="68">
        <v>160</v>
      </c>
      <c r="I56" s="68">
        <v>105</v>
      </c>
      <c r="J56" s="68">
        <v>55</v>
      </c>
      <c r="K56" s="67">
        <v>146</v>
      </c>
      <c r="L56" s="79">
        <v>90</v>
      </c>
      <c r="M56" s="80">
        <v>56</v>
      </c>
    </row>
    <row r="57" spans="1:13">
      <c r="A57" s="15" t="s">
        <v>104</v>
      </c>
      <c r="B57" s="67">
        <v>-13</v>
      </c>
      <c r="C57" s="68">
        <v>-11</v>
      </c>
      <c r="D57" s="68">
        <v>-2</v>
      </c>
      <c r="E57" s="67">
        <v>3</v>
      </c>
      <c r="F57" s="68">
        <v>2</v>
      </c>
      <c r="G57" s="69">
        <v>1</v>
      </c>
      <c r="H57" s="68">
        <v>125</v>
      </c>
      <c r="I57" s="68">
        <v>77</v>
      </c>
      <c r="J57" s="68">
        <v>48</v>
      </c>
      <c r="K57" s="67">
        <v>135</v>
      </c>
      <c r="L57" s="79">
        <v>86</v>
      </c>
      <c r="M57" s="80">
        <v>49</v>
      </c>
    </row>
    <row r="58" spans="1:13">
      <c r="A58" s="15" t="s">
        <v>106</v>
      </c>
      <c r="B58" s="67">
        <v>18</v>
      </c>
      <c r="C58" s="68">
        <v>19</v>
      </c>
      <c r="D58" s="68">
        <v>-1</v>
      </c>
      <c r="E58" s="67">
        <v>2</v>
      </c>
      <c r="F58" s="68">
        <v>1</v>
      </c>
      <c r="G58" s="69">
        <v>1</v>
      </c>
      <c r="H58" s="68">
        <v>123</v>
      </c>
      <c r="I58" s="68">
        <v>79</v>
      </c>
      <c r="J58" s="68">
        <v>44</v>
      </c>
      <c r="K58" s="67">
        <v>103</v>
      </c>
      <c r="L58" s="79">
        <v>59</v>
      </c>
      <c r="M58" s="80">
        <v>44</v>
      </c>
    </row>
    <row r="59" spans="1:13">
      <c r="A59" s="15" t="s">
        <v>108</v>
      </c>
      <c r="B59" s="67">
        <v>-22</v>
      </c>
      <c r="C59" s="68">
        <v>-13</v>
      </c>
      <c r="D59" s="68">
        <v>-9</v>
      </c>
      <c r="E59" s="67">
        <v>4</v>
      </c>
      <c r="F59" s="68">
        <v>3</v>
      </c>
      <c r="G59" s="69">
        <v>1</v>
      </c>
      <c r="H59" s="68">
        <v>120</v>
      </c>
      <c r="I59" s="68">
        <v>76</v>
      </c>
      <c r="J59" s="68">
        <v>44</v>
      </c>
      <c r="K59" s="67">
        <v>138</v>
      </c>
      <c r="L59" s="79">
        <v>86</v>
      </c>
      <c r="M59" s="80">
        <v>52</v>
      </c>
    </row>
    <row r="60" spans="1:13" ht="21" customHeight="1">
      <c r="A60" s="36" t="s">
        <v>110</v>
      </c>
      <c r="B60" s="64">
        <v>41</v>
      </c>
      <c r="C60" s="65">
        <v>41</v>
      </c>
      <c r="D60" s="65">
        <v>0</v>
      </c>
      <c r="E60" s="64">
        <v>39</v>
      </c>
      <c r="F60" s="65">
        <v>26</v>
      </c>
      <c r="G60" s="66">
        <v>13</v>
      </c>
      <c r="H60" s="65">
        <v>625</v>
      </c>
      <c r="I60" s="65">
        <v>376</v>
      </c>
      <c r="J60" s="65">
        <v>249</v>
      </c>
      <c r="K60" s="64">
        <v>545</v>
      </c>
      <c r="L60" s="77">
        <v>309</v>
      </c>
      <c r="M60" s="78">
        <v>236</v>
      </c>
    </row>
    <row r="61" spans="1:13">
      <c r="A61" s="15" t="s">
        <v>112</v>
      </c>
      <c r="B61" s="67">
        <v>6</v>
      </c>
      <c r="C61" s="68">
        <v>2</v>
      </c>
      <c r="D61" s="68">
        <v>4</v>
      </c>
      <c r="E61" s="67">
        <v>8</v>
      </c>
      <c r="F61" s="68">
        <v>4</v>
      </c>
      <c r="G61" s="69">
        <v>4</v>
      </c>
      <c r="H61" s="68">
        <v>124</v>
      </c>
      <c r="I61" s="68">
        <v>74</v>
      </c>
      <c r="J61" s="68">
        <v>50</v>
      </c>
      <c r="K61" s="67">
        <v>110</v>
      </c>
      <c r="L61" s="79">
        <v>68</v>
      </c>
      <c r="M61" s="80">
        <v>42</v>
      </c>
    </row>
    <row r="62" spans="1:13">
      <c r="A62" s="15" t="s">
        <v>114</v>
      </c>
      <c r="B62" s="67">
        <v>11</v>
      </c>
      <c r="C62" s="68">
        <v>12</v>
      </c>
      <c r="D62" s="68">
        <v>-1</v>
      </c>
      <c r="E62" s="67">
        <v>7</v>
      </c>
      <c r="F62" s="68">
        <v>5</v>
      </c>
      <c r="G62" s="69">
        <v>2</v>
      </c>
      <c r="H62" s="68">
        <v>115</v>
      </c>
      <c r="I62" s="68">
        <v>73</v>
      </c>
      <c r="J62" s="68">
        <v>42</v>
      </c>
      <c r="K62" s="67">
        <v>97</v>
      </c>
      <c r="L62" s="79">
        <v>56</v>
      </c>
      <c r="M62" s="80">
        <v>41</v>
      </c>
    </row>
    <row r="63" spans="1:13">
      <c r="A63" s="15" t="s">
        <v>116</v>
      </c>
      <c r="B63" s="67">
        <v>13</v>
      </c>
      <c r="C63" s="68">
        <v>15</v>
      </c>
      <c r="D63" s="68">
        <v>-2</v>
      </c>
      <c r="E63" s="67">
        <v>2</v>
      </c>
      <c r="F63" s="68">
        <v>1</v>
      </c>
      <c r="G63" s="69">
        <v>1</v>
      </c>
      <c r="H63" s="68">
        <v>130</v>
      </c>
      <c r="I63" s="68">
        <v>81</v>
      </c>
      <c r="J63" s="68">
        <v>49</v>
      </c>
      <c r="K63" s="67">
        <v>115</v>
      </c>
      <c r="L63" s="79">
        <v>65</v>
      </c>
      <c r="M63" s="80">
        <v>50</v>
      </c>
    </row>
    <row r="64" spans="1:13">
      <c r="A64" s="15" t="s">
        <v>118</v>
      </c>
      <c r="B64" s="67">
        <v>17</v>
      </c>
      <c r="C64" s="68">
        <v>5</v>
      </c>
      <c r="D64" s="68">
        <v>12</v>
      </c>
      <c r="E64" s="67">
        <v>7</v>
      </c>
      <c r="F64" s="68">
        <v>6</v>
      </c>
      <c r="G64" s="69">
        <v>1</v>
      </c>
      <c r="H64" s="68">
        <v>135</v>
      </c>
      <c r="I64" s="68">
        <v>71</v>
      </c>
      <c r="J64" s="68">
        <v>64</v>
      </c>
      <c r="K64" s="67">
        <v>111</v>
      </c>
      <c r="L64" s="79">
        <v>60</v>
      </c>
      <c r="M64" s="80">
        <v>51</v>
      </c>
    </row>
    <row r="65" spans="1:13">
      <c r="A65" s="19" t="s">
        <v>120</v>
      </c>
      <c r="B65" s="70">
        <v>-6</v>
      </c>
      <c r="C65" s="71">
        <v>7</v>
      </c>
      <c r="D65" s="71">
        <v>-13</v>
      </c>
      <c r="E65" s="70">
        <v>15</v>
      </c>
      <c r="F65" s="71">
        <v>10</v>
      </c>
      <c r="G65" s="72">
        <v>5</v>
      </c>
      <c r="H65" s="71">
        <v>121</v>
      </c>
      <c r="I65" s="71">
        <v>77</v>
      </c>
      <c r="J65" s="71">
        <v>44</v>
      </c>
      <c r="K65" s="70">
        <v>112</v>
      </c>
      <c r="L65" s="81">
        <v>60</v>
      </c>
      <c r="M65" s="82">
        <v>52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839</v>
      </c>
      <c r="C69" s="50">
        <v>963</v>
      </c>
      <c r="D69" s="84">
        <v>876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92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41</v>
      </c>
      <c r="C75" s="65">
        <v>-58</v>
      </c>
      <c r="D75" s="65">
        <v>17</v>
      </c>
      <c r="E75" s="64">
        <v>51</v>
      </c>
      <c r="F75" s="65">
        <v>30</v>
      </c>
      <c r="G75" s="66">
        <v>21</v>
      </c>
      <c r="H75" s="65">
        <v>524</v>
      </c>
      <c r="I75" s="65">
        <v>286</v>
      </c>
      <c r="J75" s="65">
        <v>238</v>
      </c>
      <c r="K75" s="64">
        <v>514</v>
      </c>
      <c r="L75" s="77">
        <v>314</v>
      </c>
      <c r="M75" s="78">
        <v>200</v>
      </c>
    </row>
    <row r="76" spans="1:13">
      <c r="A76" s="27" t="s">
        <v>5</v>
      </c>
      <c r="B76" s="67">
        <v>-17</v>
      </c>
      <c r="C76" s="68">
        <v>-19</v>
      </c>
      <c r="D76" s="68">
        <v>2</v>
      </c>
      <c r="E76" s="67">
        <v>6</v>
      </c>
      <c r="F76" s="68">
        <v>3</v>
      </c>
      <c r="G76" s="69">
        <v>3</v>
      </c>
      <c r="H76" s="68">
        <v>99</v>
      </c>
      <c r="I76" s="68">
        <v>51</v>
      </c>
      <c r="J76" s="68">
        <v>48</v>
      </c>
      <c r="K76" s="67">
        <v>110</v>
      </c>
      <c r="L76" s="79">
        <v>67</v>
      </c>
      <c r="M76" s="80">
        <v>43</v>
      </c>
    </row>
    <row r="77" spans="1:13">
      <c r="A77" s="27" t="s">
        <v>7</v>
      </c>
      <c r="B77" s="67">
        <v>-5</v>
      </c>
      <c r="C77" s="68">
        <v>3</v>
      </c>
      <c r="D77" s="68">
        <v>-8</v>
      </c>
      <c r="E77" s="67">
        <v>13</v>
      </c>
      <c r="F77" s="68">
        <v>6</v>
      </c>
      <c r="G77" s="69">
        <v>7</v>
      </c>
      <c r="H77" s="68">
        <v>106</v>
      </c>
      <c r="I77" s="68">
        <v>65</v>
      </c>
      <c r="J77" s="68">
        <v>41</v>
      </c>
      <c r="K77" s="67">
        <v>98</v>
      </c>
      <c r="L77" s="79">
        <v>56</v>
      </c>
      <c r="M77" s="80">
        <v>42</v>
      </c>
    </row>
    <row r="78" spans="1:13">
      <c r="A78" s="27" t="s">
        <v>9</v>
      </c>
      <c r="B78" s="67">
        <v>-11</v>
      </c>
      <c r="C78" s="68">
        <v>-21</v>
      </c>
      <c r="D78" s="68">
        <v>10</v>
      </c>
      <c r="E78" s="67">
        <v>8</v>
      </c>
      <c r="F78" s="68">
        <v>7</v>
      </c>
      <c r="G78" s="69">
        <v>1</v>
      </c>
      <c r="H78" s="68">
        <v>102</v>
      </c>
      <c r="I78" s="68">
        <v>57</v>
      </c>
      <c r="J78" s="68">
        <v>45</v>
      </c>
      <c r="K78" s="67">
        <v>105</v>
      </c>
      <c r="L78" s="79">
        <v>71</v>
      </c>
      <c r="M78" s="80">
        <v>34</v>
      </c>
    </row>
    <row r="79" spans="1:13">
      <c r="A79" s="27" t="s">
        <v>11</v>
      </c>
      <c r="B79" s="67">
        <v>9</v>
      </c>
      <c r="C79" s="68">
        <v>3</v>
      </c>
      <c r="D79" s="68">
        <v>6</v>
      </c>
      <c r="E79" s="67">
        <v>11</v>
      </c>
      <c r="F79" s="68">
        <v>8</v>
      </c>
      <c r="G79" s="69">
        <v>3</v>
      </c>
      <c r="H79" s="68">
        <v>113</v>
      </c>
      <c r="I79" s="68">
        <v>61</v>
      </c>
      <c r="J79" s="68">
        <v>52</v>
      </c>
      <c r="K79" s="67">
        <v>93</v>
      </c>
      <c r="L79" s="79">
        <v>50</v>
      </c>
      <c r="M79" s="80">
        <v>43</v>
      </c>
    </row>
    <row r="80" spans="1:13">
      <c r="A80" s="27" t="s">
        <v>13</v>
      </c>
      <c r="B80" s="67">
        <v>-17</v>
      </c>
      <c r="C80" s="68">
        <v>-24</v>
      </c>
      <c r="D80" s="68">
        <v>7</v>
      </c>
      <c r="E80" s="67">
        <v>13</v>
      </c>
      <c r="F80" s="68">
        <v>6</v>
      </c>
      <c r="G80" s="69">
        <v>7</v>
      </c>
      <c r="H80" s="68">
        <v>104</v>
      </c>
      <c r="I80" s="68">
        <v>52</v>
      </c>
      <c r="J80" s="68">
        <v>52</v>
      </c>
      <c r="K80" s="67">
        <v>108</v>
      </c>
      <c r="L80" s="79">
        <v>70</v>
      </c>
      <c r="M80" s="80">
        <v>38</v>
      </c>
    </row>
    <row r="81" spans="1:13" ht="21" customHeight="1">
      <c r="A81" s="38" t="s">
        <v>15</v>
      </c>
      <c r="B81" s="64">
        <v>-91</v>
      </c>
      <c r="C81" s="65">
        <v>-70</v>
      </c>
      <c r="D81" s="65">
        <v>-21</v>
      </c>
      <c r="E81" s="64">
        <v>79</v>
      </c>
      <c r="F81" s="65">
        <v>58</v>
      </c>
      <c r="G81" s="66">
        <v>21</v>
      </c>
      <c r="H81" s="65">
        <v>383</v>
      </c>
      <c r="I81" s="65">
        <v>198</v>
      </c>
      <c r="J81" s="65">
        <v>185</v>
      </c>
      <c r="K81" s="64">
        <v>395</v>
      </c>
      <c r="L81" s="77">
        <v>210</v>
      </c>
      <c r="M81" s="78">
        <v>185</v>
      </c>
    </row>
    <row r="82" spans="1:13">
      <c r="A82" s="27" t="s">
        <v>17</v>
      </c>
      <c r="B82" s="67">
        <v>-22</v>
      </c>
      <c r="C82" s="68">
        <v>-20</v>
      </c>
      <c r="D82" s="68">
        <v>-2</v>
      </c>
      <c r="E82" s="67">
        <v>15</v>
      </c>
      <c r="F82" s="68">
        <v>12</v>
      </c>
      <c r="G82" s="69">
        <v>3</v>
      </c>
      <c r="H82" s="68">
        <v>92</v>
      </c>
      <c r="I82" s="68">
        <v>41</v>
      </c>
      <c r="J82" s="68">
        <v>51</v>
      </c>
      <c r="K82" s="67">
        <v>99</v>
      </c>
      <c r="L82" s="79">
        <v>49</v>
      </c>
      <c r="M82" s="80">
        <v>50</v>
      </c>
    </row>
    <row r="83" spans="1:13">
      <c r="A83" s="27" t="s">
        <v>19</v>
      </c>
      <c r="B83" s="67">
        <v>-5</v>
      </c>
      <c r="C83" s="68">
        <v>-16</v>
      </c>
      <c r="D83" s="68">
        <v>11</v>
      </c>
      <c r="E83" s="67">
        <v>12</v>
      </c>
      <c r="F83" s="68">
        <v>11</v>
      </c>
      <c r="G83" s="69">
        <v>1</v>
      </c>
      <c r="H83" s="68">
        <v>76</v>
      </c>
      <c r="I83" s="68">
        <v>37</v>
      </c>
      <c r="J83" s="68">
        <v>39</v>
      </c>
      <c r="K83" s="67">
        <v>69</v>
      </c>
      <c r="L83" s="79">
        <v>42</v>
      </c>
      <c r="M83" s="80">
        <v>27</v>
      </c>
    </row>
    <row r="84" spans="1:13">
      <c r="A84" s="27" t="s">
        <v>21</v>
      </c>
      <c r="B84" s="67">
        <v>-27</v>
      </c>
      <c r="C84" s="68">
        <v>-18</v>
      </c>
      <c r="D84" s="68">
        <v>-9</v>
      </c>
      <c r="E84" s="67">
        <v>16</v>
      </c>
      <c r="F84" s="68">
        <v>11</v>
      </c>
      <c r="G84" s="69">
        <v>5</v>
      </c>
      <c r="H84" s="68">
        <v>80</v>
      </c>
      <c r="I84" s="68">
        <v>43</v>
      </c>
      <c r="J84" s="68">
        <v>37</v>
      </c>
      <c r="K84" s="67">
        <v>91</v>
      </c>
      <c r="L84" s="79">
        <v>50</v>
      </c>
      <c r="M84" s="80">
        <v>41</v>
      </c>
    </row>
    <row r="85" spans="1:13">
      <c r="A85" s="27" t="s">
        <v>23</v>
      </c>
      <c r="B85" s="67">
        <v>-22</v>
      </c>
      <c r="C85" s="68">
        <v>-6</v>
      </c>
      <c r="D85" s="68">
        <v>-16</v>
      </c>
      <c r="E85" s="67">
        <v>19</v>
      </c>
      <c r="F85" s="68">
        <v>15</v>
      </c>
      <c r="G85" s="69">
        <v>4</v>
      </c>
      <c r="H85" s="68">
        <v>66</v>
      </c>
      <c r="I85" s="68">
        <v>38</v>
      </c>
      <c r="J85" s="68">
        <v>28</v>
      </c>
      <c r="K85" s="67">
        <v>69</v>
      </c>
      <c r="L85" s="79">
        <v>29</v>
      </c>
      <c r="M85" s="80">
        <v>40</v>
      </c>
    </row>
    <row r="86" spans="1:13">
      <c r="A86" s="27" t="s">
        <v>25</v>
      </c>
      <c r="B86" s="67">
        <v>-15</v>
      </c>
      <c r="C86" s="68">
        <v>-10</v>
      </c>
      <c r="D86" s="68">
        <v>-5</v>
      </c>
      <c r="E86" s="67">
        <v>17</v>
      </c>
      <c r="F86" s="68">
        <v>9</v>
      </c>
      <c r="G86" s="69">
        <v>8</v>
      </c>
      <c r="H86" s="68">
        <v>69</v>
      </c>
      <c r="I86" s="68">
        <v>39</v>
      </c>
      <c r="J86" s="68">
        <v>30</v>
      </c>
      <c r="K86" s="67">
        <v>67</v>
      </c>
      <c r="L86" s="79">
        <v>40</v>
      </c>
      <c r="M86" s="80">
        <v>27</v>
      </c>
    </row>
    <row r="87" spans="1:13" ht="21" customHeight="1">
      <c r="A87" s="38" t="s">
        <v>27</v>
      </c>
      <c r="B87" s="64">
        <v>-63</v>
      </c>
      <c r="C87" s="65">
        <v>-65</v>
      </c>
      <c r="D87" s="65">
        <v>2</v>
      </c>
      <c r="E87" s="64">
        <v>65</v>
      </c>
      <c r="F87" s="65">
        <v>47</v>
      </c>
      <c r="G87" s="66">
        <v>18</v>
      </c>
      <c r="H87" s="65">
        <v>243</v>
      </c>
      <c r="I87" s="65">
        <v>132</v>
      </c>
      <c r="J87" s="65">
        <v>111</v>
      </c>
      <c r="K87" s="64">
        <v>241</v>
      </c>
      <c r="L87" s="77">
        <v>150</v>
      </c>
      <c r="M87" s="78">
        <v>91</v>
      </c>
    </row>
    <row r="88" spans="1:13">
      <c r="A88" s="27" t="s">
        <v>29</v>
      </c>
      <c r="B88" s="67">
        <v>-5</v>
      </c>
      <c r="C88" s="68">
        <v>-1</v>
      </c>
      <c r="D88" s="68">
        <v>-4</v>
      </c>
      <c r="E88" s="67">
        <v>5</v>
      </c>
      <c r="F88" s="68">
        <v>2</v>
      </c>
      <c r="G88" s="69">
        <v>3</v>
      </c>
      <c r="H88" s="68">
        <v>59</v>
      </c>
      <c r="I88" s="68">
        <v>35</v>
      </c>
      <c r="J88" s="68">
        <v>24</v>
      </c>
      <c r="K88" s="67">
        <v>59</v>
      </c>
      <c r="L88" s="79">
        <v>34</v>
      </c>
      <c r="M88" s="80">
        <v>25</v>
      </c>
    </row>
    <row r="89" spans="1:13">
      <c r="A89" s="27" t="s">
        <v>31</v>
      </c>
      <c r="B89" s="67">
        <v>-23</v>
      </c>
      <c r="C89" s="68">
        <v>-26</v>
      </c>
      <c r="D89" s="68">
        <v>3</v>
      </c>
      <c r="E89" s="67">
        <v>14</v>
      </c>
      <c r="F89" s="68">
        <v>11</v>
      </c>
      <c r="G89" s="69">
        <v>3</v>
      </c>
      <c r="H89" s="68">
        <v>48</v>
      </c>
      <c r="I89" s="68">
        <v>24</v>
      </c>
      <c r="J89" s="68">
        <v>24</v>
      </c>
      <c r="K89" s="67">
        <v>57</v>
      </c>
      <c r="L89" s="79">
        <v>39</v>
      </c>
      <c r="M89" s="80">
        <v>18</v>
      </c>
    </row>
    <row r="90" spans="1:13">
      <c r="A90" s="27" t="s">
        <v>33</v>
      </c>
      <c r="B90" s="67">
        <v>-14</v>
      </c>
      <c r="C90" s="68">
        <v>-18</v>
      </c>
      <c r="D90" s="68">
        <v>4</v>
      </c>
      <c r="E90" s="67">
        <v>20</v>
      </c>
      <c r="F90" s="68">
        <v>15</v>
      </c>
      <c r="G90" s="69">
        <v>5</v>
      </c>
      <c r="H90" s="68">
        <v>44</v>
      </c>
      <c r="I90" s="68">
        <v>24</v>
      </c>
      <c r="J90" s="68">
        <v>20</v>
      </c>
      <c r="K90" s="67">
        <v>38</v>
      </c>
      <c r="L90" s="79">
        <v>27</v>
      </c>
      <c r="M90" s="80">
        <v>11</v>
      </c>
    </row>
    <row r="91" spans="1:13">
      <c r="A91" s="27" t="s">
        <v>35</v>
      </c>
      <c r="B91" s="67">
        <v>-4</v>
      </c>
      <c r="C91" s="68">
        <v>-7</v>
      </c>
      <c r="D91" s="68">
        <v>3</v>
      </c>
      <c r="E91" s="67">
        <v>11</v>
      </c>
      <c r="F91" s="68">
        <v>8</v>
      </c>
      <c r="G91" s="69">
        <v>3</v>
      </c>
      <c r="H91" s="68">
        <v>48</v>
      </c>
      <c r="I91" s="68">
        <v>28</v>
      </c>
      <c r="J91" s="68">
        <v>20</v>
      </c>
      <c r="K91" s="67">
        <v>41</v>
      </c>
      <c r="L91" s="79">
        <v>27</v>
      </c>
      <c r="M91" s="80">
        <v>14</v>
      </c>
    </row>
    <row r="92" spans="1:13">
      <c r="A92" s="27" t="s">
        <v>37</v>
      </c>
      <c r="B92" s="67">
        <v>-17</v>
      </c>
      <c r="C92" s="68">
        <v>-13</v>
      </c>
      <c r="D92" s="68">
        <v>-4</v>
      </c>
      <c r="E92" s="67">
        <v>15</v>
      </c>
      <c r="F92" s="68">
        <v>11</v>
      </c>
      <c r="G92" s="69">
        <v>4</v>
      </c>
      <c r="H92" s="68">
        <v>44</v>
      </c>
      <c r="I92" s="68">
        <v>21</v>
      </c>
      <c r="J92" s="68">
        <v>23</v>
      </c>
      <c r="K92" s="67">
        <v>46</v>
      </c>
      <c r="L92" s="79">
        <v>23</v>
      </c>
      <c r="M92" s="80">
        <v>23</v>
      </c>
    </row>
    <row r="93" spans="1:13" ht="21" customHeight="1">
      <c r="A93" s="38" t="s">
        <v>39</v>
      </c>
      <c r="B93" s="64">
        <v>-92</v>
      </c>
      <c r="C93" s="65">
        <v>-83</v>
      </c>
      <c r="D93" s="65">
        <v>-9</v>
      </c>
      <c r="E93" s="64">
        <v>105</v>
      </c>
      <c r="F93" s="65">
        <v>70</v>
      </c>
      <c r="G93" s="66">
        <v>35</v>
      </c>
      <c r="H93" s="65">
        <v>182</v>
      </c>
      <c r="I93" s="65">
        <v>95</v>
      </c>
      <c r="J93" s="65">
        <v>87</v>
      </c>
      <c r="K93" s="64">
        <v>169</v>
      </c>
      <c r="L93" s="77">
        <v>108</v>
      </c>
      <c r="M93" s="78">
        <v>61</v>
      </c>
    </row>
    <row r="94" spans="1:13">
      <c r="A94" s="27" t="s">
        <v>41</v>
      </c>
      <c r="B94" s="67">
        <v>-27</v>
      </c>
      <c r="C94" s="68">
        <v>-29</v>
      </c>
      <c r="D94" s="68">
        <v>2</v>
      </c>
      <c r="E94" s="67">
        <v>16</v>
      </c>
      <c r="F94" s="68">
        <v>13</v>
      </c>
      <c r="G94" s="69">
        <v>3</v>
      </c>
      <c r="H94" s="68">
        <v>38</v>
      </c>
      <c r="I94" s="68">
        <v>19</v>
      </c>
      <c r="J94" s="68">
        <v>19</v>
      </c>
      <c r="K94" s="67">
        <v>49</v>
      </c>
      <c r="L94" s="79">
        <v>35</v>
      </c>
      <c r="M94" s="80">
        <v>14</v>
      </c>
    </row>
    <row r="95" spans="1:13">
      <c r="A95" s="27" t="s">
        <v>43</v>
      </c>
      <c r="B95" s="67">
        <v>-3</v>
      </c>
      <c r="C95" s="68">
        <v>-12</v>
      </c>
      <c r="D95" s="68">
        <v>9</v>
      </c>
      <c r="E95" s="67">
        <v>19</v>
      </c>
      <c r="F95" s="68">
        <v>16</v>
      </c>
      <c r="G95" s="69">
        <v>3</v>
      </c>
      <c r="H95" s="68">
        <v>46</v>
      </c>
      <c r="I95" s="68">
        <v>23</v>
      </c>
      <c r="J95" s="68">
        <v>23</v>
      </c>
      <c r="K95" s="67">
        <v>30</v>
      </c>
      <c r="L95" s="79">
        <v>19</v>
      </c>
      <c r="M95" s="80">
        <v>11</v>
      </c>
    </row>
    <row r="96" spans="1:13">
      <c r="A96" s="27" t="s">
        <v>45</v>
      </c>
      <c r="B96" s="67">
        <v>-23</v>
      </c>
      <c r="C96" s="68">
        <v>-18</v>
      </c>
      <c r="D96" s="68">
        <v>-5</v>
      </c>
      <c r="E96" s="67">
        <v>21</v>
      </c>
      <c r="F96" s="68">
        <v>11</v>
      </c>
      <c r="G96" s="69">
        <v>10</v>
      </c>
      <c r="H96" s="68">
        <v>31</v>
      </c>
      <c r="I96" s="68">
        <v>17</v>
      </c>
      <c r="J96" s="68">
        <v>14</v>
      </c>
      <c r="K96" s="67">
        <v>33</v>
      </c>
      <c r="L96" s="79">
        <v>24</v>
      </c>
      <c r="M96" s="80">
        <v>9</v>
      </c>
    </row>
    <row r="97" spans="1:13">
      <c r="A97" s="27" t="s">
        <v>47</v>
      </c>
      <c r="B97" s="67">
        <v>-10</v>
      </c>
      <c r="C97" s="68">
        <v>-7</v>
      </c>
      <c r="D97" s="68">
        <v>-3</v>
      </c>
      <c r="E97" s="67">
        <v>21</v>
      </c>
      <c r="F97" s="68">
        <v>14</v>
      </c>
      <c r="G97" s="69">
        <v>7</v>
      </c>
      <c r="H97" s="68">
        <v>39</v>
      </c>
      <c r="I97" s="68">
        <v>19</v>
      </c>
      <c r="J97" s="68">
        <v>20</v>
      </c>
      <c r="K97" s="67">
        <v>28</v>
      </c>
      <c r="L97" s="79">
        <v>12</v>
      </c>
      <c r="M97" s="80">
        <v>16</v>
      </c>
    </row>
    <row r="98" spans="1:13">
      <c r="A98" s="27" t="s">
        <v>49</v>
      </c>
      <c r="B98" s="67">
        <v>-29</v>
      </c>
      <c r="C98" s="68">
        <v>-17</v>
      </c>
      <c r="D98" s="68">
        <v>-12</v>
      </c>
      <c r="E98" s="67">
        <v>28</v>
      </c>
      <c r="F98" s="68">
        <v>16</v>
      </c>
      <c r="G98" s="69">
        <v>12</v>
      </c>
      <c r="H98" s="68">
        <v>28</v>
      </c>
      <c r="I98" s="68">
        <v>17</v>
      </c>
      <c r="J98" s="68">
        <v>11</v>
      </c>
      <c r="K98" s="67">
        <v>29</v>
      </c>
      <c r="L98" s="79">
        <v>18</v>
      </c>
      <c r="M98" s="80">
        <v>11</v>
      </c>
    </row>
    <row r="99" spans="1:13" ht="21" customHeight="1">
      <c r="A99" s="38" t="s">
        <v>51</v>
      </c>
      <c r="B99" s="64">
        <v>-296</v>
      </c>
      <c r="C99" s="65">
        <v>-195</v>
      </c>
      <c r="D99" s="65">
        <v>-101</v>
      </c>
      <c r="E99" s="64">
        <v>267</v>
      </c>
      <c r="F99" s="65">
        <v>183</v>
      </c>
      <c r="G99" s="66">
        <v>84</v>
      </c>
      <c r="H99" s="65">
        <v>157</v>
      </c>
      <c r="I99" s="65">
        <v>85</v>
      </c>
      <c r="J99" s="65">
        <v>72</v>
      </c>
      <c r="K99" s="64">
        <v>186</v>
      </c>
      <c r="L99" s="77">
        <v>97</v>
      </c>
      <c r="M99" s="78">
        <v>89</v>
      </c>
    </row>
    <row r="100" spans="1:13">
      <c r="A100" s="27" t="s">
        <v>53</v>
      </c>
      <c r="B100" s="67">
        <v>-43</v>
      </c>
      <c r="C100" s="68">
        <v>-28</v>
      </c>
      <c r="D100" s="68">
        <v>-15</v>
      </c>
      <c r="E100" s="67">
        <v>39</v>
      </c>
      <c r="F100" s="68">
        <v>22</v>
      </c>
      <c r="G100" s="69">
        <v>17</v>
      </c>
      <c r="H100" s="68">
        <v>32</v>
      </c>
      <c r="I100" s="68">
        <v>15</v>
      </c>
      <c r="J100" s="68">
        <v>17</v>
      </c>
      <c r="K100" s="67">
        <v>36</v>
      </c>
      <c r="L100" s="79">
        <v>21</v>
      </c>
      <c r="M100" s="80">
        <v>15</v>
      </c>
    </row>
    <row r="101" spans="1:13">
      <c r="A101" s="27" t="s">
        <v>55</v>
      </c>
      <c r="B101" s="67">
        <v>-50</v>
      </c>
      <c r="C101" s="68">
        <v>-32</v>
      </c>
      <c r="D101" s="68">
        <v>-18</v>
      </c>
      <c r="E101" s="67">
        <v>51</v>
      </c>
      <c r="F101" s="68">
        <v>36</v>
      </c>
      <c r="G101" s="69">
        <v>15</v>
      </c>
      <c r="H101" s="68">
        <v>36</v>
      </c>
      <c r="I101" s="68">
        <v>21</v>
      </c>
      <c r="J101" s="68">
        <v>15</v>
      </c>
      <c r="K101" s="67">
        <v>35</v>
      </c>
      <c r="L101" s="79">
        <v>17</v>
      </c>
      <c r="M101" s="80">
        <v>18</v>
      </c>
    </row>
    <row r="102" spans="1:13">
      <c r="A102" s="27" t="s">
        <v>57</v>
      </c>
      <c r="B102" s="67">
        <v>-65</v>
      </c>
      <c r="C102" s="68">
        <v>-50</v>
      </c>
      <c r="D102" s="68">
        <v>-15</v>
      </c>
      <c r="E102" s="67">
        <v>50</v>
      </c>
      <c r="F102" s="68">
        <v>38</v>
      </c>
      <c r="G102" s="69">
        <v>12</v>
      </c>
      <c r="H102" s="68">
        <v>21</v>
      </c>
      <c r="I102" s="68">
        <v>9</v>
      </c>
      <c r="J102" s="68">
        <v>12</v>
      </c>
      <c r="K102" s="67">
        <v>36</v>
      </c>
      <c r="L102" s="79">
        <v>21</v>
      </c>
      <c r="M102" s="80">
        <v>15</v>
      </c>
    </row>
    <row r="103" spans="1:13">
      <c r="A103" s="27" t="s">
        <v>59</v>
      </c>
      <c r="B103" s="67">
        <v>-74</v>
      </c>
      <c r="C103" s="68">
        <v>-44</v>
      </c>
      <c r="D103" s="68">
        <v>-30</v>
      </c>
      <c r="E103" s="67">
        <v>67</v>
      </c>
      <c r="F103" s="68">
        <v>44</v>
      </c>
      <c r="G103" s="69">
        <v>23</v>
      </c>
      <c r="H103" s="68">
        <v>27</v>
      </c>
      <c r="I103" s="68">
        <v>15</v>
      </c>
      <c r="J103" s="68">
        <v>12</v>
      </c>
      <c r="K103" s="67">
        <v>34</v>
      </c>
      <c r="L103" s="79">
        <v>15</v>
      </c>
      <c r="M103" s="80">
        <v>19</v>
      </c>
    </row>
    <row r="104" spans="1:13">
      <c r="A104" s="27" t="s">
        <v>61</v>
      </c>
      <c r="B104" s="67">
        <v>-64</v>
      </c>
      <c r="C104" s="68">
        <v>-41</v>
      </c>
      <c r="D104" s="68">
        <v>-23</v>
      </c>
      <c r="E104" s="67">
        <v>60</v>
      </c>
      <c r="F104" s="68">
        <v>43</v>
      </c>
      <c r="G104" s="69">
        <v>17</v>
      </c>
      <c r="H104" s="68">
        <v>41</v>
      </c>
      <c r="I104" s="68">
        <v>25</v>
      </c>
      <c r="J104" s="68">
        <v>16</v>
      </c>
      <c r="K104" s="67">
        <v>45</v>
      </c>
      <c r="L104" s="79">
        <v>23</v>
      </c>
      <c r="M104" s="80">
        <v>22</v>
      </c>
    </row>
    <row r="105" spans="1:13" ht="21" customHeight="1">
      <c r="A105" s="38" t="s">
        <v>63</v>
      </c>
      <c r="B105" s="64">
        <v>-330</v>
      </c>
      <c r="C105" s="65">
        <v>-196</v>
      </c>
      <c r="D105" s="65">
        <v>-134</v>
      </c>
      <c r="E105" s="64">
        <v>325</v>
      </c>
      <c r="F105" s="65">
        <v>201</v>
      </c>
      <c r="G105" s="66">
        <v>124</v>
      </c>
      <c r="H105" s="65">
        <v>120</v>
      </c>
      <c r="I105" s="65">
        <v>58</v>
      </c>
      <c r="J105" s="65">
        <v>62</v>
      </c>
      <c r="K105" s="64">
        <v>125</v>
      </c>
      <c r="L105" s="77">
        <v>53</v>
      </c>
      <c r="M105" s="78">
        <v>72</v>
      </c>
    </row>
    <row r="106" spans="1:13">
      <c r="A106" s="27" t="s">
        <v>65</v>
      </c>
      <c r="B106" s="67">
        <v>-79</v>
      </c>
      <c r="C106" s="68">
        <v>-50</v>
      </c>
      <c r="D106" s="68">
        <v>-29</v>
      </c>
      <c r="E106" s="67">
        <v>70</v>
      </c>
      <c r="F106" s="68">
        <v>45</v>
      </c>
      <c r="G106" s="69">
        <v>25</v>
      </c>
      <c r="H106" s="68">
        <v>27</v>
      </c>
      <c r="I106" s="68">
        <v>13</v>
      </c>
      <c r="J106" s="68">
        <v>14</v>
      </c>
      <c r="K106" s="67">
        <v>36</v>
      </c>
      <c r="L106" s="79">
        <v>18</v>
      </c>
      <c r="M106" s="80">
        <v>18</v>
      </c>
    </row>
    <row r="107" spans="1:13">
      <c r="A107" s="27" t="s">
        <v>67</v>
      </c>
      <c r="B107" s="67">
        <v>-43</v>
      </c>
      <c r="C107" s="68">
        <v>-27</v>
      </c>
      <c r="D107" s="68">
        <v>-16</v>
      </c>
      <c r="E107" s="67">
        <v>42</v>
      </c>
      <c r="F107" s="68">
        <v>28</v>
      </c>
      <c r="G107" s="69">
        <v>14</v>
      </c>
      <c r="H107" s="68">
        <v>16</v>
      </c>
      <c r="I107" s="68">
        <v>7</v>
      </c>
      <c r="J107" s="68">
        <v>9</v>
      </c>
      <c r="K107" s="67">
        <v>17</v>
      </c>
      <c r="L107" s="79">
        <v>6</v>
      </c>
      <c r="M107" s="80">
        <v>11</v>
      </c>
    </row>
    <row r="108" spans="1:13">
      <c r="A108" s="27" t="s">
        <v>69</v>
      </c>
      <c r="B108" s="67">
        <v>-49</v>
      </c>
      <c r="C108" s="68">
        <v>-38</v>
      </c>
      <c r="D108" s="68">
        <v>-11</v>
      </c>
      <c r="E108" s="67">
        <v>48</v>
      </c>
      <c r="F108" s="68">
        <v>38</v>
      </c>
      <c r="G108" s="69">
        <v>10</v>
      </c>
      <c r="H108" s="68">
        <v>21</v>
      </c>
      <c r="I108" s="68">
        <v>11</v>
      </c>
      <c r="J108" s="68">
        <v>10</v>
      </c>
      <c r="K108" s="67">
        <v>22</v>
      </c>
      <c r="L108" s="79">
        <v>11</v>
      </c>
      <c r="M108" s="80">
        <v>11</v>
      </c>
    </row>
    <row r="109" spans="1:13">
      <c r="A109" s="27" t="s">
        <v>71</v>
      </c>
      <c r="B109" s="67">
        <v>-64</v>
      </c>
      <c r="C109" s="68">
        <v>-38</v>
      </c>
      <c r="D109" s="68">
        <v>-26</v>
      </c>
      <c r="E109" s="67">
        <v>69</v>
      </c>
      <c r="F109" s="68">
        <v>39</v>
      </c>
      <c r="G109" s="69">
        <v>30</v>
      </c>
      <c r="H109" s="68">
        <v>29</v>
      </c>
      <c r="I109" s="68">
        <v>12</v>
      </c>
      <c r="J109" s="68">
        <v>17</v>
      </c>
      <c r="K109" s="67">
        <v>24</v>
      </c>
      <c r="L109" s="79">
        <v>11</v>
      </c>
      <c r="M109" s="80">
        <v>13</v>
      </c>
    </row>
    <row r="110" spans="1:13">
      <c r="A110" s="27" t="s">
        <v>73</v>
      </c>
      <c r="B110" s="67">
        <v>-95</v>
      </c>
      <c r="C110" s="68">
        <v>-43</v>
      </c>
      <c r="D110" s="68">
        <v>-52</v>
      </c>
      <c r="E110" s="67">
        <v>96</v>
      </c>
      <c r="F110" s="68">
        <v>51</v>
      </c>
      <c r="G110" s="69">
        <v>45</v>
      </c>
      <c r="H110" s="68">
        <v>27</v>
      </c>
      <c r="I110" s="68">
        <v>15</v>
      </c>
      <c r="J110" s="68">
        <v>12</v>
      </c>
      <c r="K110" s="67">
        <v>26</v>
      </c>
      <c r="L110" s="79">
        <v>7</v>
      </c>
      <c r="M110" s="80">
        <v>19</v>
      </c>
    </row>
    <row r="111" spans="1:13" ht="21" customHeight="1">
      <c r="A111" s="38" t="s">
        <v>75</v>
      </c>
      <c r="B111" s="64">
        <v>-404</v>
      </c>
      <c r="C111" s="65">
        <v>-235</v>
      </c>
      <c r="D111" s="65">
        <v>-169</v>
      </c>
      <c r="E111" s="64">
        <v>428</v>
      </c>
      <c r="F111" s="65">
        <v>250</v>
      </c>
      <c r="G111" s="66">
        <v>178</v>
      </c>
      <c r="H111" s="65">
        <v>112</v>
      </c>
      <c r="I111" s="65">
        <v>45</v>
      </c>
      <c r="J111" s="65">
        <v>67</v>
      </c>
      <c r="K111" s="64">
        <v>88</v>
      </c>
      <c r="L111" s="77">
        <v>30</v>
      </c>
      <c r="M111" s="78">
        <v>58</v>
      </c>
    </row>
    <row r="112" spans="1:13">
      <c r="A112" s="27" t="s">
        <v>77</v>
      </c>
      <c r="B112" s="67">
        <v>-81</v>
      </c>
      <c r="C112" s="68">
        <v>-42</v>
      </c>
      <c r="D112" s="68">
        <v>-39</v>
      </c>
      <c r="E112" s="67">
        <v>82</v>
      </c>
      <c r="F112" s="68">
        <v>44</v>
      </c>
      <c r="G112" s="69">
        <v>38</v>
      </c>
      <c r="H112" s="68">
        <v>19</v>
      </c>
      <c r="I112" s="68">
        <v>8</v>
      </c>
      <c r="J112" s="68">
        <v>11</v>
      </c>
      <c r="K112" s="67">
        <v>18</v>
      </c>
      <c r="L112" s="79">
        <v>6</v>
      </c>
      <c r="M112" s="80">
        <v>12</v>
      </c>
    </row>
    <row r="113" spans="1:13">
      <c r="A113" s="27" t="s">
        <v>79</v>
      </c>
      <c r="B113" s="67">
        <v>-70</v>
      </c>
      <c r="C113" s="68">
        <v>-38</v>
      </c>
      <c r="D113" s="68">
        <v>-32</v>
      </c>
      <c r="E113" s="67">
        <v>88</v>
      </c>
      <c r="F113" s="68">
        <v>47</v>
      </c>
      <c r="G113" s="69">
        <v>41</v>
      </c>
      <c r="H113" s="68">
        <v>33</v>
      </c>
      <c r="I113" s="68">
        <v>15</v>
      </c>
      <c r="J113" s="68">
        <v>18</v>
      </c>
      <c r="K113" s="67">
        <v>15</v>
      </c>
      <c r="L113" s="79">
        <v>6</v>
      </c>
      <c r="M113" s="80">
        <v>9</v>
      </c>
    </row>
    <row r="114" spans="1:13">
      <c r="A114" s="27" t="s">
        <v>81</v>
      </c>
      <c r="B114" s="67">
        <v>-88</v>
      </c>
      <c r="C114" s="68">
        <v>-52</v>
      </c>
      <c r="D114" s="68">
        <v>-36</v>
      </c>
      <c r="E114" s="67">
        <v>81</v>
      </c>
      <c r="F114" s="68">
        <v>52</v>
      </c>
      <c r="G114" s="69">
        <v>29</v>
      </c>
      <c r="H114" s="68">
        <v>15</v>
      </c>
      <c r="I114" s="68">
        <v>7</v>
      </c>
      <c r="J114" s="68">
        <v>8</v>
      </c>
      <c r="K114" s="67">
        <v>22</v>
      </c>
      <c r="L114" s="79">
        <v>7</v>
      </c>
      <c r="M114" s="80">
        <v>15</v>
      </c>
    </row>
    <row r="115" spans="1:13">
      <c r="A115" s="27" t="s">
        <v>83</v>
      </c>
      <c r="B115" s="67">
        <v>-84</v>
      </c>
      <c r="C115" s="68">
        <v>-52</v>
      </c>
      <c r="D115" s="68">
        <v>-32</v>
      </c>
      <c r="E115" s="67">
        <v>89</v>
      </c>
      <c r="F115" s="68">
        <v>57</v>
      </c>
      <c r="G115" s="69">
        <v>32</v>
      </c>
      <c r="H115" s="68">
        <v>21</v>
      </c>
      <c r="I115" s="68">
        <v>10</v>
      </c>
      <c r="J115" s="68">
        <v>11</v>
      </c>
      <c r="K115" s="67">
        <v>16</v>
      </c>
      <c r="L115" s="79">
        <v>5</v>
      </c>
      <c r="M115" s="80">
        <v>11</v>
      </c>
    </row>
    <row r="116" spans="1:13">
      <c r="A116" s="27" t="s">
        <v>85</v>
      </c>
      <c r="B116" s="67">
        <v>-81</v>
      </c>
      <c r="C116" s="68">
        <v>-51</v>
      </c>
      <c r="D116" s="68">
        <v>-30</v>
      </c>
      <c r="E116" s="67">
        <v>88</v>
      </c>
      <c r="F116" s="68">
        <v>50</v>
      </c>
      <c r="G116" s="69">
        <v>38</v>
      </c>
      <c r="H116" s="68">
        <v>24</v>
      </c>
      <c r="I116" s="68">
        <v>5</v>
      </c>
      <c r="J116" s="68">
        <v>19</v>
      </c>
      <c r="K116" s="67">
        <v>17</v>
      </c>
      <c r="L116" s="79">
        <v>6</v>
      </c>
      <c r="M116" s="80">
        <v>11</v>
      </c>
    </row>
    <row r="117" spans="1:13" ht="21" customHeight="1">
      <c r="A117" s="38" t="s">
        <v>87</v>
      </c>
      <c r="B117" s="64">
        <v>-457</v>
      </c>
      <c r="C117" s="65">
        <v>-233</v>
      </c>
      <c r="D117" s="65">
        <v>-224</v>
      </c>
      <c r="E117" s="64">
        <v>450</v>
      </c>
      <c r="F117" s="65">
        <v>226</v>
      </c>
      <c r="G117" s="66">
        <v>224</v>
      </c>
      <c r="H117" s="65">
        <v>88</v>
      </c>
      <c r="I117" s="65">
        <v>27</v>
      </c>
      <c r="J117" s="65">
        <v>61</v>
      </c>
      <c r="K117" s="64">
        <v>95</v>
      </c>
      <c r="L117" s="77">
        <v>34</v>
      </c>
      <c r="M117" s="78">
        <v>61</v>
      </c>
    </row>
    <row r="118" spans="1:13">
      <c r="A118" s="27" t="s">
        <v>89</v>
      </c>
      <c r="B118" s="67">
        <v>-70</v>
      </c>
      <c r="C118" s="68">
        <v>-46</v>
      </c>
      <c r="D118" s="68">
        <v>-24</v>
      </c>
      <c r="E118" s="67">
        <v>81</v>
      </c>
      <c r="F118" s="68">
        <v>50</v>
      </c>
      <c r="G118" s="69">
        <v>31</v>
      </c>
      <c r="H118" s="68">
        <v>30</v>
      </c>
      <c r="I118" s="68">
        <v>12</v>
      </c>
      <c r="J118" s="68">
        <v>18</v>
      </c>
      <c r="K118" s="67">
        <v>19</v>
      </c>
      <c r="L118" s="79">
        <v>8</v>
      </c>
      <c r="M118" s="80">
        <v>11</v>
      </c>
    </row>
    <row r="119" spans="1:13">
      <c r="A119" s="27" t="s">
        <v>91</v>
      </c>
      <c r="B119" s="67">
        <v>-91</v>
      </c>
      <c r="C119" s="68">
        <v>-50</v>
      </c>
      <c r="D119" s="68">
        <v>-41</v>
      </c>
      <c r="E119" s="67">
        <v>88</v>
      </c>
      <c r="F119" s="68">
        <v>45</v>
      </c>
      <c r="G119" s="69">
        <v>43</v>
      </c>
      <c r="H119" s="68">
        <v>17</v>
      </c>
      <c r="I119" s="68">
        <v>4</v>
      </c>
      <c r="J119" s="68">
        <v>13</v>
      </c>
      <c r="K119" s="67">
        <v>20</v>
      </c>
      <c r="L119" s="79">
        <v>9</v>
      </c>
      <c r="M119" s="80">
        <v>11</v>
      </c>
    </row>
    <row r="120" spans="1:13">
      <c r="A120" s="27" t="s">
        <v>93</v>
      </c>
      <c r="B120" s="67">
        <v>-96</v>
      </c>
      <c r="C120" s="68">
        <v>-44</v>
      </c>
      <c r="D120" s="68">
        <v>-52</v>
      </c>
      <c r="E120" s="67">
        <v>92</v>
      </c>
      <c r="F120" s="68">
        <v>44</v>
      </c>
      <c r="G120" s="69">
        <v>48</v>
      </c>
      <c r="H120" s="68">
        <v>15</v>
      </c>
      <c r="I120" s="68">
        <v>5</v>
      </c>
      <c r="J120" s="68">
        <v>10</v>
      </c>
      <c r="K120" s="67">
        <v>19</v>
      </c>
      <c r="L120" s="79">
        <v>5</v>
      </c>
      <c r="M120" s="80">
        <v>14</v>
      </c>
    </row>
    <row r="121" spans="1:13">
      <c r="A121" s="27" t="s">
        <v>95</v>
      </c>
      <c r="B121" s="67">
        <v>-95</v>
      </c>
      <c r="C121" s="68">
        <v>-42</v>
      </c>
      <c r="D121" s="68">
        <v>-53</v>
      </c>
      <c r="E121" s="67">
        <v>89</v>
      </c>
      <c r="F121" s="68">
        <v>40</v>
      </c>
      <c r="G121" s="69">
        <v>49</v>
      </c>
      <c r="H121" s="68">
        <v>14</v>
      </c>
      <c r="I121" s="68">
        <v>4</v>
      </c>
      <c r="J121" s="68">
        <v>10</v>
      </c>
      <c r="K121" s="67">
        <v>20</v>
      </c>
      <c r="L121" s="79">
        <v>6</v>
      </c>
      <c r="M121" s="80">
        <v>14</v>
      </c>
    </row>
    <row r="122" spans="1:13">
      <c r="A122" s="27" t="s">
        <v>97</v>
      </c>
      <c r="B122" s="67">
        <v>-105</v>
      </c>
      <c r="C122" s="68">
        <v>-51</v>
      </c>
      <c r="D122" s="68">
        <v>-54</v>
      </c>
      <c r="E122" s="67">
        <v>100</v>
      </c>
      <c r="F122" s="68">
        <v>47</v>
      </c>
      <c r="G122" s="69">
        <v>53</v>
      </c>
      <c r="H122" s="68">
        <v>12</v>
      </c>
      <c r="I122" s="68">
        <v>2</v>
      </c>
      <c r="J122" s="68">
        <v>10</v>
      </c>
      <c r="K122" s="67">
        <v>17</v>
      </c>
      <c r="L122" s="79">
        <v>6</v>
      </c>
      <c r="M122" s="80">
        <v>11</v>
      </c>
    </row>
    <row r="123" spans="1:13" ht="21" customHeight="1">
      <c r="A123" s="38" t="s">
        <v>99</v>
      </c>
      <c r="B123" s="64">
        <v>-368</v>
      </c>
      <c r="C123" s="65">
        <v>-148</v>
      </c>
      <c r="D123" s="65">
        <v>-220</v>
      </c>
      <c r="E123" s="64">
        <v>383</v>
      </c>
      <c r="F123" s="65">
        <v>155</v>
      </c>
      <c r="G123" s="66">
        <v>228</v>
      </c>
      <c r="H123" s="65">
        <v>51</v>
      </c>
      <c r="I123" s="65">
        <v>15</v>
      </c>
      <c r="J123" s="65">
        <v>36</v>
      </c>
      <c r="K123" s="64">
        <v>36</v>
      </c>
      <c r="L123" s="77">
        <v>8</v>
      </c>
      <c r="M123" s="78">
        <v>28</v>
      </c>
    </row>
    <row r="124" spans="1:13">
      <c r="A124" s="27" t="s">
        <v>101</v>
      </c>
      <c r="B124" s="67">
        <v>-90</v>
      </c>
      <c r="C124" s="68">
        <v>-40</v>
      </c>
      <c r="D124" s="68">
        <v>-50</v>
      </c>
      <c r="E124" s="67">
        <v>87</v>
      </c>
      <c r="F124" s="68">
        <v>42</v>
      </c>
      <c r="G124" s="69">
        <v>45</v>
      </c>
      <c r="H124" s="68">
        <v>9</v>
      </c>
      <c r="I124" s="68">
        <v>5</v>
      </c>
      <c r="J124" s="68">
        <v>4</v>
      </c>
      <c r="K124" s="67">
        <v>12</v>
      </c>
      <c r="L124" s="79">
        <v>3</v>
      </c>
      <c r="M124" s="80">
        <v>9</v>
      </c>
    </row>
    <row r="125" spans="1:13">
      <c r="A125" s="27" t="s">
        <v>103</v>
      </c>
      <c r="B125" s="67">
        <v>-74</v>
      </c>
      <c r="C125" s="68">
        <v>-28</v>
      </c>
      <c r="D125" s="68">
        <v>-46</v>
      </c>
      <c r="E125" s="67">
        <v>78</v>
      </c>
      <c r="F125" s="68">
        <v>32</v>
      </c>
      <c r="G125" s="69">
        <v>46</v>
      </c>
      <c r="H125" s="68">
        <v>12</v>
      </c>
      <c r="I125" s="68">
        <v>5</v>
      </c>
      <c r="J125" s="68">
        <v>7</v>
      </c>
      <c r="K125" s="67">
        <v>8</v>
      </c>
      <c r="L125" s="79">
        <v>1</v>
      </c>
      <c r="M125" s="80">
        <v>7</v>
      </c>
    </row>
    <row r="126" spans="1:13">
      <c r="A126" s="27" t="s">
        <v>105</v>
      </c>
      <c r="B126" s="67">
        <v>-80</v>
      </c>
      <c r="C126" s="68">
        <v>-39</v>
      </c>
      <c r="D126" s="68">
        <v>-41</v>
      </c>
      <c r="E126" s="67">
        <v>89</v>
      </c>
      <c r="F126" s="68">
        <v>39</v>
      </c>
      <c r="G126" s="69">
        <v>50</v>
      </c>
      <c r="H126" s="68">
        <v>13</v>
      </c>
      <c r="I126" s="68">
        <v>1</v>
      </c>
      <c r="J126" s="68">
        <v>12</v>
      </c>
      <c r="K126" s="67">
        <v>4</v>
      </c>
      <c r="L126" s="79">
        <v>1</v>
      </c>
      <c r="M126" s="80">
        <v>3</v>
      </c>
    </row>
    <row r="127" spans="1:13">
      <c r="A127" s="27" t="s">
        <v>107</v>
      </c>
      <c r="B127" s="67">
        <v>-68</v>
      </c>
      <c r="C127" s="68">
        <v>-23</v>
      </c>
      <c r="D127" s="68">
        <v>-45</v>
      </c>
      <c r="E127" s="67">
        <v>72</v>
      </c>
      <c r="F127" s="68">
        <v>23</v>
      </c>
      <c r="G127" s="69">
        <v>49</v>
      </c>
      <c r="H127" s="68">
        <v>8</v>
      </c>
      <c r="I127" s="68">
        <v>2</v>
      </c>
      <c r="J127" s="68">
        <v>6</v>
      </c>
      <c r="K127" s="67">
        <v>4</v>
      </c>
      <c r="L127" s="79">
        <v>2</v>
      </c>
      <c r="M127" s="80">
        <v>2</v>
      </c>
    </row>
    <row r="128" spans="1:13">
      <c r="A128" s="27" t="s">
        <v>109</v>
      </c>
      <c r="B128" s="67">
        <v>-56</v>
      </c>
      <c r="C128" s="68">
        <v>-18</v>
      </c>
      <c r="D128" s="68">
        <v>-38</v>
      </c>
      <c r="E128" s="67">
        <v>57</v>
      </c>
      <c r="F128" s="68">
        <v>19</v>
      </c>
      <c r="G128" s="69">
        <v>38</v>
      </c>
      <c r="H128" s="68">
        <v>9</v>
      </c>
      <c r="I128" s="68">
        <v>2</v>
      </c>
      <c r="J128" s="68">
        <v>7</v>
      </c>
      <c r="K128" s="67">
        <v>8</v>
      </c>
      <c r="L128" s="79">
        <v>1</v>
      </c>
      <c r="M128" s="80">
        <v>7</v>
      </c>
    </row>
    <row r="129" spans="1:14" ht="21" customHeight="1">
      <c r="A129" s="38" t="s">
        <v>111</v>
      </c>
      <c r="B129" s="64">
        <v>-172</v>
      </c>
      <c r="C129" s="65">
        <v>-58</v>
      </c>
      <c r="D129" s="65">
        <v>-114</v>
      </c>
      <c r="E129" s="64">
        <v>178</v>
      </c>
      <c r="F129" s="65">
        <v>58</v>
      </c>
      <c r="G129" s="66">
        <v>120</v>
      </c>
      <c r="H129" s="65">
        <v>13</v>
      </c>
      <c r="I129" s="65">
        <v>2</v>
      </c>
      <c r="J129" s="65">
        <v>11</v>
      </c>
      <c r="K129" s="64">
        <v>7</v>
      </c>
      <c r="L129" s="77">
        <v>2</v>
      </c>
      <c r="M129" s="78">
        <v>5</v>
      </c>
    </row>
    <row r="130" spans="1:14">
      <c r="A130" s="27" t="s">
        <v>113</v>
      </c>
      <c r="B130" s="67">
        <v>-54</v>
      </c>
      <c r="C130" s="68">
        <v>-24</v>
      </c>
      <c r="D130" s="68">
        <v>-30</v>
      </c>
      <c r="E130" s="67">
        <v>55</v>
      </c>
      <c r="F130" s="68">
        <v>25</v>
      </c>
      <c r="G130" s="69">
        <v>30</v>
      </c>
      <c r="H130" s="68">
        <v>4</v>
      </c>
      <c r="I130" s="68">
        <v>2</v>
      </c>
      <c r="J130" s="68">
        <v>2</v>
      </c>
      <c r="K130" s="67">
        <v>3</v>
      </c>
      <c r="L130" s="79">
        <v>1</v>
      </c>
      <c r="M130" s="80">
        <v>2</v>
      </c>
    </row>
    <row r="131" spans="1:14">
      <c r="A131" s="27" t="s">
        <v>115</v>
      </c>
      <c r="B131" s="67">
        <v>-41</v>
      </c>
      <c r="C131" s="68">
        <v>-11</v>
      </c>
      <c r="D131" s="68">
        <v>-30</v>
      </c>
      <c r="E131" s="67">
        <v>41</v>
      </c>
      <c r="F131" s="68">
        <v>10</v>
      </c>
      <c r="G131" s="69">
        <v>31</v>
      </c>
      <c r="H131" s="68">
        <v>3</v>
      </c>
      <c r="I131" s="68">
        <v>0</v>
      </c>
      <c r="J131" s="68">
        <v>3</v>
      </c>
      <c r="K131" s="67">
        <v>3</v>
      </c>
      <c r="L131" s="79">
        <v>1</v>
      </c>
      <c r="M131" s="80">
        <v>2</v>
      </c>
    </row>
    <row r="132" spans="1:14">
      <c r="A132" s="27" t="s">
        <v>117</v>
      </c>
      <c r="B132" s="67">
        <v>-38</v>
      </c>
      <c r="C132" s="68">
        <v>-15</v>
      </c>
      <c r="D132" s="68">
        <v>-23</v>
      </c>
      <c r="E132" s="67">
        <v>41</v>
      </c>
      <c r="F132" s="68">
        <v>15</v>
      </c>
      <c r="G132" s="69">
        <v>26</v>
      </c>
      <c r="H132" s="68">
        <v>3</v>
      </c>
      <c r="I132" s="68">
        <v>0</v>
      </c>
      <c r="J132" s="68">
        <v>3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21</v>
      </c>
      <c r="C133" s="68">
        <v>-6</v>
      </c>
      <c r="D133" s="68">
        <v>-15</v>
      </c>
      <c r="E133" s="67">
        <v>22</v>
      </c>
      <c r="F133" s="68">
        <v>6</v>
      </c>
      <c r="G133" s="69">
        <v>16</v>
      </c>
      <c r="H133" s="68">
        <v>1</v>
      </c>
      <c r="I133" s="68">
        <v>0</v>
      </c>
      <c r="J133" s="68">
        <v>1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18</v>
      </c>
      <c r="C134" s="68">
        <v>-2</v>
      </c>
      <c r="D134" s="68">
        <v>-16</v>
      </c>
      <c r="E134" s="67">
        <v>19</v>
      </c>
      <c r="F134" s="68">
        <v>2</v>
      </c>
      <c r="G134" s="69">
        <v>17</v>
      </c>
      <c r="H134" s="68">
        <v>2</v>
      </c>
      <c r="I134" s="68">
        <v>0</v>
      </c>
      <c r="J134" s="68">
        <v>2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48</v>
      </c>
      <c r="C135" s="40">
        <v>-6</v>
      </c>
      <c r="D135" s="40">
        <v>-42</v>
      </c>
      <c r="E135" s="42">
        <v>48</v>
      </c>
      <c r="F135" s="40">
        <v>6</v>
      </c>
      <c r="G135" s="43">
        <v>42</v>
      </c>
      <c r="H135" s="40">
        <v>1</v>
      </c>
      <c r="I135" s="40">
        <v>0</v>
      </c>
      <c r="J135" s="40">
        <v>1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25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2015</v>
      </c>
      <c r="C5" s="62">
        <v>955</v>
      </c>
      <c r="D5" s="62">
        <v>1060</v>
      </c>
      <c r="E5" s="61">
        <v>1312</v>
      </c>
      <c r="F5" s="62">
        <v>724</v>
      </c>
      <c r="G5" s="63">
        <v>588</v>
      </c>
      <c r="H5" s="62">
        <v>7998</v>
      </c>
      <c r="I5" s="62">
        <v>4259</v>
      </c>
      <c r="J5" s="62">
        <v>3739</v>
      </c>
      <c r="K5" s="61">
        <v>5762</v>
      </c>
      <c r="L5" s="75">
        <v>3150</v>
      </c>
      <c r="M5" s="76">
        <v>2612</v>
      </c>
    </row>
    <row r="6" spans="1:13" ht="23.25" customHeight="1">
      <c r="A6" s="36" t="s">
        <v>2</v>
      </c>
      <c r="B6" s="64">
        <v>1294</v>
      </c>
      <c r="C6" s="65">
        <v>653</v>
      </c>
      <c r="D6" s="65">
        <v>641</v>
      </c>
      <c r="E6" s="64">
        <v>2</v>
      </c>
      <c r="F6" s="65">
        <v>1</v>
      </c>
      <c r="G6" s="66">
        <v>1</v>
      </c>
      <c r="H6" s="65">
        <v>566</v>
      </c>
      <c r="I6" s="65">
        <v>270</v>
      </c>
      <c r="J6" s="65">
        <v>296</v>
      </c>
      <c r="K6" s="64">
        <v>361</v>
      </c>
      <c r="L6" s="77">
        <v>186</v>
      </c>
      <c r="M6" s="78">
        <v>175</v>
      </c>
    </row>
    <row r="7" spans="1:13">
      <c r="A7" s="15" t="s">
        <v>4</v>
      </c>
      <c r="B7" s="67">
        <v>1125</v>
      </c>
      <c r="C7" s="68">
        <v>588</v>
      </c>
      <c r="D7" s="68">
        <v>537</v>
      </c>
      <c r="E7" s="67">
        <v>1</v>
      </c>
      <c r="F7" s="68">
        <v>1</v>
      </c>
      <c r="G7" s="69">
        <v>0</v>
      </c>
      <c r="H7" s="68">
        <v>82</v>
      </c>
      <c r="I7" s="68">
        <v>39</v>
      </c>
      <c r="J7" s="68">
        <v>43</v>
      </c>
      <c r="K7" s="67">
        <v>47</v>
      </c>
      <c r="L7" s="79">
        <v>20</v>
      </c>
      <c r="M7" s="80">
        <v>27</v>
      </c>
    </row>
    <row r="8" spans="1:13">
      <c r="A8" s="15" t="s">
        <v>6</v>
      </c>
      <c r="B8" s="67">
        <v>56</v>
      </c>
      <c r="C8" s="68">
        <v>20</v>
      </c>
      <c r="D8" s="68">
        <v>36</v>
      </c>
      <c r="E8" s="67">
        <v>1</v>
      </c>
      <c r="F8" s="68">
        <v>0</v>
      </c>
      <c r="G8" s="69">
        <v>1</v>
      </c>
      <c r="H8" s="68">
        <v>144</v>
      </c>
      <c r="I8" s="68">
        <v>67</v>
      </c>
      <c r="J8" s="68">
        <v>77</v>
      </c>
      <c r="K8" s="67">
        <v>87</v>
      </c>
      <c r="L8" s="79">
        <v>47</v>
      </c>
      <c r="M8" s="80">
        <v>40</v>
      </c>
    </row>
    <row r="9" spans="1:13">
      <c r="A9" s="15" t="s">
        <v>8</v>
      </c>
      <c r="B9" s="67">
        <v>54</v>
      </c>
      <c r="C9" s="68">
        <v>23</v>
      </c>
      <c r="D9" s="68">
        <v>31</v>
      </c>
      <c r="E9" s="67">
        <v>0</v>
      </c>
      <c r="F9" s="68">
        <v>0</v>
      </c>
      <c r="G9" s="69">
        <v>0</v>
      </c>
      <c r="H9" s="68">
        <v>139</v>
      </c>
      <c r="I9" s="68">
        <v>67</v>
      </c>
      <c r="J9" s="68">
        <v>72</v>
      </c>
      <c r="K9" s="67">
        <v>85</v>
      </c>
      <c r="L9" s="79">
        <v>44</v>
      </c>
      <c r="M9" s="80">
        <v>41</v>
      </c>
    </row>
    <row r="10" spans="1:13">
      <c r="A10" s="15" t="s">
        <v>10</v>
      </c>
      <c r="B10" s="67">
        <v>37</v>
      </c>
      <c r="C10" s="68">
        <v>9</v>
      </c>
      <c r="D10" s="68">
        <v>28</v>
      </c>
      <c r="E10" s="67">
        <v>0</v>
      </c>
      <c r="F10" s="68">
        <v>0</v>
      </c>
      <c r="G10" s="69">
        <v>0</v>
      </c>
      <c r="H10" s="68">
        <v>112</v>
      </c>
      <c r="I10" s="68">
        <v>53</v>
      </c>
      <c r="J10" s="68">
        <v>59</v>
      </c>
      <c r="K10" s="67">
        <v>75</v>
      </c>
      <c r="L10" s="79">
        <v>44</v>
      </c>
      <c r="M10" s="80">
        <v>31</v>
      </c>
    </row>
    <row r="11" spans="1:13">
      <c r="A11" s="15" t="s">
        <v>12</v>
      </c>
      <c r="B11" s="67">
        <v>22</v>
      </c>
      <c r="C11" s="68">
        <v>13</v>
      </c>
      <c r="D11" s="68">
        <v>9</v>
      </c>
      <c r="E11" s="67">
        <v>0</v>
      </c>
      <c r="F11" s="68">
        <v>0</v>
      </c>
      <c r="G11" s="69">
        <v>0</v>
      </c>
      <c r="H11" s="68">
        <v>89</v>
      </c>
      <c r="I11" s="68">
        <v>44</v>
      </c>
      <c r="J11" s="68">
        <v>45</v>
      </c>
      <c r="K11" s="67">
        <v>67</v>
      </c>
      <c r="L11" s="79">
        <v>31</v>
      </c>
      <c r="M11" s="80">
        <v>36</v>
      </c>
    </row>
    <row r="12" spans="1:13" ht="21" customHeight="1">
      <c r="A12" s="36" t="s">
        <v>14</v>
      </c>
      <c r="B12" s="64">
        <v>86</v>
      </c>
      <c r="C12" s="65">
        <v>55</v>
      </c>
      <c r="D12" s="65">
        <v>31</v>
      </c>
      <c r="E12" s="64">
        <v>0</v>
      </c>
      <c r="F12" s="65">
        <v>0</v>
      </c>
      <c r="G12" s="66">
        <v>0</v>
      </c>
      <c r="H12" s="65">
        <v>247</v>
      </c>
      <c r="I12" s="65">
        <v>136</v>
      </c>
      <c r="J12" s="65">
        <v>111</v>
      </c>
      <c r="K12" s="64">
        <v>161</v>
      </c>
      <c r="L12" s="77">
        <v>81</v>
      </c>
      <c r="M12" s="78">
        <v>80</v>
      </c>
    </row>
    <row r="13" spans="1:13">
      <c r="A13" s="15" t="s">
        <v>16</v>
      </c>
      <c r="B13" s="67">
        <v>39</v>
      </c>
      <c r="C13" s="68">
        <v>19</v>
      </c>
      <c r="D13" s="68">
        <v>20</v>
      </c>
      <c r="E13" s="67">
        <v>0</v>
      </c>
      <c r="F13" s="68">
        <v>0</v>
      </c>
      <c r="G13" s="69">
        <v>0</v>
      </c>
      <c r="H13" s="68">
        <v>83</v>
      </c>
      <c r="I13" s="68">
        <v>44</v>
      </c>
      <c r="J13" s="68">
        <v>39</v>
      </c>
      <c r="K13" s="67">
        <v>44</v>
      </c>
      <c r="L13" s="79">
        <v>25</v>
      </c>
      <c r="M13" s="80">
        <v>19</v>
      </c>
    </row>
    <row r="14" spans="1:13">
      <c r="A14" s="15" t="s">
        <v>18</v>
      </c>
      <c r="B14" s="67">
        <v>25</v>
      </c>
      <c r="C14" s="68">
        <v>20</v>
      </c>
      <c r="D14" s="68">
        <v>5</v>
      </c>
      <c r="E14" s="67">
        <v>0</v>
      </c>
      <c r="F14" s="68">
        <v>0</v>
      </c>
      <c r="G14" s="69">
        <v>0</v>
      </c>
      <c r="H14" s="68">
        <v>55</v>
      </c>
      <c r="I14" s="68">
        <v>36</v>
      </c>
      <c r="J14" s="68">
        <v>19</v>
      </c>
      <c r="K14" s="67">
        <v>30</v>
      </c>
      <c r="L14" s="79">
        <v>16</v>
      </c>
      <c r="M14" s="80">
        <v>14</v>
      </c>
    </row>
    <row r="15" spans="1:13">
      <c r="A15" s="15" t="s">
        <v>20</v>
      </c>
      <c r="B15" s="67">
        <v>-4</v>
      </c>
      <c r="C15" s="68">
        <v>2</v>
      </c>
      <c r="D15" s="68">
        <v>-6</v>
      </c>
      <c r="E15" s="67">
        <v>0</v>
      </c>
      <c r="F15" s="68">
        <v>0</v>
      </c>
      <c r="G15" s="69">
        <v>0</v>
      </c>
      <c r="H15" s="68">
        <v>46</v>
      </c>
      <c r="I15" s="68">
        <v>22</v>
      </c>
      <c r="J15" s="68">
        <v>24</v>
      </c>
      <c r="K15" s="67">
        <v>50</v>
      </c>
      <c r="L15" s="79">
        <v>20</v>
      </c>
      <c r="M15" s="80">
        <v>30</v>
      </c>
    </row>
    <row r="16" spans="1:13">
      <c r="A16" s="15" t="s">
        <v>22</v>
      </c>
      <c r="B16" s="67">
        <v>12</v>
      </c>
      <c r="C16" s="68">
        <v>5</v>
      </c>
      <c r="D16" s="68">
        <v>7</v>
      </c>
      <c r="E16" s="67">
        <v>0</v>
      </c>
      <c r="F16" s="68">
        <v>0</v>
      </c>
      <c r="G16" s="69">
        <v>0</v>
      </c>
      <c r="H16" s="68">
        <v>32</v>
      </c>
      <c r="I16" s="68">
        <v>16</v>
      </c>
      <c r="J16" s="68">
        <v>16</v>
      </c>
      <c r="K16" s="67">
        <v>20</v>
      </c>
      <c r="L16" s="79">
        <v>11</v>
      </c>
      <c r="M16" s="80">
        <v>9</v>
      </c>
    </row>
    <row r="17" spans="1:13">
      <c r="A17" s="15" t="s">
        <v>24</v>
      </c>
      <c r="B17" s="67">
        <v>14</v>
      </c>
      <c r="C17" s="68">
        <v>9</v>
      </c>
      <c r="D17" s="68">
        <v>5</v>
      </c>
      <c r="E17" s="67">
        <v>0</v>
      </c>
      <c r="F17" s="68">
        <v>0</v>
      </c>
      <c r="G17" s="69">
        <v>0</v>
      </c>
      <c r="H17" s="68">
        <v>31</v>
      </c>
      <c r="I17" s="68">
        <v>18</v>
      </c>
      <c r="J17" s="68">
        <v>13</v>
      </c>
      <c r="K17" s="67">
        <v>17</v>
      </c>
      <c r="L17" s="79">
        <v>9</v>
      </c>
      <c r="M17" s="80">
        <v>8</v>
      </c>
    </row>
    <row r="18" spans="1:13" ht="21" customHeight="1">
      <c r="A18" s="36" t="s">
        <v>26</v>
      </c>
      <c r="B18" s="64">
        <v>18</v>
      </c>
      <c r="C18" s="65">
        <v>13</v>
      </c>
      <c r="D18" s="65">
        <v>5</v>
      </c>
      <c r="E18" s="64">
        <v>1</v>
      </c>
      <c r="F18" s="65">
        <v>1</v>
      </c>
      <c r="G18" s="66">
        <v>0</v>
      </c>
      <c r="H18" s="65">
        <v>93</v>
      </c>
      <c r="I18" s="65">
        <v>54</v>
      </c>
      <c r="J18" s="65">
        <v>39</v>
      </c>
      <c r="K18" s="64">
        <v>74</v>
      </c>
      <c r="L18" s="77">
        <v>40</v>
      </c>
      <c r="M18" s="78">
        <v>34</v>
      </c>
    </row>
    <row r="19" spans="1:13">
      <c r="A19" s="15" t="s">
        <v>28</v>
      </c>
      <c r="B19" s="67">
        <v>1</v>
      </c>
      <c r="C19" s="68">
        <v>-3</v>
      </c>
      <c r="D19" s="68">
        <v>4</v>
      </c>
      <c r="E19" s="67">
        <v>0</v>
      </c>
      <c r="F19" s="68">
        <v>0</v>
      </c>
      <c r="G19" s="69">
        <v>0</v>
      </c>
      <c r="H19" s="68">
        <v>19</v>
      </c>
      <c r="I19" s="68">
        <v>8</v>
      </c>
      <c r="J19" s="68">
        <v>11</v>
      </c>
      <c r="K19" s="67">
        <v>18</v>
      </c>
      <c r="L19" s="79">
        <v>11</v>
      </c>
      <c r="M19" s="80">
        <v>7</v>
      </c>
    </row>
    <row r="20" spans="1:13">
      <c r="A20" s="15" t="s">
        <v>30</v>
      </c>
      <c r="B20" s="67">
        <v>8</v>
      </c>
      <c r="C20" s="68">
        <v>9</v>
      </c>
      <c r="D20" s="68">
        <v>-1</v>
      </c>
      <c r="E20" s="67">
        <v>0</v>
      </c>
      <c r="F20" s="68">
        <v>0</v>
      </c>
      <c r="G20" s="69">
        <v>0</v>
      </c>
      <c r="H20" s="68">
        <v>24</v>
      </c>
      <c r="I20" s="68">
        <v>15</v>
      </c>
      <c r="J20" s="68">
        <v>9</v>
      </c>
      <c r="K20" s="67">
        <v>16</v>
      </c>
      <c r="L20" s="79">
        <v>6</v>
      </c>
      <c r="M20" s="80">
        <v>10</v>
      </c>
    </row>
    <row r="21" spans="1:13">
      <c r="A21" s="15" t="s">
        <v>32</v>
      </c>
      <c r="B21" s="67">
        <v>-3</v>
      </c>
      <c r="C21" s="68">
        <v>-5</v>
      </c>
      <c r="D21" s="68">
        <v>2</v>
      </c>
      <c r="E21" s="67">
        <v>0</v>
      </c>
      <c r="F21" s="68">
        <v>0</v>
      </c>
      <c r="G21" s="69">
        <v>0</v>
      </c>
      <c r="H21" s="68">
        <v>15</v>
      </c>
      <c r="I21" s="68">
        <v>8</v>
      </c>
      <c r="J21" s="68">
        <v>7</v>
      </c>
      <c r="K21" s="67">
        <v>18</v>
      </c>
      <c r="L21" s="79">
        <v>13</v>
      </c>
      <c r="M21" s="80">
        <v>5</v>
      </c>
    </row>
    <row r="22" spans="1:13">
      <c r="A22" s="15" t="s">
        <v>34</v>
      </c>
      <c r="B22" s="67">
        <v>4</v>
      </c>
      <c r="C22" s="68">
        <v>3</v>
      </c>
      <c r="D22" s="68">
        <v>1</v>
      </c>
      <c r="E22" s="67">
        <v>1</v>
      </c>
      <c r="F22" s="68">
        <v>1</v>
      </c>
      <c r="G22" s="69">
        <v>0</v>
      </c>
      <c r="H22" s="68">
        <v>16</v>
      </c>
      <c r="I22" s="68">
        <v>11</v>
      </c>
      <c r="J22" s="68">
        <v>5</v>
      </c>
      <c r="K22" s="67">
        <v>11</v>
      </c>
      <c r="L22" s="79">
        <v>7</v>
      </c>
      <c r="M22" s="80">
        <v>4</v>
      </c>
    </row>
    <row r="23" spans="1:13">
      <c r="A23" s="15" t="s">
        <v>36</v>
      </c>
      <c r="B23" s="67">
        <v>8</v>
      </c>
      <c r="C23" s="68">
        <v>9</v>
      </c>
      <c r="D23" s="68">
        <v>-1</v>
      </c>
      <c r="E23" s="67">
        <v>0</v>
      </c>
      <c r="F23" s="68">
        <v>0</v>
      </c>
      <c r="G23" s="69">
        <v>0</v>
      </c>
      <c r="H23" s="68">
        <v>19</v>
      </c>
      <c r="I23" s="68">
        <v>12</v>
      </c>
      <c r="J23" s="68">
        <v>7</v>
      </c>
      <c r="K23" s="67">
        <v>11</v>
      </c>
      <c r="L23" s="79">
        <v>3</v>
      </c>
      <c r="M23" s="80">
        <v>8</v>
      </c>
    </row>
    <row r="24" spans="1:13" ht="21" customHeight="1">
      <c r="A24" s="36" t="s">
        <v>38</v>
      </c>
      <c r="B24" s="64">
        <v>47</v>
      </c>
      <c r="C24" s="65">
        <v>22</v>
      </c>
      <c r="D24" s="65">
        <v>25</v>
      </c>
      <c r="E24" s="64">
        <v>0</v>
      </c>
      <c r="F24" s="65">
        <v>0</v>
      </c>
      <c r="G24" s="66">
        <v>0</v>
      </c>
      <c r="H24" s="65">
        <v>170</v>
      </c>
      <c r="I24" s="65">
        <v>81</v>
      </c>
      <c r="J24" s="65">
        <v>89</v>
      </c>
      <c r="K24" s="64">
        <v>123</v>
      </c>
      <c r="L24" s="77">
        <v>59</v>
      </c>
      <c r="M24" s="78">
        <v>64</v>
      </c>
    </row>
    <row r="25" spans="1:13">
      <c r="A25" s="15" t="s">
        <v>40</v>
      </c>
      <c r="B25" s="67">
        <v>3</v>
      </c>
      <c r="C25" s="68">
        <v>-1</v>
      </c>
      <c r="D25" s="68">
        <v>4</v>
      </c>
      <c r="E25" s="67">
        <v>0</v>
      </c>
      <c r="F25" s="68">
        <v>0</v>
      </c>
      <c r="G25" s="69">
        <v>0</v>
      </c>
      <c r="H25" s="68">
        <v>16</v>
      </c>
      <c r="I25" s="68">
        <v>6</v>
      </c>
      <c r="J25" s="68">
        <v>10</v>
      </c>
      <c r="K25" s="67">
        <v>13</v>
      </c>
      <c r="L25" s="79">
        <v>7</v>
      </c>
      <c r="M25" s="80">
        <v>6</v>
      </c>
    </row>
    <row r="26" spans="1:13">
      <c r="A26" s="15" t="s">
        <v>42</v>
      </c>
      <c r="B26" s="67">
        <v>3</v>
      </c>
      <c r="C26" s="68">
        <v>4</v>
      </c>
      <c r="D26" s="68">
        <v>-1</v>
      </c>
      <c r="E26" s="67">
        <v>0</v>
      </c>
      <c r="F26" s="68">
        <v>0</v>
      </c>
      <c r="G26" s="69">
        <v>0</v>
      </c>
      <c r="H26" s="68">
        <v>29</v>
      </c>
      <c r="I26" s="68">
        <v>15</v>
      </c>
      <c r="J26" s="68">
        <v>14</v>
      </c>
      <c r="K26" s="67">
        <v>26</v>
      </c>
      <c r="L26" s="79">
        <v>11</v>
      </c>
      <c r="M26" s="80">
        <v>15</v>
      </c>
    </row>
    <row r="27" spans="1:13">
      <c r="A27" s="15" t="s">
        <v>44</v>
      </c>
      <c r="B27" s="67">
        <v>9</v>
      </c>
      <c r="C27" s="68">
        <v>2</v>
      </c>
      <c r="D27" s="68">
        <v>7</v>
      </c>
      <c r="E27" s="67">
        <v>0</v>
      </c>
      <c r="F27" s="68">
        <v>0</v>
      </c>
      <c r="G27" s="69">
        <v>0</v>
      </c>
      <c r="H27" s="68">
        <v>23</v>
      </c>
      <c r="I27" s="68">
        <v>10</v>
      </c>
      <c r="J27" s="68">
        <v>13</v>
      </c>
      <c r="K27" s="67">
        <v>14</v>
      </c>
      <c r="L27" s="79">
        <v>8</v>
      </c>
      <c r="M27" s="80">
        <v>6</v>
      </c>
    </row>
    <row r="28" spans="1:13">
      <c r="A28" s="15" t="s">
        <v>46</v>
      </c>
      <c r="B28" s="67">
        <v>8</v>
      </c>
      <c r="C28" s="68">
        <v>3</v>
      </c>
      <c r="D28" s="68">
        <v>5</v>
      </c>
      <c r="E28" s="67">
        <v>0</v>
      </c>
      <c r="F28" s="68">
        <v>0</v>
      </c>
      <c r="G28" s="69">
        <v>0</v>
      </c>
      <c r="H28" s="68">
        <v>26</v>
      </c>
      <c r="I28" s="68">
        <v>12</v>
      </c>
      <c r="J28" s="68">
        <v>14</v>
      </c>
      <c r="K28" s="67">
        <v>18</v>
      </c>
      <c r="L28" s="79">
        <v>9</v>
      </c>
      <c r="M28" s="80">
        <v>9</v>
      </c>
    </row>
    <row r="29" spans="1:13">
      <c r="A29" s="15" t="s">
        <v>48</v>
      </c>
      <c r="B29" s="67">
        <v>24</v>
      </c>
      <c r="C29" s="68">
        <v>14</v>
      </c>
      <c r="D29" s="68">
        <v>10</v>
      </c>
      <c r="E29" s="67">
        <v>0</v>
      </c>
      <c r="F29" s="68">
        <v>0</v>
      </c>
      <c r="G29" s="69">
        <v>0</v>
      </c>
      <c r="H29" s="68">
        <v>76</v>
      </c>
      <c r="I29" s="68">
        <v>38</v>
      </c>
      <c r="J29" s="68">
        <v>38</v>
      </c>
      <c r="K29" s="67">
        <v>52</v>
      </c>
      <c r="L29" s="79">
        <v>24</v>
      </c>
      <c r="M29" s="80">
        <v>28</v>
      </c>
    </row>
    <row r="30" spans="1:13" ht="21" customHeight="1">
      <c r="A30" s="36" t="s">
        <v>50</v>
      </c>
      <c r="B30" s="64">
        <v>177</v>
      </c>
      <c r="C30" s="65">
        <v>99</v>
      </c>
      <c r="D30" s="65">
        <v>78</v>
      </c>
      <c r="E30" s="64">
        <v>0</v>
      </c>
      <c r="F30" s="65">
        <v>0</v>
      </c>
      <c r="G30" s="66">
        <v>0</v>
      </c>
      <c r="H30" s="65">
        <v>951</v>
      </c>
      <c r="I30" s="65">
        <v>492</v>
      </c>
      <c r="J30" s="65">
        <v>459</v>
      </c>
      <c r="K30" s="64">
        <v>774</v>
      </c>
      <c r="L30" s="77">
        <v>393</v>
      </c>
      <c r="M30" s="78">
        <v>381</v>
      </c>
    </row>
    <row r="31" spans="1:13">
      <c r="A31" s="15" t="s">
        <v>52</v>
      </c>
      <c r="B31" s="67">
        <v>42</v>
      </c>
      <c r="C31" s="68">
        <v>31</v>
      </c>
      <c r="D31" s="68">
        <v>11</v>
      </c>
      <c r="E31" s="67">
        <v>0</v>
      </c>
      <c r="F31" s="68">
        <v>0</v>
      </c>
      <c r="G31" s="69">
        <v>0</v>
      </c>
      <c r="H31" s="68">
        <v>97</v>
      </c>
      <c r="I31" s="68">
        <v>55</v>
      </c>
      <c r="J31" s="68">
        <v>42</v>
      </c>
      <c r="K31" s="67">
        <v>55</v>
      </c>
      <c r="L31" s="79">
        <v>24</v>
      </c>
      <c r="M31" s="80">
        <v>31</v>
      </c>
    </row>
    <row r="32" spans="1:13">
      <c r="A32" s="15" t="s">
        <v>54</v>
      </c>
      <c r="B32" s="67">
        <v>21</v>
      </c>
      <c r="C32" s="68">
        <v>16</v>
      </c>
      <c r="D32" s="68">
        <v>5</v>
      </c>
      <c r="E32" s="67">
        <v>0</v>
      </c>
      <c r="F32" s="68">
        <v>0</v>
      </c>
      <c r="G32" s="69">
        <v>0</v>
      </c>
      <c r="H32" s="68">
        <v>124</v>
      </c>
      <c r="I32" s="68">
        <v>67</v>
      </c>
      <c r="J32" s="68">
        <v>57</v>
      </c>
      <c r="K32" s="67">
        <v>103</v>
      </c>
      <c r="L32" s="79">
        <v>51</v>
      </c>
      <c r="M32" s="80">
        <v>52</v>
      </c>
    </row>
    <row r="33" spans="1:13">
      <c r="A33" s="15" t="s">
        <v>56</v>
      </c>
      <c r="B33" s="67">
        <v>38</v>
      </c>
      <c r="C33" s="68">
        <v>24</v>
      </c>
      <c r="D33" s="68">
        <v>14</v>
      </c>
      <c r="E33" s="67">
        <v>0</v>
      </c>
      <c r="F33" s="68">
        <v>0</v>
      </c>
      <c r="G33" s="69">
        <v>0</v>
      </c>
      <c r="H33" s="68">
        <v>175</v>
      </c>
      <c r="I33" s="68">
        <v>92</v>
      </c>
      <c r="J33" s="68">
        <v>83</v>
      </c>
      <c r="K33" s="67">
        <v>137</v>
      </c>
      <c r="L33" s="79">
        <v>68</v>
      </c>
      <c r="M33" s="80">
        <v>69</v>
      </c>
    </row>
    <row r="34" spans="1:13">
      <c r="A34" s="15" t="s">
        <v>58</v>
      </c>
      <c r="B34" s="67">
        <v>37</v>
      </c>
      <c r="C34" s="68">
        <v>5</v>
      </c>
      <c r="D34" s="68">
        <v>32</v>
      </c>
      <c r="E34" s="67">
        <v>0</v>
      </c>
      <c r="F34" s="68">
        <v>0</v>
      </c>
      <c r="G34" s="69">
        <v>0</v>
      </c>
      <c r="H34" s="68">
        <v>297</v>
      </c>
      <c r="I34" s="68">
        <v>142</v>
      </c>
      <c r="J34" s="68">
        <v>155</v>
      </c>
      <c r="K34" s="67">
        <v>260</v>
      </c>
      <c r="L34" s="79">
        <v>137</v>
      </c>
      <c r="M34" s="80">
        <v>123</v>
      </c>
    </row>
    <row r="35" spans="1:13">
      <c r="A35" s="15" t="s">
        <v>60</v>
      </c>
      <c r="B35" s="67">
        <v>39</v>
      </c>
      <c r="C35" s="68">
        <v>23</v>
      </c>
      <c r="D35" s="68">
        <v>16</v>
      </c>
      <c r="E35" s="67">
        <v>0</v>
      </c>
      <c r="F35" s="68">
        <v>0</v>
      </c>
      <c r="G35" s="69">
        <v>0</v>
      </c>
      <c r="H35" s="68">
        <v>258</v>
      </c>
      <c r="I35" s="68">
        <v>136</v>
      </c>
      <c r="J35" s="68">
        <v>122</v>
      </c>
      <c r="K35" s="67">
        <v>219</v>
      </c>
      <c r="L35" s="79">
        <v>113</v>
      </c>
      <c r="M35" s="80">
        <v>106</v>
      </c>
    </row>
    <row r="36" spans="1:13" ht="21" customHeight="1">
      <c r="A36" s="36" t="s">
        <v>62</v>
      </c>
      <c r="B36" s="64">
        <v>429</v>
      </c>
      <c r="C36" s="65">
        <v>212</v>
      </c>
      <c r="D36" s="65">
        <v>217</v>
      </c>
      <c r="E36" s="64">
        <v>2</v>
      </c>
      <c r="F36" s="65">
        <v>1</v>
      </c>
      <c r="G36" s="66">
        <v>1</v>
      </c>
      <c r="H36" s="65">
        <v>1695</v>
      </c>
      <c r="I36" s="65">
        <v>878</v>
      </c>
      <c r="J36" s="65">
        <v>817</v>
      </c>
      <c r="K36" s="64">
        <v>1264</v>
      </c>
      <c r="L36" s="77">
        <v>665</v>
      </c>
      <c r="M36" s="78">
        <v>599</v>
      </c>
    </row>
    <row r="37" spans="1:13">
      <c r="A37" s="15" t="s">
        <v>64</v>
      </c>
      <c r="B37" s="67">
        <v>73</v>
      </c>
      <c r="C37" s="68">
        <v>54</v>
      </c>
      <c r="D37" s="68">
        <v>19</v>
      </c>
      <c r="E37" s="67">
        <v>0</v>
      </c>
      <c r="F37" s="68">
        <v>0</v>
      </c>
      <c r="G37" s="69">
        <v>0</v>
      </c>
      <c r="H37" s="68">
        <v>341</v>
      </c>
      <c r="I37" s="68">
        <v>184</v>
      </c>
      <c r="J37" s="68">
        <v>157</v>
      </c>
      <c r="K37" s="67">
        <v>268</v>
      </c>
      <c r="L37" s="79">
        <v>130</v>
      </c>
      <c r="M37" s="80">
        <v>138</v>
      </c>
    </row>
    <row r="38" spans="1:13">
      <c r="A38" s="15" t="s">
        <v>66</v>
      </c>
      <c r="B38" s="67">
        <v>101</v>
      </c>
      <c r="C38" s="68">
        <v>48</v>
      </c>
      <c r="D38" s="68">
        <v>53</v>
      </c>
      <c r="E38" s="67">
        <v>0</v>
      </c>
      <c r="F38" s="68">
        <v>0</v>
      </c>
      <c r="G38" s="69">
        <v>0</v>
      </c>
      <c r="H38" s="68">
        <v>377</v>
      </c>
      <c r="I38" s="68">
        <v>184</v>
      </c>
      <c r="J38" s="68">
        <v>193</v>
      </c>
      <c r="K38" s="67">
        <v>276</v>
      </c>
      <c r="L38" s="79">
        <v>136</v>
      </c>
      <c r="M38" s="80">
        <v>140</v>
      </c>
    </row>
    <row r="39" spans="1:13">
      <c r="A39" s="15" t="s">
        <v>68</v>
      </c>
      <c r="B39" s="67">
        <v>95</v>
      </c>
      <c r="C39" s="68">
        <v>63</v>
      </c>
      <c r="D39" s="68">
        <v>32</v>
      </c>
      <c r="E39" s="67">
        <v>1</v>
      </c>
      <c r="F39" s="68">
        <v>0</v>
      </c>
      <c r="G39" s="69">
        <v>1</v>
      </c>
      <c r="H39" s="68">
        <v>321</v>
      </c>
      <c r="I39" s="68">
        <v>172</v>
      </c>
      <c r="J39" s="68">
        <v>149</v>
      </c>
      <c r="K39" s="67">
        <v>225</v>
      </c>
      <c r="L39" s="79">
        <v>109</v>
      </c>
      <c r="M39" s="80">
        <v>116</v>
      </c>
    </row>
    <row r="40" spans="1:13">
      <c r="A40" s="15" t="s">
        <v>70</v>
      </c>
      <c r="B40" s="67">
        <v>102</v>
      </c>
      <c r="C40" s="68">
        <v>38</v>
      </c>
      <c r="D40" s="68">
        <v>64</v>
      </c>
      <c r="E40" s="67">
        <v>1</v>
      </c>
      <c r="F40" s="68">
        <v>1</v>
      </c>
      <c r="G40" s="69">
        <v>0</v>
      </c>
      <c r="H40" s="68">
        <v>364</v>
      </c>
      <c r="I40" s="68">
        <v>193</v>
      </c>
      <c r="J40" s="68">
        <v>171</v>
      </c>
      <c r="K40" s="67">
        <v>261</v>
      </c>
      <c r="L40" s="79">
        <v>154</v>
      </c>
      <c r="M40" s="80">
        <v>107</v>
      </c>
    </row>
    <row r="41" spans="1:13">
      <c r="A41" s="15" t="s">
        <v>72</v>
      </c>
      <c r="B41" s="67">
        <v>58</v>
      </c>
      <c r="C41" s="68">
        <v>9</v>
      </c>
      <c r="D41" s="68">
        <v>49</v>
      </c>
      <c r="E41" s="67">
        <v>0</v>
      </c>
      <c r="F41" s="68">
        <v>0</v>
      </c>
      <c r="G41" s="69">
        <v>0</v>
      </c>
      <c r="H41" s="68">
        <v>292</v>
      </c>
      <c r="I41" s="68">
        <v>145</v>
      </c>
      <c r="J41" s="68">
        <v>147</v>
      </c>
      <c r="K41" s="67">
        <v>234</v>
      </c>
      <c r="L41" s="79">
        <v>136</v>
      </c>
      <c r="M41" s="80">
        <v>98</v>
      </c>
    </row>
    <row r="42" spans="1:13" ht="21" customHeight="1">
      <c r="A42" s="36" t="s">
        <v>74</v>
      </c>
      <c r="B42" s="64">
        <v>474</v>
      </c>
      <c r="C42" s="65">
        <v>258</v>
      </c>
      <c r="D42" s="65">
        <v>216</v>
      </c>
      <c r="E42" s="64">
        <v>3</v>
      </c>
      <c r="F42" s="65">
        <v>3</v>
      </c>
      <c r="G42" s="66">
        <v>0</v>
      </c>
      <c r="H42" s="65">
        <v>1374</v>
      </c>
      <c r="I42" s="65">
        <v>770</v>
      </c>
      <c r="J42" s="65">
        <v>604</v>
      </c>
      <c r="K42" s="64">
        <v>897</v>
      </c>
      <c r="L42" s="77">
        <v>509</v>
      </c>
      <c r="M42" s="78">
        <v>388</v>
      </c>
    </row>
    <row r="43" spans="1:13">
      <c r="A43" s="15" t="s">
        <v>76</v>
      </c>
      <c r="B43" s="67">
        <v>150</v>
      </c>
      <c r="C43" s="68">
        <v>75</v>
      </c>
      <c r="D43" s="68">
        <v>75</v>
      </c>
      <c r="E43" s="67">
        <v>1</v>
      </c>
      <c r="F43" s="68">
        <v>1</v>
      </c>
      <c r="G43" s="69">
        <v>0</v>
      </c>
      <c r="H43" s="68">
        <v>356</v>
      </c>
      <c r="I43" s="68">
        <v>190</v>
      </c>
      <c r="J43" s="68">
        <v>166</v>
      </c>
      <c r="K43" s="67">
        <v>205</v>
      </c>
      <c r="L43" s="79">
        <v>114</v>
      </c>
      <c r="M43" s="80">
        <v>91</v>
      </c>
    </row>
    <row r="44" spans="1:13">
      <c r="A44" s="15" t="s">
        <v>78</v>
      </c>
      <c r="B44" s="67">
        <v>83</v>
      </c>
      <c r="C44" s="68">
        <v>47</v>
      </c>
      <c r="D44" s="68">
        <v>36</v>
      </c>
      <c r="E44" s="67">
        <v>1</v>
      </c>
      <c r="F44" s="68">
        <v>1</v>
      </c>
      <c r="G44" s="69">
        <v>0</v>
      </c>
      <c r="H44" s="68">
        <v>289</v>
      </c>
      <c r="I44" s="68">
        <v>158</v>
      </c>
      <c r="J44" s="68">
        <v>131</v>
      </c>
      <c r="K44" s="67">
        <v>205</v>
      </c>
      <c r="L44" s="79">
        <v>110</v>
      </c>
      <c r="M44" s="80">
        <v>95</v>
      </c>
    </row>
    <row r="45" spans="1:13">
      <c r="A45" s="15" t="s">
        <v>80</v>
      </c>
      <c r="B45" s="67">
        <v>99</v>
      </c>
      <c r="C45" s="68">
        <v>60</v>
      </c>
      <c r="D45" s="68">
        <v>39</v>
      </c>
      <c r="E45" s="67">
        <v>1</v>
      </c>
      <c r="F45" s="68">
        <v>1</v>
      </c>
      <c r="G45" s="69">
        <v>0</v>
      </c>
      <c r="H45" s="68">
        <v>273</v>
      </c>
      <c r="I45" s="68">
        <v>156</v>
      </c>
      <c r="J45" s="68">
        <v>117</v>
      </c>
      <c r="K45" s="67">
        <v>173</v>
      </c>
      <c r="L45" s="79">
        <v>95</v>
      </c>
      <c r="M45" s="80">
        <v>78</v>
      </c>
    </row>
    <row r="46" spans="1:13">
      <c r="A46" s="15" t="s">
        <v>82</v>
      </c>
      <c r="B46" s="67">
        <v>75</v>
      </c>
      <c r="C46" s="68">
        <v>40</v>
      </c>
      <c r="D46" s="68">
        <v>35</v>
      </c>
      <c r="E46" s="67">
        <v>0</v>
      </c>
      <c r="F46" s="68">
        <v>0</v>
      </c>
      <c r="G46" s="69">
        <v>0</v>
      </c>
      <c r="H46" s="68">
        <v>229</v>
      </c>
      <c r="I46" s="68">
        <v>133</v>
      </c>
      <c r="J46" s="68">
        <v>96</v>
      </c>
      <c r="K46" s="67">
        <v>154</v>
      </c>
      <c r="L46" s="79">
        <v>93</v>
      </c>
      <c r="M46" s="80">
        <v>61</v>
      </c>
    </row>
    <row r="47" spans="1:13">
      <c r="A47" s="15" t="s">
        <v>84</v>
      </c>
      <c r="B47" s="67">
        <v>67</v>
      </c>
      <c r="C47" s="68">
        <v>36</v>
      </c>
      <c r="D47" s="68">
        <v>31</v>
      </c>
      <c r="E47" s="67">
        <v>0</v>
      </c>
      <c r="F47" s="68">
        <v>0</v>
      </c>
      <c r="G47" s="69">
        <v>0</v>
      </c>
      <c r="H47" s="68">
        <v>227</v>
      </c>
      <c r="I47" s="68">
        <v>133</v>
      </c>
      <c r="J47" s="68">
        <v>94</v>
      </c>
      <c r="K47" s="67">
        <v>160</v>
      </c>
      <c r="L47" s="79">
        <v>97</v>
      </c>
      <c r="M47" s="80">
        <v>63</v>
      </c>
    </row>
    <row r="48" spans="1:13" ht="21" customHeight="1">
      <c r="A48" s="36" t="s">
        <v>86</v>
      </c>
      <c r="B48" s="64">
        <v>272</v>
      </c>
      <c r="C48" s="65">
        <v>155</v>
      </c>
      <c r="D48" s="65">
        <v>117</v>
      </c>
      <c r="E48" s="64">
        <v>4</v>
      </c>
      <c r="F48" s="65">
        <v>3</v>
      </c>
      <c r="G48" s="66">
        <v>1</v>
      </c>
      <c r="H48" s="65">
        <v>840</v>
      </c>
      <c r="I48" s="65">
        <v>486</v>
      </c>
      <c r="J48" s="65">
        <v>354</v>
      </c>
      <c r="K48" s="64">
        <v>564</v>
      </c>
      <c r="L48" s="77">
        <v>328</v>
      </c>
      <c r="M48" s="78">
        <v>236</v>
      </c>
    </row>
    <row r="49" spans="1:13">
      <c r="A49" s="15" t="s">
        <v>88</v>
      </c>
      <c r="B49" s="67">
        <v>57</v>
      </c>
      <c r="C49" s="68">
        <v>41</v>
      </c>
      <c r="D49" s="68">
        <v>16</v>
      </c>
      <c r="E49" s="67">
        <v>0</v>
      </c>
      <c r="F49" s="68">
        <v>0</v>
      </c>
      <c r="G49" s="69">
        <v>0</v>
      </c>
      <c r="H49" s="68">
        <v>193</v>
      </c>
      <c r="I49" s="68">
        <v>111</v>
      </c>
      <c r="J49" s="68">
        <v>82</v>
      </c>
      <c r="K49" s="67">
        <v>136</v>
      </c>
      <c r="L49" s="79">
        <v>70</v>
      </c>
      <c r="M49" s="80">
        <v>66</v>
      </c>
    </row>
    <row r="50" spans="1:13">
      <c r="A50" s="15" t="s">
        <v>90</v>
      </c>
      <c r="B50" s="67">
        <v>79</v>
      </c>
      <c r="C50" s="68">
        <v>53</v>
      </c>
      <c r="D50" s="68">
        <v>26</v>
      </c>
      <c r="E50" s="67">
        <v>0</v>
      </c>
      <c r="F50" s="68">
        <v>0</v>
      </c>
      <c r="G50" s="69">
        <v>0</v>
      </c>
      <c r="H50" s="68">
        <v>202</v>
      </c>
      <c r="I50" s="68">
        <v>119</v>
      </c>
      <c r="J50" s="68">
        <v>83</v>
      </c>
      <c r="K50" s="67">
        <v>123</v>
      </c>
      <c r="L50" s="79">
        <v>66</v>
      </c>
      <c r="M50" s="80">
        <v>57</v>
      </c>
    </row>
    <row r="51" spans="1:13">
      <c r="A51" s="15" t="s">
        <v>92</v>
      </c>
      <c r="B51" s="67">
        <v>63</v>
      </c>
      <c r="C51" s="68">
        <v>22</v>
      </c>
      <c r="D51" s="68">
        <v>41</v>
      </c>
      <c r="E51" s="67">
        <v>0</v>
      </c>
      <c r="F51" s="68">
        <v>0</v>
      </c>
      <c r="G51" s="69">
        <v>0</v>
      </c>
      <c r="H51" s="68">
        <v>168</v>
      </c>
      <c r="I51" s="68">
        <v>89</v>
      </c>
      <c r="J51" s="68">
        <v>79</v>
      </c>
      <c r="K51" s="67">
        <v>105</v>
      </c>
      <c r="L51" s="79">
        <v>67</v>
      </c>
      <c r="M51" s="80">
        <v>38</v>
      </c>
    </row>
    <row r="52" spans="1:13">
      <c r="A52" s="15" t="s">
        <v>94</v>
      </c>
      <c r="B52" s="67">
        <v>24</v>
      </c>
      <c r="C52" s="68">
        <v>16</v>
      </c>
      <c r="D52" s="68">
        <v>8</v>
      </c>
      <c r="E52" s="67">
        <v>2</v>
      </c>
      <c r="F52" s="68">
        <v>1</v>
      </c>
      <c r="G52" s="69">
        <v>1</v>
      </c>
      <c r="H52" s="68">
        <v>142</v>
      </c>
      <c r="I52" s="68">
        <v>85</v>
      </c>
      <c r="J52" s="68">
        <v>57</v>
      </c>
      <c r="K52" s="67">
        <v>116</v>
      </c>
      <c r="L52" s="79">
        <v>68</v>
      </c>
      <c r="M52" s="80">
        <v>48</v>
      </c>
    </row>
    <row r="53" spans="1:13">
      <c r="A53" s="15" t="s">
        <v>96</v>
      </c>
      <c r="B53" s="67">
        <v>49</v>
      </c>
      <c r="C53" s="68">
        <v>23</v>
      </c>
      <c r="D53" s="68">
        <v>26</v>
      </c>
      <c r="E53" s="67">
        <v>2</v>
      </c>
      <c r="F53" s="68">
        <v>2</v>
      </c>
      <c r="G53" s="69">
        <v>0</v>
      </c>
      <c r="H53" s="68">
        <v>135</v>
      </c>
      <c r="I53" s="68">
        <v>82</v>
      </c>
      <c r="J53" s="68">
        <v>53</v>
      </c>
      <c r="K53" s="67">
        <v>84</v>
      </c>
      <c r="L53" s="79">
        <v>57</v>
      </c>
      <c r="M53" s="80">
        <v>27</v>
      </c>
    </row>
    <row r="54" spans="1:13" ht="21" customHeight="1">
      <c r="A54" s="36" t="s">
        <v>98</v>
      </c>
      <c r="B54" s="64">
        <v>165</v>
      </c>
      <c r="C54" s="65">
        <v>94</v>
      </c>
      <c r="D54" s="65">
        <v>71</v>
      </c>
      <c r="E54" s="64">
        <v>10</v>
      </c>
      <c r="F54" s="65">
        <v>7</v>
      </c>
      <c r="G54" s="66">
        <v>3</v>
      </c>
      <c r="H54" s="65">
        <v>522</v>
      </c>
      <c r="I54" s="65">
        <v>311</v>
      </c>
      <c r="J54" s="65">
        <v>211</v>
      </c>
      <c r="K54" s="64">
        <v>347</v>
      </c>
      <c r="L54" s="77">
        <v>210</v>
      </c>
      <c r="M54" s="78">
        <v>137</v>
      </c>
    </row>
    <row r="55" spans="1:13">
      <c r="A55" s="15" t="s">
        <v>100</v>
      </c>
      <c r="B55" s="67">
        <v>28</v>
      </c>
      <c r="C55" s="68">
        <v>20</v>
      </c>
      <c r="D55" s="68">
        <v>8</v>
      </c>
      <c r="E55" s="67">
        <v>0</v>
      </c>
      <c r="F55" s="68">
        <v>0</v>
      </c>
      <c r="G55" s="69">
        <v>0</v>
      </c>
      <c r="H55" s="68">
        <v>115</v>
      </c>
      <c r="I55" s="68">
        <v>68</v>
      </c>
      <c r="J55" s="68">
        <v>47</v>
      </c>
      <c r="K55" s="67">
        <v>87</v>
      </c>
      <c r="L55" s="79">
        <v>48</v>
      </c>
      <c r="M55" s="80">
        <v>39</v>
      </c>
    </row>
    <row r="56" spans="1:13">
      <c r="A56" s="15" t="s">
        <v>102</v>
      </c>
      <c r="B56" s="67">
        <v>40</v>
      </c>
      <c r="C56" s="68">
        <v>17</v>
      </c>
      <c r="D56" s="68">
        <v>23</v>
      </c>
      <c r="E56" s="67">
        <v>0</v>
      </c>
      <c r="F56" s="68">
        <v>0</v>
      </c>
      <c r="G56" s="69">
        <v>0</v>
      </c>
      <c r="H56" s="68">
        <v>114</v>
      </c>
      <c r="I56" s="68">
        <v>62</v>
      </c>
      <c r="J56" s="68">
        <v>52</v>
      </c>
      <c r="K56" s="67">
        <v>74</v>
      </c>
      <c r="L56" s="79">
        <v>45</v>
      </c>
      <c r="M56" s="80">
        <v>29</v>
      </c>
    </row>
    <row r="57" spans="1:13">
      <c r="A57" s="15" t="s">
        <v>104</v>
      </c>
      <c r="B57" s="67">
        <v>18</v>
      </c>
      <c r="C57" s="68">
        <v>13</v>
      </c>
      <c r="D57" s="68">
        <v>5</v>
      </c>
      <c r="E57" s="67">
        <v>6</v>
      </c>
      <c r="F57" s="68">
        <v>3</v>
      </c>
      <c r="G57" s="69">
        <v>3</v>
      </c>
      <c r="H57" s="68">
        <v>106</v>
      </c>
      <c r="I57" s="68">
        <v>67</v>
      </c>
      <c r="J57" s="68">
        <v>39</v>
      </c>
      <c r="K57" s="67">
        <v>82</v>
      </c>
      <c r="L57" s="79">
        <v>51</v>
      </c>
      <c r="M57" s="80">
        <v>31</v>
      </c>
    </row>
    <row r="58" spans="1:13">
      <c r="A58" s="15" t="s">
        <v>106</v>
      </c>
      <c r="B58" s="67">
        <v>46</v>
      </c>
      <c r="C58" s="68">
        <v>23</v>
      </c>
      <c r="D58" s="68">
        <v>23</v>
      </c>
      <c r="E58" s="67">
        <v>1</v>
      </c>
      <c r="F58" s="68">
        <v>1</v>
      </c>
      <c r="G58" s="69">
        <v>0</v>
      </c>
      <c r="H58" s="68">
        <v>98</v>
      </c>
      <c r="I58" s="68">
        <v>57</v>
      </c>
      <c r="J58" s="68">
        <v>41</v>
      </c>
      <c r="K58" s="67">
        <v>51</v>
      </c>
      <c r="L58" s="79">
        <v>33</v>
      </c>
      <c r="M58" s="80">
        <v>18</v>
      </c>
    </row>
    <row r="59" spans="1:13">
      <c r="A59" s="15" t="s">
        <v>108</v>
      </c>
      <c r="B59" s="67">
        <v>33</v>
      </c>
      <c r="C59" s="68">
        <v>21</v>
      </c>
      <c r="D59" s="68">
        <v>12</v>
      </c>
      <c r="E59" s="67">
        <v>3</v>
      </c>
      <c r="F59" s="68">
        <v>3</v>
      </c>
      <c r="G59" s="69">
        <v>0</v>
      </c>
      <c r="H59" s="68">
        <v>89</v>
      </c>
      <c r="I59" s="68">
        <v>57</v>
      </c>
      <c r="J59" s="68">
        <v>32</v>
      </c>
      <c r="K59" s="67">
        <v>53</v>
      </c>
      <c r="L59" s="79">
        <v>33</v>
      </c>
      <c r="M59" s="80">
        <v>20</v>
      </c>
    </row>
    <row r="60" spans="1:13" ht="21" customHeight="1">
      <c r="A60" s="36" t="s">
        <v>110</v>
      </c>
      <c r="B60" s="64">
        <v>10</v>
      </c>
      <c r="C60" s="65">
        <v>-5</v>
      </c>
      <c r="D60" s="65">
        <v>15</v>
      </c>
      <c r="E60" s="64">
        <v>23</v>
      </c>
      <c r="F60" s="65">
        <v>14</v>
      </c>
      <c r="G60" s="66">
        <v>9</v>
      </c>
      <c r="H60" s="65">
        <v>342</v>
      </c>
      <c r="I60" s="65">
        <v>200</v>
      </c>
      <c r="J60" s="65">
        <v>142</v>
      </c>
      <c r="K60" s="64">
        <v>309</v>
      </c>
      <c r="L60" s="77">
        <v>191</v>
      </c>
      <c r="M60" s="78">
        <v>118</v>
      </c>
    </row>
    <row r="61" spans="1:13">
      <c r="A61" s="15" t="s">
        <v>112</v>
      </c>
      <c r="B61" s="67">
        <v>11</v>
      </c>
      <c r="C61" s="68">
        <v>4</v>
      </c>
      <c r="D61" s="68">
        <v>7</v>
      </c>
      <c r="E61" s="67">
        <v>3</v>
      </c>
      <c r="F61" s="68">
        <v>3</v>
      </c>
      <c r="G61" s="69">
        <v>0</v>
      </c>
      <c r="H61" s="68">
        <v>69</v>
      </c>
      <c r="I61" s="68">
        <v>42</v>
      </c>
      <c r="J61" s="68">
        <v>27</v>
      </c>
      <c r="K61" s="67">
        <v>55</v>
      </c>
      <c r="L61" s="79">
        <v>35</v>
      </c>
      <c r="M61" s="80">
        <v>20</v>
      </c>
    </row>
    <row r="62" spans="1:13">
      <c r="A62" s="15" t="s">
        <v>114</v>
      </c>
      <c r="B62" s="67">
        <v>0</v>
      </c>
      <c r="C62" s="68">
        <v>-2</v>
      </c>
      <c r="D62" s="68">
        <v>2</v>
      </c>
      <c r="E62" s="67">
        <v>3</v>
      </c>
      <c r="F62" s="68">
        <v>1</v>
      </c>
      <c r="G62" s="69">
        <v>2</v>
      </c>
      <c r="H62" s="68">
        <v>78</v>
      </c>
      <c r="I62" s="68">
        <v>50</v>
      </c>
      <c r="J62" s="68">
        <v>28</v>
      </c>
      <c r="K62" s="67">
        <v>75</v>
      </c>
      <c r="L62" s="79">
        <v>51</v>
      </c>
      <c r="M62" s="80">
        <v>24</v>
      </c>
    </row>
    <row r="63" spans="1:13">
      <c r="A63" s="15" t="s">
        <v>116</v>
      </c>
      <c r="B63" s="67">
        <v>3</v>
      </c>
      <c r="C63" s="68">
        <v>10</v>
      </c>
      <c r="D63" s="68">
        <v>-7</v>
      </c>
      <c r="E63" s="67">
        <v>3</v>
      </c>
      <c r="F63" s="68">
        <v>2</v>
      </c>
      <c r="G63" s="69">
        <v>1</v>
      </c>
      <c r="H63" s="68">
        <v>64</v>
      </c>
      <c r="I63" s="68">
        <v>39</v>
      </c>
      <c r="J63" s="68">
        <v>25</v>
      </c>
      <c r="K63" s="67">
        <v>58</v>
      </c>
      <c r="L63" s="79">
        <v>27</v>
      </c>
      <c r="M63" s="80">
        <v>31</v>
      </c>
    </row>
    <row r="64" spans="1:13">
      <c r="A64" s="15" t="s">
        <v>118</v>
      </c>
      <c r="B64" s="67">
        <v>4</v>
      </c>
      <c r="C64" s="68">
        <v>-13</v>
      </c>
      <c r="D64" s="68">
        <v>17</v>
      </c>
      <c r="E64" s="67">
        <v>8</v>
      </c>
      <c r="F64" s="68">
        <v>4</v>
      </c>
      <c r="G64" s="69">
        <v>4</v>
      </c>
      <c r="H64" s="68">
        <v>65</v>
      </c>
      <c r="I64" s="68">
        <v>32</v>
      </c>
      <c r="J64" s="68">
        <v>33</v>
      </c>
      <c r="K64" s="67">
        <v>53</v>
      </c>
      <c r="L64" s="79">
        <v>41</v>
      </c>
      <c r="M64" s="80">
        <v>12</v>
      </c>
    </row>
    <row r="65" spans="1:13">
      <c r="A65" s="19" t="s">
        <v>120</v>
      </c>
      <c r="B65" s="70">
        <v>-8</v>
      </c>
      <c r="C65" s="71">
        <v>-4</v>
      </c>
      <c r="D65" s="71">
        <v>-4</v>
      </c>
      <c r="E65" s="70">
        <v>6</v>
      </c>
      <c r="F65" s="71">
        <v>4</v>
      </c>
      <c r="G65" s="72">
        <v>2</v>
      </c>
      <c r="H65" s="71">
        <v>66</v>
      </c>
      <c r="I65" s="71">
        <v>37</v>
      </c>
      <c r="J65" s="71">
        <v>29</v>
      </c>
      <c r="K65" s="70">
        <v>68</v>
      </c>
      <c r="L65" s="81">
        <v>37</v>
      </c>
      <c r="M65" s="82">
        <v>31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091</v>
      </c>
      <c r="C69" s="50">
        <v>570</v>
      </c>
      <c r="D69" s="84">
        <v>521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25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26</v>
      </c>
      <c r="C75" s="65">
        <v>-5</v>
      </c>
      <c r="D75" s="65">
        <v>31</v>
      </c>
      <c r="E75" s="64">
        <v>28</v>
      </c>
      <c r="F75" s="65">
        <v>20</v>
      </c>
      <c r="G75" s="66">
        <v>8</v>
      </c>
      <c r="H75" s="65">
        <v>302</v>
      </c>
      <c r="I75" s="65">
        <v>166</v>
      </c>
      <c r="J75" s="65">
        <v>136</v>
      </c>
      <c r="K75" s="64">
        <v>248</v>
      </c>
      <c r="L75" s="77">
        <v>151</v>
      </c>
      <c r="M75" s="78">
        <v>97</v>
      </c>
    </row>
    <row r="76" spans="1:13">
      <c r="A76" s="27" t="s">
        <v>5</v>
      </c>
      <c r="B76" s="67">
        <v>15</v>
      </c>
      <c r="C76" s="68">
        <v>0</v>
      </c>
      <c r="D76" s="68">
        <v>15</v>
      </c>
      <c r="E76" s="67">
        <v>7</v>
      </c>
      <c r="F76" s="68">
        <v>5</v>
      </c>
      <c r="G76" s="69">
        <v>2</v>
      </c>
      <c r="H76" s="68">
        <v>67</v>
      </c>
      <c r="I76" s="68">
        <v>34</v>
      </c>
      <c r="J76" s="68">
        <v>33</v>
      </c>
      <c r="K76" s="67">
        <v>45</v>
      </c>
      <c r="L76" s="79">
        <v>29</v>
      </c>
      <c r="M76" s="80">
        <v>16</v>
      </c>
    </row>
    <row r="77" spans="1:13">
      <c r="A77" s="27" t="s">
        <v>7</v>
      </c>
      <c r="B77" s="67">
        <v>9</v>
      </c>
      <c r="C77" s="68">
        <v>9</v>
      </c>
      <c r="D77" s="68">
        <v>0</v>
      </c>
      <c r="E77" s="67">
        <v>6</v>
      </c>
      <c r="F77" s="68">
        <v>5</v>
      </c>
      <c r="G77" s="69">
        <v>1</v>
      </c>
      <c r="H77" s="68">
        <v>78</v>
      </c>
      <c r="I77" s="68">
        <v>46</v>
      </c>
      <c r="J77" s="68">
        <v>32</v>
      </c>
      <c r="K77" s="67">
        <v>63</v>
      </c>
      <c r="L77" s="79">
        <v>32</v>
      </c>
      <c r="M77" s="80">
        <v>31</v>
      </c>
    </row>
    <row r="78" spans="1:13">
      <c r="A78" s="27" t="s">
        <v>9</v>
      </c>
      <c r="B78" s="67">
        <v>0</v>
      </c>
      <c r="C78" s="68">
        <v>6</v>
      </c>
      <c r="D78" s="68">
        <v>-6</v>
      </c>
      <c r="E78" s="67">
        <v>6</v>
      </c>
      <c r="F78" s="68">
        <v>3</v>
      </c>
      <c r="G78" s="69">
        <v>3</v>
      </c>
      <c r="H78" s="68">
        <v>60</v>
      </c>
      <c r="I78" s="68">
        <v>39</v>
      </c>
      <c r="J78" s="68">
        <v>21</v>
      </c>
      <c r="K78" s="67">
        <v>54</v>
      </c>
      <c r="L78" s="79">
        <v>30</v>
      </c>
      <c r="M78" s="80">
        <v>24</v>
      </c>
    </row>
    <row r="79" spans="1:13">
      <c r="A79" s="27" t="s">
        <v>11</v>
      </c>
      <c r="B79" s="67">
        <v>2</v>
      </c>
      <c r="C79" s="68">
        <v>-5</v>
      </c>
      <c r="D79" s="68">
        <v>7</v>
      </c>
      <c r="E79" s="67">
        <v>3</v>
      </c>
      <c r="F79" s="68">
        <v>3</v>
      </c>
      <c r="G79" s="69">
        <v>0</v>
      </c>
      <c r="H79" s="68">
        <v>49</v>
      </c>
      <c r="I79" s="68">
        <v>30</v>
      </c>
      <c r="J79" s="68">
        <v>19</v>
      </c>
      <c r="K79" s="67">
        <v>44</v>
      </c>
      <c r="L79" s="79">
        <v>32</v>
      </c>
      <c r="M79" s="80">
        <v>12</v>
      </c>
    </row>
    <row r="80" spans="1:13">
      <c r="A80" s="27" t="s">
        <v>13</v>
      </c>
      <c r="B80" s="67">
        <v>0</v>
      </c>
      <c r="C80" s="68">
        <v>-15</v>
      </c>
      <c r="D80" s="68">
        <v>15</v>
      </c>
      <c r="E80" s="67">
        <v>6</v>
      </c>
      <c r="F80" s="68">
        <v>4</v>
      </c>
      <c r="G80" s="69">
        <v>2</v>
      </c>
      <c r="H80" s="68">
        <v>48</v>
      </c>
      <c r="I80" s="68">
        <v>17</v>
      </c>
      <c r="J80" s="68">
        <v>31</v>
      </c>
      <c r="K80" s="67">
        <v>42</v>
      </c>
      <c r="L80" s="79">
        <v>28</v>
      </c>
      <c r="M80" s="80">
        <v>14</v>
      </c>
    </row>
    <row r="81" spans="1:13" ht="21" customHeight="1">
      <c r="A81" s="38" t="s">
        <v>15</v>
      </c>
      <c r="B81" s="64">
        <v>-17</v>
      </c>
      <c r="C81" s="65">
        <v>-25</v>
      </c>
      <c r="D81" s="65">
        <v>8</v>
      </c>
      <c r="E81" s="64">
        <v>36</v>
      </c>
      <c r="F81" s="65">
        <v>26</v>
      </c>
      <c r="G81" s="66">
        <v>10</v>
      </c>
      <c r="H81" s="65">
        <v>213</v>
      </c>
      <c r="I81" s="65">
        <v>121</v>
      </c>
      <c r="J81" s="65">
        <v>92</v>
      </c>
      <c r="K81" s="64">
        <v>194</v>
      </c>
      <c r="L81" s="77">
        <v>120</v>
      </c>
      <c r="M81" s="78">
        <v>74</v>
      </c>
    </row>
    <row r="82" spans="1:13">
      <c r="A82" s="27" t="s">
        <v>17</v>
      </c>
      <c r="B82" s="67">
        <v>-10</v>
      </c>
      <c r="C82" s="68">
        <v>-9</v>
      </c>
      <c r="D82" s="68">
        <v>-1</v>
      </c>
      <c r="E82" s="67">
        <v>8</v>
      </c>
      <c r="F82" s="68">
        <v>4</v>
      </c>
      <c r="G82" s="69">
        <v>4</v>
      </c>
      <c r="H82" s="68">
        <v>51</v>
      </c>
      <c r="I82" s="68">
        <v>33</v>
      </c>
      <c r="J82" s="68">
        <v>18</v>
      </c>
      <c r="K82" s="67">
        <v>53</v>
      </c>
      <c r="L82" s="79">
        <v>38</v>
      </c>
      <c r="M82" s="80">
        <v>15</v>
      </c>
    </row>
    <row r="83" spans="1:13">
      <c r="A83" s="27" t="s">
        <v>19</v>
      </c>
      <c r="B83" s="67">
        <v>0</v>
      </c>
      <c r="C83" s="68">
        <v>-4</v>
      </c>
      <c r="D83" s="68">
        <v>4</v>
      </c>
      <c r="E83" s="67">
        <v>5</v>
      </c>
      <c r="F83" s="68">
        <v>5</v>
      </c>
      <c r="G83" s="69">
        <v>0</v>
      </c>
      <c r="H83" s="68">
        <v>44</v>
      </c>
      <c r="I83" s="68">
        <v>26</v>
      </c>
      <c r="J83" s="68">
        <v>18</v>
      </c>
      <c r="K83" s="67">
        <v>39</v>
      </c>
      <c r="L83" s="79">
        <v>25</v>
      </c>
      <c r="M83" s="80">
        <v>14</v>
      </c>
    </row>
    <row r="84" spans="1:13">
      <c r="A84" s="27" t="s">
        <v>21</v>
      </c>
      <c r="B84" s="67">
        <v>-10</v>
      </c>
      <c r="C84" s="68">
        <v>-10</v>
      </c>
      <c r="D84" s="68">
        <v>0</v>
      </c>
      <c r="E84" s="67">
        <v>9</v>
      </c>
      <c r="F84" s="68">
        <v>6</v>
      </c>
      <c r="G84" s="69">
        <v>3</v>
      </c>
      <c r="H84" s="68">
        <v>43</v>
      </c>
      <c r="I84" s="68">
        <v>23</v>
      </c>
      <c r="J84" s="68">
        <v>20</v>
      </c>
      <c r="K84" s="67">
        <v>44</v>
      </c>
      <c r="L84" s="79">
        <v>27</v>
      </c>
      <c r="M84" s="80">
        <v>17</v>
      </c>
    </row>
    <row r="85" spans="1:13">
      <c r="A85" s="27" t="s">
        <v>23</v>
      </c>
      <c r="B85" s="67">
        <v>5</v>
      </c>
      <c r="C85" s="68">
        <v>2</v>
      </c>
      <c r="D85" s="68">
        <v>3</v>
      </c>
      <c r="E85" s="67">
        <v>5</v>
      </c>
      <c r="F85" s="68">
        <v>4</v>
      </c>
      <c r="G85" s="69">
        <v>1</v>
      </c>
      <c r="H85" s="68">
        <v>38</v>
      </c>
      <c r="I85" s="68">
        <v>20</v>
      </c>
      <c r="J85" s="68">
        <v>18</v>
      </c>
      <c r="K85" s="67">
        <v>28</v>
      </c>
      <c r="L85" s="79">
        <v>14</v>
      </c>
      <c r="M85" s="80">
        <v>14</v>
      </c>
    </row>
    <row r="86" spans="1:13">
      <c r="A86" s="27" t="s">
        <v>25</v>
      </c>
      <c r="B86" s="67">
        <v>-2</v>
      </c>
      <c r="C86" s="68">
        <v>-4</v>
      </c>
      <c r="D86" s="68">
        <v>2</v>
      </c>
      <c r="E86" s="67">
        <v>9</v>
      </c>
      <c r="F86" s="68">
        <v>7</v>
      </c>
      <c r="G86" s="69">
        <v>2</v>
      </c>
      <c r="H86" s="68">
        <v>37</v>
      </c>
      <c r="I86" s="68">
        <v>19</v>
      </c>
      <c r="J86" s="68">
        <v>18</v>
      </c>
      <c r="K86" s="67">
        <v>30</v>
      </c>
      <c r="L86" s="79">
        <v>16</v>
      </c>
      <c r="M86" s="80">
        <v>14</v>
      </c>
    </row>
    <row r="87" spans="1:13" ht="21" customHeight="1">
      <c r="A87" s="38" t="s">
        <v>27</v>
      </c>
      <c r="B87" s="64">
        <v>-9</v>
      </c>
      <c r="C87" s="65">
        <v>-20</v>
      </c>
      <c r="D87" s="65">
        <v>11</v>
      </c>
      <c r="E87" s="64">
        <v>37</v>
      </c>
      <c r="F87" s="65">
        <v>25</v>
      </c>
      <c r="G87" s="66">
        <v>12</v>
      </c>
      <c r="H87" s="65">
        <v>147</v>
      </c>
      <c r="I87" s="65">
        <v>75</v>
      </c>
      <c r="J87" s="65">
        <v>72</v>
      </c>
      <c r="K87" s="64">
        <v>119</v>
      </c>
      <c r="L87" s="77">
        <v>70</v>
      </c>
      <c r="M87" s="78">
        <v>49</v>
      </c>
    </row>
    <row r="88" spans="1:13">
      <c r="A88" s="27" t="s">
        <v>29</v>
      </c>
      <c r="B88" s="67">
        <v>-7</v>
      </c>
      <c r="C88" s="68">
        <v>-9</v>
      </c>
      <c r="D88" s="68">
        <v>2</v>
      </c>
      <c r="E88" s="67">
        <v>11</v>
      </c>
      <c r="F88" s="68">
        <v>8</v>
      </c>
      <c r="G88" s="69">
        <v>3</v>
      </c>
      <c r="H88" s="68">
        <v>38</v>
      </c>
      <c r="I88" s="68">
        <v>22</v>
      </c>
      <c r="J88" s="68">
        <v>16</v>
      </c>
      <c r="K88" s="67">
        <v>34</v>
      </c>
      <c r="L88" s="79">
        <v>23</v>
      </c>
      <c r="M88" s="80">
        <v>11</v>
      </c>
    </row>
    <row r="89" spans="1:13">
      <c r="A89" s="27" t="s">
        <v>31</v>
      </c>
      <c r="B89" s="67">
        <v>13</v>
      </c>
      <c r="C89" s="68">
        <v>9</v>
      </c>
      <c r="D89" s="68">
        <v>4</v>
      </c>
      <c r="E89" s="67">
        <v>7</v>
      </c>
      <c r="F89" s="68">
        <v>4</v>
      </c>
      <c r="G89" s="69">
        <v>3</v>
      </c>
      <c r="H89" s="68">
        <v>39</v>
      </c>
      <c r="I89" s="68">
        <v>25</v>
      </c>
      <c r="J89" s="68">
        <v>14</v>
      </c>
      <c r="K89" s="67">
        <v>19</v>
      </c>
      <c r="L89" s="79">
        <v>12</v>
      </c>
      <c r="M89" s="80">
        <v>7</v>
      </c>
    </row>
    <row r="90" spans="1:13">
      <c r="A90" s="27" t="s">
        <v>33</v>
      </c>
      <c r="B90" s="67">
        <v>-11</v>
      </c>
      <c r="C90" s="68">
        <v>-11</v>
      </c>
      <c r="D90" s="68">
        <v>0</v>
      </c>
      <c r="E90" s="67">
        <v>5</v>
      </c>
      <c r="F90" s="68">
        <v>2</v>
      </c>
      <c r="G90" s="69">
        <v>3</v>
      </c>
      <c r="H90" s="68">
        <v>20</v>
      </c>
      <c r="I90" s="68">
        <v>4</v>
      </c>
      <c r="J90" s="68">
        <v>16</v>
      </c>
      <c r="K90" s="67">
        <v>26</v>
      </c>
      <c r="L90" s="79">
        <v>13</v>
      </c>
      <c r="M90" s="80">
        <v>13</v>
      </c>
    </row>
    <row r="91" spans="1:13">
      <c r="A91" s="27" t="s">
        <v>35</v>
      </c>
      <c r="B91" s="67">
        <v>-5</v>
      </c>
      <c r="C91" s="68">
        <v>-5</v>
      </c>
      <c r="D91" s="68">
        <v>0</v>
      </c>
      <c r="E91" s="67">
        <v>10</v>
      </c>
      <c r="F91" s="68">
        <v>7</v>
      </c>
      <c r="G91" s="69">
        <v>3</v>
      </c>
      <c r="H91" s="68">
        <v>25</v>
      </c>
      <c r="I91" s="68">
        <v>12</v>
      </c>
      <c r="J91" s="68">
        <v>13</v>
      </c>
      <c r="K91" s="67">
        <v>20</v>
      </c>
      <c r="L91" s="79">
        <v>10</v>
      </c>
      <c r="M91" s="80">
        <v>10</v>
      </c>
    </row>
    <row r="92" spans="1:13">
      <c r="A92" s="27" t="s">
        <v>37</v>
      </c>
      <c r="B92" s="67">
        <v>1</v>
      </c>
      <c r="C92" s="68">
        <v>-4</v>
      </c>
      <c r="D92" s="68">
        <v>5</v>
      </c>
      <c r="E92" s="67">
        <v>4</v>
      </c>
      <c r="F92" s="68">
        <v>4</v>
      </c>
      <c r="G92" s="69">
        <v>0</v>
      </c>
      <c r="H92" s="68">
        <v>25</v>
      </c>
      <c r="I92" s="68">
        <v>12</v>
      </c>
      <c r="J92" s="68">
        <v>13</v>
      </c>
      <c r="K92" s="67">
        <v>20</v>
      </c>
      <c r="L92" s="79">
        <v>12</v>
      </c>
      <c r="M92" s="80">
        <v>8</v>
      </c>
    </row>
    <row r="93" spans="1:13" ht="21" customHeight="1">
      <c r="A93" s="38" t="s">
        <v>39</v>
      </c>
      <c r="B93" s="64">
        <v>-16</v>
      </c>
      <c r="C93" s="65">
        <v>-12</v>
      </c>
      <c r="D93" s="65">
        <v>-4</v>
      </c>
      <c r="E93" s="64">
        <v>47</v>
      </c>
      <c r="F93" s="65">
        <v>25</v>
      </c>
      <c r="G93" s="66">
        <v>22</v>
      </c>
      <c r="H93" s="65">
        <v>111</v>
      </c>
      <c r="I93" s="65">
        <v>57</v>
      </c>
      <c r="J93" s="65">
        <v>54</v>
      </c>
      <c r="K93" s="64">
        <v>80</v>
      </c>
      <c r="L93" s="77">
        <v>44</v>
      </c>
      <c r="M93" s="78">
        <v>36</v>
      </c>
    </row>
    <row r="94" spans="1:13">
      <c r="A94" s="27" t="s">
        <v>41</v>
      </c>
      <c r="B94" s="67">
        <v>-6</v>
      </c>
      <c r="C94" s="68">
        <v>-1</v>
      </c>
      <c r="D94" s="68">
        <v>-5</v>
      </c>
      <c r="E94" s="67">
        <v>6</v>
      </c>
      <c r="F94" s="68">
        <v>4</v>
      </c>
      <c r="G94" s="69">
        <v>2</v>
      </c>
      <c r="H94" s="68">
        <v>21</v>
      </c>
      <c r="I94" s="68">
        <v>13</v>
      </c>
      <c r="J94" s="68">
        <v>8</v>
      </c>
      <c r="K94" s="67">
        <v>21</v>
      </c>
      <c r="L94" s="79">
        <v>10</v>
      </c>
      <c r="M94" s="80">
        <v>11</v>
      </c>
    </row>
    <row r="95" spans="1:13">
      <c r="A95" s="27" t="s">
        <v>43</v>
      </c>
      <c r="B95" s="67">
        <v>2</v>
      </c>
      <c r="C95" s="68">
        <v>-4</v>
      </c>
      <c r="D95" s="68">
        <v>6</v>
      </c>
      <c r="E95" s="67">
        <v>9</v>
      </c>
      <c r="F95" s="68">
        <v>5</v>
      </c>
      <c r="G95" s="69">
        <v>4</v>
      </c>
      <c r="H95" s="68">
        <v>26</v>
      </c>
      <c r="I95" s="68">
        <v>12</v>
      </c>
      <c r="J95" s="68">
        <v>14</v>
      </c>
      <c r="K95" s="67">
        <v>15</v>
      </c>
      <c r="L95" s="79">
        <v>11</v>
      </c>
      <c r="M95" s="80">
        <v>4</v>
      </c>
    </row>
    <row r="96" spans="1:13">
      <c r="A96" s="27" t="s">
        <v>45</v>
      </c>
      <c r="B96" s="67">
        <v>2</v>
      </c>
      <c r="C96" s="68">
        <v>4</v>
      </c>
      <c r="D96" s="68">
        <v>-2</v>
      </c>
      <c r="E96" s="67">
        <v>10</v>
      </c>
      <c r="F96" s="68">
        <v>7</v>
      </c>
      <c r="G96" s="69">
        <v>3</v>
      </c>
      <c r="H96" s="68">
        <v>25</v>
      </c>
      <c r="I96" s="68">
        <v>15</v>
      </c>
      <c r="J96" s="68">
        <v>10</v>
      </c>
      <c r="K96" s="67">
        <v>13</v>
      </c>
      <c r="L96" s="79">
        <v>4</v>
      </c>
      <c r="M96" s="80">
        <v>9</v>
      </c>
    </row>
    <row r="97" spans="1:13">
      <c r="A97" s="27" t="s">
        <v>47</v>
      </c>
      <c r="B97" s="67">
        <v>-1</v>
      </c>
      <c r="C97" s="68">
        <v>-2</v>
      </c>
      <c r="D97" s="68">
        <v>1</v>
      </c>
      <c r="E97" s="67">
        <v>9</v>
      </c>
      <c r="F97" s="68">
        <v>3</v>
      </c>
      <c r="G97" s="69">
        <v>6</v>
      </c>
      <c r="H97" s="68">
        <v>24</v>
      </c>
      <c r="I97" s="68">
        <v>10</v>
      </c>
      <c r="J97" s="68">
        <v>14</v>
      </c>
      <c r="K97" s="67">
        <v>16</v>
      </c>
      <c r="L97" s="79">
        <v>9</v>
      </c>
      <c r="M97" s="80">
        <v>7</v>
      </c>
    </row>
    <row r="98" spans="1:13">
      <c r="A98" s="27" t="s">
        <v>49</v>
      </c>
      <c r="B98" s="67">
        <v>-13</v>
      </c>
      <c r="C98" s="68">
        <v>-9</v>
      </c>
      <c r="D98" s="68">
        <v>-4</v>
      </c>
      <c r="E98" s="67">
        <v>13</v>
      </c>
      <c r="F98" s="68">
        <v>6</v>
      </c>
      <c r="G98" s="69">
        <v>7</v>
      </c>
      <c r="H98" s="68">
        <v>15</v>
      </c>
      <c r="I98" s="68">
        <v>7</v>
      </c>
      <c r="J98" s="68">
        <v>8</v>
      </c>
      <c r="K98" s="67">
        <v>15</v>
      </c>
      <c r="L98" s="79">
        <v>10</v>
      </c>
      <c r="M98" s="80">
        <v>5</v>
      </c>
    </row>
    <row r="99" spans="1:13" ht="21" customHeight="1">
      <c r="A99" s="38" t="s">
        <v>51</v>
      </c>
      <c r="B99" s="64">
        <v>-80</v>
      </c>
      <c r="C99" s="65">
        <v>-48</v>
      </c>
      <c r="D99" s="65">
        <v>-32</v>
      </c>
      <c r="E99" s="64">
        <v>115</v>
      </c>
      <c r="F99" s="65">
        <v>71</v>
      </c>
      <c r="G99" s="66">
        <v>44</v>
      </c>
      <c r="H99" s="65">
        <v>110</v>
      </c>
      <c r="I99" s="65">
        <v>60</v>
      </c>
      <c r="J99" s="65">
        <v>50</v>
      </c>
      <c r="K99" s="64">
        <v>75</v>
      </c>
      <c r="L99" s="77">
        <v>37</v>
      </c>
      <c r="M99" s="78">
        <v>38</v>
      </c>
    </row>
    <row r="100" spans="1:13">
      <c r="A100" s="27" t="s">
        <v>53</v>
      </c>
      <c r="B100" s="67">
        <v>-10</v>
      </c>
      <c r="C100" s="68">
        <v>0</v>
      </c>
      <c r="D100" s="68">
        <v>-10</v>
      </c>
      <c r="E100" s="67">
        <v>14</v>
      </c>
      <c r="F100" s="68">
        <v>8</v>
      </c>
      <c r="G100" s="69">
        <v>6</v>
      </c>
      <c r="H100" s="68">
        <v>22</v>
      </c>
      <c r="I100" s="68">
        <v>13</v>
      </c>
      <c r="J100" s="68">
        <v>9</v>
      </c>
      <c r="K100" s="67">
        <v>18</v>
      </c>
      <c r="L100" s="79">
        <v>5</v>
      </c>
      <c r="M100" s="80">
        <v>13</v>
      </c>
    </row>
    <row r="101" spans="1:13">
      <c r="A101" s="27" t="s">
        <v>55</v>
      </c>
      <c r="B101" s="67">
        <v>-11</v>
      </c>
      <c r="C101" s="68">
        <v>-8</v>
      </c>
      <c r="D101" s="68">
        <v>-3</v>
      </c>
      <c r="E101" s="67">
        <v>18</v>
      </c>
      <c r="F101" s="68">
        <v>12</v>
      </c>
      <c r="G101" s="69">
        <v>6</v>
      </c>
      <c r="H101" s="68">
        <v>22</v>
      </c>
      <c r="I101" s="68">
        <v>13</v>
      </c>
      <c r="J101" s="68">
        <v>9</v>
      </c>
      <c r="K101" s="67">
        <v>15</v>
      </c>
      <c r="L101" s="79">
        <v>9</v>
      </c>
      <c r="M101" s="80">
        <v>6</v>
      </c>
    </row>
    <row r="102" spans="1:13">
      <c r="A102" s="27" t="s">
        <v>57</v>
      </c>
      <c r="B102" s="67">
        <v>-2</v>
      </c>
      <c r="C102" s="68">
        <v>-1</v>
      </c>
      <c r="D102" s="68">
        <v>-1</v>
      </c>
      <c r="E102" s="67">
        <v>24</v>
      </c>
      <c r="F102" s="68">
        <v>16</v>
      </c>
      <c r="G102" s="69">
        <v>8</v>
      </c>
      <c r="H102" s="68">
        <v>30</v>
      </c>
      <c r="I102" s="68">
        <v>17</v>
      </c>
      <c r="J102" s="68">
        <v>13</v>
      </c>
      <c r="K102" s="67">
        <v>8</v>
      </c>
      <c r="L102" s="79">
        <v>2</v>
      </c>
      <c r="M102" s="80">
        <v>6</v>
      </c>
    </row>
    <row r="103" spans="1:13">
      <c r="A103" s="27" t="s">
        <v>59</v>
      </c>
      <c r="B103" s="67">
        <v>-24</v>
      </c>
      <c r="C103" s="68">
        <v>-21</v>
      </c>
      <c r="D103" s="68">
        <v>-3</v>
      </c>
      <c r="E103" s="67">
        <v>25</v>
      </c>
      <c r="F103" s="68">
        <v>17</v>
      </c>
      <c r="G103" s="69">
        <v>8</v>
      </c>
      <c r="H103" s="68">
        <v>17</v>
      </c>
      <c r="I103" s="68">
        <v>7</v>
      </c>
      <c r="J103" s="68">
        <v>10</v>
      </c>
      <c r="K103" s="67">
        <v>16</v>
      </c>
      <c r="L103" s="79">
        <v>11</v>
      </c>
      <c r="M103" s="80">
        <v>5</v>
      </c>
    </row>
    <row r="104" spans="1:13">
      <c r="A104" s="27" t="s">
        <v>61</v>
      </c>
      <c r="B104" s="67">
        <v>-33</v>
      </c>
      <c r="C104" s="68">
        <v>-18</v>
      </c>
      <c r="D104" s="68">
        <v>-15</v>
      </c>
      <c r="E104" s="67">
        <v>34</v>
      </c>
      <c r="F104" s="68">
        <v>18</v>
      </c>
      <c r="G104" s="69">
        <v>16</v>
      </c>
      <c r="H104" s="68">
        <v>19</v>
      </c>
      <c r="I104" s="68">
        <v>10</v>
      </c>
      <c r="J104" s="68">
        <v>9</v>
      </c>
      <c r="K104" s="67">
        <v>18</v>
      </c>
      <c r="L104" s="79">
        <v>10</v>
      </c>
      <c r="M104" s="80">
        <v>8</v>
      </c>
    </row>
    <row r="105" spans="1:13" ht="21" customHeight="1">
      <c r="A105" s="38" t="s">
        <v>63</v>
      </c>
      <c r="B105" s="64">
        <v>-144</v>
      </c>
      <c r="C105" s="65">
        <v>-114</v>
      </c>
      <c r="D105" s="65">
        <v>-30</v>
      </c>
      <c r="E105" s="64">
        <v>178</v>
      </c>
      <c r="F105" s="65">
        <v>125</v>
      </c>
      <c r="G105" s="66">
        <v>53</v>
      </c>
      <c r="H105" s="65">
        <v>94</v>
      </c>
      <c r="I105" s="65">
        <v>38</v>
      </c>
      <c r="J105" s="65">
        <v>56</v>
      </c>
      <c r="K105" s="64">
        <v>60</v>
      </c>
      <c r="L105" s="77">
        <v>27</v>
      </c>
      <c r="M105" s="78">
        <v>33</v>
      </c>
    </row>
    <row r="106" spans="1:13">
      <c r="A106" s="27" t="s">
        <v>65</v>
      </c>
      <c r="B106" s="67">
        <v>-31</v>
      </c>
      <c r="C106" s="68">
        <v>-27</v>
      </c>
      <c r="D106" s="68">
        <v>-4</v>
      </c>
      <c r="E106" s="67">
        <v>39</v>
      </c>
      <c r="F106" s="68">
        <v>25</v>
      </c>
      <c r="G106" s="69">
        <v>14</v>
      </c>
      <c r="H106" s="68">
        <v>24</v>
      </c>
      <c r="I106" s="68">
        <v>10</v>
      </c>
      <c r="J106" s="68">
        <v>14</v>
      </c>
      <c r="K106" s="67">
        <v>16</v>
      </c>
      <c r="L106" s="79">
        <v>12</v>
      </c>
      <c r="M106" s="80">
        <v>4</v>
      </c>
    </row>
    <row r="107" spans="1:13">
      <c r="A107" s="27" t="s">
        <v>67</v>
      </c>
      <c r="B107" s="67">
        <v>-25</v>
      </c>
      <c r="C107" s="68">
        <v>-20</v>
      </c>
      <c r="D107" s="68">
        <v>-5</v>
      </c>
      <c r="E107" s="67">
        <v>24</v>
      </c>
      <c r="F107" s="68">
        <v>19</v>
      </c>
      <c r="G107" s="69">
        <v>5</v>
      </c>
      <c r="H107" s="68">
        <v>15</v>
      </c>
      <c r="I107" s="68">
        <v>8</v>
      </c>
      <c r="J107" s="68">
        <v>7</v>
      </c>
      <c r="K107" s="67">
        <v>16</v>
      </c>
      <c r="L107" s="79">
        <v>9</v>
      </c>
      <c r="M107" s="80">
        <v>7</v>
      </c>
    </row>
    <row r="108" spans="1:13">
      <c r="A108" s="27" t="s">
        <v>69</v>
      </c>
      <c r="B108" s="67">
        <v>-28</v>
      </c>
      <c r="C108" s="68">
        <v>-22</v>
      </c>
      <c r="D108" s="68">
        <v>-6</v>
      </c>
      <c r="E108" s="67">
        <v>35</v>
      </c>
      <c r="F108" s="68">
        <v>27</v>
      </c>
      <c r="G108" s="69">
        <v>8</v>
      </c>
      <c r="H108" s="68">
        <v>14</v>
      </c>
      <c r="I108" s="68">
        <v>6</v>
      </c>
      <c r="J108" s="68">
        <v>8</v>
      </c>
      <c r="K108" s="67">
        <v>7</v>
      </c>
      <c r="L108" s="79">
        <v>1</v>
      </c>
      <c r="M108" s="80">
        <v>6</v>
      </c>
    </row>
    <row r="109" spans="1:13">
      <c r="A109" s="27" t="s">
        <v>71</v>
      </c>
      <c r="B109" s="67">
        <v>-28</v>
      </c>
      <c r="C109" s="68">
        <v>-24</v>
      </c>
      <c r="D109" s="68">
        <v>-4</v>
      </c>
      <c r="E109" s="67">
        <v>37</v>
      </c>
      <c r="F109" s="68">
        <v>28</v>
      </c>
      <c r="G109" s="69">
        <v>9</v>
      </c>
      <c r="H109" s="68">
        <v>18</v>
      </c>
      <c r="I109" s="68">
        <v>5</v>
      </c>
      <c r="J109" s="68">
        <v>13</v>
      </c>
      <c r="K109" s="67">
        <v>9</v>
      </c>
      <c r="L109" s="79">
        <v>1</v>
      </c>
      <c r="M109" s="80">
        <v>8</v>
      </c>
    </row>
    <row r="110" spans="1:13">
      <c r="A110" s="27" t="s">
        <v>73</v>
      </c>
      <c r="B110" s="67">
        <v>-32</v>
      </c>
      <c r="C110" s="68">
        <v>-21</v>
      </c>
      <c r="D110" s="68">
        <v>-11</v>
      </c>
      <c r="E110" s="67">
        <v>43</v>
      </c>
      <c r="F110" s="68">
        <v>26</v>
      </c>
      <c r="G110" s="69">
        <v>17</v>
      </c>
      <c r="H110" s="68">
        <v>23</v>
      </c>
      <c r="I110" s="68">
        <v>9</v>
      </c>
      <c r="J110" s="68">
        <v>14</v>
      </c>
      <c r="K110" s="67">
        <v>12</v>
      </c>
      <c r="L110" s="79">
        <v>4</v>
      </c>
      <c r="M110" s="80">
        <v>8</v>
      </c>
    </row>
    <row r="111" spans="1:13" ht="21" customHeight="1">
      <c r="A111" s="38" t="s">
        <v>75</v>
      </c>
      <c r="B111" s="64">
        <v>-212</v>
      </c>
      <c r="C111" s="65">
        <v>-148</v>
      </c>
      <c r="D111" s="65">
        <v>-64</v>
      </c>
      <c r="E111" s="64">
        <v>240</v>
      </c>
      <c r="F111" s="65">
        <v>153</v>
      </c>
      <c r="G111" s="66">
        <v>87</v>
      </c>
      <c r="H111" s="65">
        <v>84</v>
      </c>
      <c r="I111" s="65">
        <v>25</v>
      </c>
      <c r="J111" s="65">
        <v>59</v>
      </c>
      <c r="K111" s="64">
        <v>56</v>
      </c>
      <c r="L111" s="77">
        <v>20</v>
      </c>
      <c r="M111" s="78">
        <v>36</v>
      </c>
    </row>
    <row r="112" spans="1:13">
      <c r="A112" s="27" t="s">
        <v>77</v>
      </c>
      <c r="B112" s="67">
        <v>-46</v>
      </c>
      <c r="C112" s="68">
        <v>-32</v>
      </c>
      <c r="D112" s="68">
        <v>-14</v>
      </c>
      <c r="E112" s="67">
        <v>47</v>
      </c>
      <c r="F112" s="68">
        <v>33</v>
      </c>
      <c r="G112" s="69">
        <v>14</v>
      </c>
      <c r="H112" s="68">
        <v>15</v>
      </c>
      <c r="I112" s="68">
        <v>5</v>
      </c>
      <c r="J112" s="68">
        <v>10</v>
      </c>
      <c r="K112" s="67">
        <v>14</v>
      </c>
      <c r="L112" s="79">
        <v>4</v>
      </c>
      <c r="M112" s="80">
        <v>10</v>
      </c>
    </row>
    <row r="113" spans="1:13">
      <c r="A113" s="27" t="s">
        <v>79</v>
      </c>
      <c r="B113" s="67">
        <v>-51</v>
      </c>
      <c r="C113" s="68">
        <v>-33</v>
      </c>
      <c r="D113" s="68">
        <v>-18</v>
      </c>
      <c r="E113" s="67">
        <v>52</v>
      </c>
      <c r="F113" s="68">
        <v>32</v>
      </c>
      <c r="G113" s="69">
        <v>20</v>
      </c>
      <c r="H113" s="68">
        <v>12</v>
      </c>
      <c r="I113" s="68">
        <v>4</v>
      </c>
      <c r="J113" s="68">
        <v>8</v>
      </c>
      <c r="K113" s="67">
        <v>11</v>
      </c>
      <c r="L113" s="79">
        <v>5</v>
      </c>
      <c r="M113" s="80">
        <v>6</v>
      </c>
    </row>
    <row r="114" spans="1:13">
      <c r="A114" s="27" t="s">
        <v>81</v>
      </c>
      <c r="B114" s="67">
        <v>-48</v>
      </c>
      <c r="C114" s="68">
        <v>-30</v>
      </c>
      <c r="D114" s="68">
        <v>-18</v>
      </c>
      <c r="E114" s="67">
        <v>51</v>
      </c>
      <c r="F114" s="68">
        <v>33</v>
      </c>
      <c r="G114" s="69">
        <v>18</v>
      </c>
      <c r="H114" s="68">
        <v>17</v>
      </c>
      <c r="I114" s="68">
        <v>7</v>
      </c>
      <c r="J114" s="68">
        <v>10</v>
      </c>
      <c r="K114" s="67">
        <v>14</v>
      </c>
      <c r="L114" s="79">
        <v>4</v>
      </c>
      <c r="M114" s="80">
        <v>10</v>
      </c>
    </row>
    <row r="115" spans="1:13">
      <c r="A115" s="27" t="s">
        <v>83</v>
      </c>
      <c r="B115" s="67">
        <v>-39</v>
      </c>
      <c r="C115" s="68">
        <v>-29</v>
      </c>
      <c r="D115" s="68">
        <v>-10</v>
      </c>
      <c r="E115" s="67">
        <v>52</v>
      </c>
      <c r="F115" s="68">
        <v>32</v>
      </c>
      <c r="G115" s="69">
        <v>20</v>
      </c>
      <c r="H115" s="68">
        <v>23</v>
      </c>
      <c r="I115" s="68">
        <v>6</v>
      </c>
      <c r="J115" s="68">
        <v>17</v>
      </c>
      <c r="K115" s="67">
        <v>10</v>
      </c>
      <c r="L115" s="79">
        <v>3</v>
      </c>
      <c r="M115" s="80">
        <v>7</v>
      </c>
    </row>
    <row r="116" spans="1:13">
      <c r="A116" s="27" t="s">
        <v>85</v>
      </c>
      <c r="B116" s="67">
        <v>-28</v>
      </c>
      <c r="C116" s="68">
        <v>-24</v>
      </c>
      <c r="D116" s="68">
        <v>-4</v>
      </c>
      <c r="E116" s="67">
        <v>38</v>
      </c>
      <c r="F116" s="68">
        <v>23</v>
      </c>
      <c r="G116" s="69">
        <v>15</v>
      </c>
      <c r="H116" s="68">
        <v>17</v>
      </c>
      <c r="I116" s="68">
        <v>3</v>
      </c>
      <c r="J116" s="68">
        <v>14</v>
      </c>
      <c r="K116" s="67">
        <v>7</v>
      </c>
      <c r="L116" s="79">
        <v>4</v>
      </c>
      <c r="M116" s="80">
        <v>3</v>
      </c>
    </row>
    <row r="117" spans="1:13" ht="21" customHeight="1">
      <c r="A117" s="38" t="s">
        <v>87</v>
      </c>
      <c r="B117" s="64">
        <v>-201</v>
      </c>
      <c r="C117" s="65">
        <v>-123</v>
      </c>
      <c r="D117" s="65">
        <v>-78</v>
      </c>
      <c r="E117" s="64">
        <v>256</v>
      </c>
      <c r="F117" s="65">
        <v>139</v>
      </c>
      <c r="G117" s="66">
        <v>117</v>
      </c>
      <c r="H117" s="65">
        <v>87</v>
      </c>
      <c r="I117" s="65">
        <v>27</v>
      </c>
      <c r="J117" s="65">
        <v>60</v>
      </c>
      <c r="K117" s="64">
        <v>32</v>
      </c>
      <c r="L117" s="77">
        <v>11</v>
      </c>
      <c r="M117" s="78">
        <v>21</v>
      </c>
    </row>
    <row r="118" spans="1:13">
      <c r="A118" s="27" t="s">
        <v>89</v>
      </c>
      <c r="B118" s="67">
        <v>-41</v>
      </c>
      <c r="C118" s="68">
        <v>-25</v>
      </c>
      <c r="D118" s="68">
        <v>-16</v>
      </c>
      <c r="E118" s="67">
        <v>54</v>
      </c>
      <c r="F118" s="68">
        <v>30</v>
      </c>
      <c r="G118" s="69">
        <v>24</v>
      </c>
      <c r="H118" s="68">
        <v>20</v>
      </c>
      <c r="I118" s="68">
        <v>6</v>
      </c>
      <c r="J118" s="68">
        <v>14</v>
      </c>
      <c r="K118" s="67">
        <v>7</v>
      </c>
      <c r="L118" s="79">
        <v>1</v>
      </c>
      <c r="M118" s="80">
        <v>6</v>
      </c>
    </row>
    <row r="119" spans="1:13">
      <c r="A119" s="27" t="s">
        <v>91</v>
      </c>
      <c r="B119" s="67">
        <v>-49</v>
      </c>
      <c r="C119" s="68">
        <v>-30</v>
      </c>
      <c r="D119" s="68">
        <v>-19</v>
      </c>
      <c r="E119" s="67">
        <v>54</v>
      </c>
      <c r="F119" s="68">
        <v>29</v>
      </c>
      <c r="G119" s="69">
        <v>25</v>
      </c>
      <c r="H119" s="68">
        <v>14</v>
      </c>
      <c r="I119" s="68">
        <v>3</v>
      </c>
      <c r="J119" s="68">
        <v>11</v>
      </c>
      <c r="K119" s="67">
        <v>9</v>
      </c>
      <c r="L119" s="79">
        <v>4</v>
      </c>
      <c r="M119" s="80">
        <v>5</v>
      </c>
    </row>
    <row r="120" spans="1:13">
      <c r="A120" s="27" t="s">
        <v>93</v>
      </c>
      <c r="B120" s="67">
        <v>-41</v>
      </c>
      <c r="C120" s="68">
        <v>-24</v>
      </c>
      <c r="D120" s="68">
        <v>-17</v>
      </c>
      <c r="E120" s="67">
        <v>50</v>
      </c>
      <c r="F120" s="68">
        <v>25</v>
      </c>
      <c r="G120" s="69">
        <v>25</v>
      </c>
      <c r="H120" s="68">
        <v>14</v>
      </c>
      <c r="I120" s="68">
        <v>3</v>
      </c>
      <c r="J120" s="68">
        <v>11</v>
      </c>
      <c r="K120" s="67">
        <v>5</v>
      </c>
      <c r="L120" s="79">
        <v>2</v>
      </c>
      <c r="M120" s="80">
        <v>3</v>
      </c>
    </row>
    <row r="121" spans="1:13">
      <c r="A121" s="27" t="s">
        <v>95</v>
      </c>
      <c r="B121" s="67">
        <v>-37</v>
      </c>
      <c r="C121" s="68">
        <v>-23</v>
      </c>
      <c r="D121" s="68">
        <v>-14</v>
      </c>
      <c r="E121" s="67">
        <v>52</v>
      </c>
      <c r="F121" s="68">
        <v>32</v>
      </c>
      <c r="G121" s="69">
        <v>20</v>
      </c>
      <c r="H121" s="68">
        <v>22</v>
      </c>
      <c r="I121" s="68">
        <v>11</v>
      </c>
      <c r="J121" s="68">
        <v>11</v>
      </c>
      <c r="K121" s="67">
        <v>7</v>
      </c>
      <c r="L121" s="79">
        <v>2</v>
      </c>
      <c r="M121" s="80">
        <v>5</v>
      </c>
    </row>
    <row r="122" spans="1:13">
      <c r="A122" s="27" t="s">
        <v>97</v>
      </c>
      <c r="B122" s="67">
        <v>-33</v>
      </c>
      <c r="C122" s="68">
        <v>-21</v>
      </c>
      <c r="D122" s="68">
        <v>-12</v>
      </c>
      <c r="E122" s="67">
        <v>46</v>
      </c>
      <c r="F122" s="68">
        <v>23</v>
      </c>
      <c r="G122" s="69">
        <v>23</v>
      </c>
      <c r="H122" s="68">
        <v>17</v>
      </c>
      <c r="I122" s="68">
        <v>4</v>
      </c>
      <c r="J122" s="68">
        <v>13</v>
      </c>
      <c r="K122" s="67">
        <v>4</v>
      </c>
      <c r="L122" s="79">
        <v>2</v>
      </c>
      <c r="M122" s="80">
        <v>2</v>
      </c>
    </row>
    <row r="123" spans="1:13" ht="21" customHeight="1">
      <c r="A123" s="38" t="s">
        <v>99</v>
      </c>
      <c r="B123" s="64">
        <v>-196</v>
      </c>
      <c r="C123" s="65">
        <v>-70</v>
      </c>
      <c r="D123" s="65">
        <v>-126</v>
      </c>
      <c r="E123" s="64">
        <v>206</v>
      </c>
      <c r="F123" s="65">
        <v>70</v>
      </c>
      <c r="G123" s="66">
        <v>136</v>
      </c>
      <c r="H123" s="65">
        <v>32</v>
      </c>
      <c r="I123" s="65">
        <v>8</v>
      </c>
      <c r="J123" s="65">
        <v>24</v>
      </c>
      <c r="K123" s="64">
        <v>22</v>
      </c>
      <c r="L123" s="77">
        <v>8</v>
      </c>
      <c r="M123" s="78">
        <v>14</v>
      </c>
    </row>
    <row r="124" spans="1:13">
      <c r="A124" s="27" t="s">
        <v>101</v>
      </c>
      <c r="B124" s="67">
        <v>-56</v>
      </c>
      <c r="C124" s="68">
        <v>-23</v>
      </c>
      <c r="D124" s="68">
        <v>-33</v>
      </c>
      <c r="E124" s="67">
        <v>57</v>
      </c>
      <c r="F124" s="68">
        <v>23</v>
      </c>
      <c r="G124" s="69">
        <v>34</v>
      </c>
      <c r="H124" s="68">
        <v>10</v>
      </c>
      <c r="I124" s="68">
        <v>2</v>
      </c>
      <c r="J124" s="68">
        <v>8</v>
      </c>
      <c r="K124" s="67">
        <v>9</v>
      </c>
      <c r="L124" s="79">
        <v>2</v>
      </c>
      <c r="M124" s="80">
        <v>7</v>
      </c>
    </row>
    <row r="125" spans="1:13">
      <c r="A125" s="27" t="s">
        <v>103</v>
      </c>
      <c r="B125" s="67">
        <v>-31</v>
      </c>
      <c r="C125" s="68">
        <v>-11</v>
      </c>
      <c r="D125" s="68">
        <v>-20</v>
      </c>
      <c r="E125" s="67">
        <v>40</v>
      </c>
      <c r="F125" s="68">
        <v>13</v>
      </c>
      <c r="G125" s="69">
        <v>27</v>
      </c>
      <c r="H125" s="68">
        <v>11</v>
      </c>
      <c r="I125" s="68">
        <v>3</v>
      </c>
      <c r="J125" s="68">
        <v>8</v>
      </c>
      <c r="K125" s="67">
        <v>2</v>
      </c>
      <c r="L125" s="79">
        <v>1</v>
      </c>
      <c r="M125" s="80">
        <v>1</v>
      </c>
    </row>
    <row r="126" spans="1:13">
      <c r="A126" s="27" t="s">
        <v>105</v>
      </c>
      <c r="B126" s="67">
        <v>-40</v>
      </c>
      <c r="C126" s="68">
        <v>-12</v>
      </c>
      <c r="D126" s="68">
        <v>-28</v>
      </c>
      <c r="E126" s="67">
        <v>39</v>
      </c>
      <c r="F126" s="68">
        <v>11</v>
      </c>
      <c r="G126" s="69">
        <v>28</v>
      </c>
      <c r="H126" s="68">
        <v>4</v>
      </c>
      <c r="I126" s="68">
        <v>2</v>
      </c>
      <c r="J126" s="68">
        <v>2</v>
      </c>
      <c r="K126" s="67">
        <v>5</v>
      </c>
      <c r="L126" s="79">
        <v>3</v>
      </c>
      <c r="M126" s="80">
        <v>2</v>
      </c>
    </row>
    <row r="127" spans="1:13">
      <c r="A127" s="27" t="s">
        <v>107</v>
      </c>
      <c r="B127" s="67">
        <v>-44</v>
      </c>
      <c r="C127" s="68">
        <v>-18</v>
      </c>
      <c r="D127" s="68">
        <v>-26</v>
      </c>
      <c r="E127" s="67">
        <v>43</v>
      </c>
      <c r="F127" s="68">
        <v>17</v>
      </c>
      <c r="G127" s="69">
        <v>26</v>
      </c>
      <c r="H127" s="68">
        <v>4</v>
      </c>
      <c r="I127" s="68">
        <v>1</v>
      </c>
      <c r="J127" s="68">
        <v>3</v>
      </c>
      <c r="K127" s="67">
        <v>5</v>
      </c>
      <c r="L127" s="79">
        <v>2</v>
      </c>
      <c r="M127" s="80">
        <v>3</v>
      </c>
    </row>
    <row r="128" spans="1:13">
      <c r="A128" s="27" t="s">
        <v>109</v>
      </c>
      <c r="B128" s="67">
        <v>-25</v>
      </c>
      <c r="C128" s="68">
        <v>-6</v>
      </c>
      <c r="D128" s="68">
        <v>-19</v>
      </c>
      <c r="E128" s="67">
        <v>27</v>
      </c>
      <c r="F128" s="68">
        <v>6</v>
      </c>
      <c r="G128" s="69">
        <v>21</v>
      </c>
      <c r="H128" s="68">
        <v>3</v>
      </c>
      <c r="I128" s="68">
        <v>0</v>
      </c>
      <c r="J128" s="68">
        <v>3</v>
      </c>
      <c r="K128" s="67">
        <v>1</v>
      </c>
      <c r="L128" s="79">
        <v>0</v>
      </c>
      <c r="M128" s="80">
        <v>1</v>
      </c>
    </row>
    <row r="129" spans="1:14" ht="21" customHeight="1">
      <c r="A129" s="38" t="s">
        <v>111</v>
      </c>
      <c r="B129" s="64">
        <v>-85</v>
      </c>
      <c r="C129" s="65">
        <v>-33</v>
      </c>
      <c r="D129" s="65">
        <v>-52</v>
      </c>
      <c r="E129" s="64">
        <v>99</v>
      </c>
      <c r="F129" s="65">
        <v>37</v>
      </c>
      <c r="G129" s="66">
        <v>62</v>
      </c>
      <c r="H129" s="65">
        <v>16</v>
      </c>
      <c r="I129" s="65">
        <v>4</v>
      </c>
      <c r="J129" s="65">
        <v>12</v>
      </c>
      <c r="K129" s="64">
        <v>2</v>
      </c>
      <c r="L129" s="77">
        <v>0</v>
      </c>
      <c r="M129" s="78">
        <v>2</v>
      </c>
    </row>
    <row r="130" spans="1:14">
      <c r="A130" s="27" t="s">
        <v>113</v>
      </c>
      <c r="B130" s="67">
        <v>-21</v>
      </c>
      <c r="C130" s="68">
        <v>-16</v>
      </c>
      <c r="D130" s="68">
        <v>-5</v>
      </c>
      <c r="E130" s="67">
        <v>28</v>
      </c>
      <c r="F130" s="68">
        <v>17</v>
      </c>
      <c r="G130" s="69">
        <v>11</v>
      </c>
      <c r="H130" s="68">
        <v>7</v>
      </c>
      <c r="I130" s="68">
        <v>1</v>
      </c>
      <c r="J130" s="68">
        <v>6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18</v>
      </c>
      <c r="C131" s="68">
        <v>-5</v>
      </c>
      <c r="D131" s="68">
        <v>-13</v>
      </c>
      <c r="E131" s="67">
        <v>20</v>
      </c>
      <c r="F131" s="68">
        <v>6</v>
      </c>
      <c r="G131" s="69">
        <v>14</v>
      </c>
      <c r="H131" s="68">
        <v>3</v>
      </c>
      <c r="I131" s="68">
        <v>1</v>
      </c>
      <c r="J131" s="68">
        <v>2</v>
      </c>
      <c r="K131" s="67">
        <v>1</v>
      </c>
      <c r="L131" s="79">
        <v>0</v>
      </c>
      <c r="M131" s="80">
        <v>1</v>
      </c>
    </row>
    <row r="132" spans="1:14">
      <c r="A132" s="27" t="s">
        <v>117</v>
      </c>
      <c r="B132" s="67">
        <v>-21</v>
      </c>
      <c r="C132" s="68">
        <v>-6</v>
      </c>
      <c r="D132" s="68">
        <v>-15</v>
      </c>
      <c r="E132" s="67">
        <v>25</v>
      </c>
      <c r="F132" s="68">
        <v>8</v>
      </c>
      <c r="G132" s="69">
        <v>17</v>
      </c>
      <c r="H132" s="68">
        <v>5</v>
      </c>
      <c r="I132" s="68">
        <v>2</v>
      </c>
      <c r="J132" s="68">
        <v>3</v>
      </c>
      <c r="K132" s="67">
        <v>1</v>
      </c>
      <c r="L132" s="79">
        <v>0</v>
      </c>
      <c r="M132" s="80">
        <v>1</v>
      </c>
    </row>
    <row r="133" spans="1:14">
      <c r="A133" s="27" t="s">
        <v>119</v>
      </c>
      <c r="B133" s="67">
        <v>-11</v>
      </c>
      <c r="C133" s="68">
        <v>-1</v>
      </c>
      <c r="D133" s="68">
        <v>-10</v>
      </c>
      <c r="E133" s="67">
        <v>12</v>
      </c>
      <c r="F133" s="68">
        <v>1</v>
      </c>
      <c r="G133" s="69">
        <v>11</v>
      </c>
      <c r="H133" s="68">
        <v>1</v>
      </c>
      <c r="I133" s="68">
        <v>0</v>
      </c>
      <c r="J133" s="68">
        <v>1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14</v>
      </c>
      <c r="C134" s="68">
        <v>-5</v>
      </c>
      <c r="D134" s="68">
        <v>-9</v>
      </c>
      <c r="E134" s="67">
        <v>14</v>
      </c>
      <c r="F134" s="68">
        <v>5</v>
      </c>
      <c r="G134" s="69">
        <v>9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23</v>
      </c>
      <c r="C135" s="40">
        <v>-3</v>
      </c>
      <c r="D135" s="40">
        <v>-20</v>
      </c>
      <c r="E135" s="42">
        <v>25</v>
      </c>
      <c r="F135" s="40">
        <v>3</v>
      </c>
      <c r="G135" s="43">
        <v>22</v>
      </c>
      <c r="H135" s="40">
        <v>2</v>
      </c>
      <c r="I135" s="40">
        <v>0</v>
      </c>
      <c r="J135" s="40">
        <v>2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98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8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180</v>
      </c>
      <c r="C5" s="62">
        <v>-187</v>
      </c>
      <c r="D5" s="62">
        <v>7</v>
      </c>
      <c r="E5" s="61">
        <v>1444</v>
      </c>
      <c r="F5" s="62">
        <v>809</v>
      </c>
      <c r="G5" s="63">
        <v>635</v>
      </c>
      <c r="H5" s="62">
        <v>6587</v>
      </c>
      <c r="I5" s="62">
        <v>3534</v>
      </c>
      <c r="J5" s="62">
        <v>3053</v>
      </c>
      <c r="K5" s="61">
        <v>6131</v>
      </c>
      <c r="L5" s="75">
        <v>3321</v>
      </c>
      <c r="M5" s="76">
        <v>2810</v>
      </c>
    </row>
    <row r="6" spans="1:13" ht="23.25" customHeight="1">
      <c r="A6" s="36" t="s">
        <v>2</v>
      </c>
      <c r="B6" s="64">
        <v>819</v>
      </c>
      <c r="C6" s="65">
        <v>423</v>
      </c>
      <c r="D6" s="65">
        <v>396</v>
      </c>
      <c r="E6" s="64">
        <v>2</v>
      </c>
      <c r="F6" s="65">
        <v>1</v>
      </c>
      <c r="G6" s="66">
        <v>1</v>
      </c>
      <c r="H6" s="65">
        <v>370</v>
      </c>
      <c r="I6" s="65">
        <v>193</v>
      </c>
      <c r="J6" s="65">
        <v>177</v>
      </c>
      <c r="K6" s="64">
        <v>357</v>
      </c>
      <c r="L6" s="77">
        <v>178</v>
      </c>
      <c r="M6" s="78">
        <v>179</v>
      </c>
    </row>
    <row r="7" spans="1:13">
      <c r="A7" s="15" t="s">
        <v>4</v>
      </c>
      <c r="B7" s="67">
        <v>807</v>
      </c>
      <c r="C7" s="68">
        <v>409</v>
      </c>
      <c r="D7" s="68">
        <v>398</v>
      </c>
      <c r="E7" s="67">
        <v>2</v>
      </c>
      <c r="F7" s="68">
        <v>1</v>
      </c>
      <c r="G7" s="69">
        <v>1</v>
      </c>
      <c r="H7" s="68">
        <v>98</v>
      </c>
      <c r="I7" s="68">
        <v>46</v>
      </c>
      <c r="J7" s="68">
        <v>52</v>
      </c>
      <c r="K7" s="67">
        <v>97</v>
      </c>
      <c r="L7" s="79">
        <v>45</v>
      </c>
      <c r="M7" s="80">
        <v>52</v>
      </c>
    </row>
    <row r="8" spans="1:13">
      <c r="A8" s="15" t="s">
        <v>6</v>
      </c>
      <c r="B8" s="67">
        <v>29</v>
      </c>
      <c r="C8" s="68">
        <v>19</v>
      </c>
      <c r="D8" s="68">
        <v>10</v>
      </c>
      <c r="E8" s="67">
        <v>0</v>
      </c>
      <c r="F8" s="68">
        <v>0</v>
      </c>
      <c r="G8" s="69">
        <v>0</v>
      </c>
      <c r="H8" s="68">
        <v>96</v>
      </c>
      <c r="I8" s="68">
        <v>55</v>
      </c>
      <c r="J8" s="68">
        <v>41</v>
      </c>
      <c r="K8" s="67">
        <v>67</v>
      </c>
      <c r="L8" s="79">
        <v>36</v>
      </c>
      <c r="M8" s="80">
        <v>31</v>
      </c>
    </row>
    <row r="9" spans="1:13">
      <c r="A9" s="15" t="s">
        <v>8</v>
      </c>
      <c r="B9" s="67">
        <v>0</v>
      </c>
      <c r="C9" s="68">
        <v>6</v>
      </c>
      <c r="D9" s="68">
        <v>-6</v>
      </c>
      <c r="E9" s="67">
        <v>0</v>
      </c>
      <c r="F9" s="68">
        <v>0</v>
      </c>
      <c r="G9" s="69">
        <v>0</v>
      </c>
      <c r="H9" s="68">
        <v>80</v>
      </c>
      <c r="I9" s="68">
        <v>47</v>
      </c>
      <c r="J9" s="68">
        <v>33</v>
      </c>
      <c r="K9" s="67">
        <v>80</v>
      </c>
      <c r="L9" s="79">
        <v>41</v>
      </c>
      <c r="M9" s="80">
        <v>39</v>
      </c>
    </row>
    <row r="10" spans="1:13">
      <c r="A10" s="15" t="s">
        <v>10</v>
      </c>
      <c r="B10" s="67">
        <v>-2</v>
      </c>
      <c r="C10" s="68">
        <v>1</v>
      </c>
      <c r="D10" s="68">
        <v>-3</v>
      </c>
      <c r="E10" s="67">
        <v>0</v>
      </c>
      <c r="F10" s="68">
        <v>0</v>
      </c>
      <c r="G10" s="69">
        <v>0</v>
      </c>
      <c r="H10" s="68">
        <v>63</v>
      </c>
      <c r="I10" s="68">
        <v>32</v>
      </c>
      <c r="J10" s="68">
        <v>31</v>
      </c>
      <c r="K10" s="67">
        <v>65</v>
      </c>
      <c r="L10" s="79">
        <v>31</v>
      </c>
      <c r="M10" s="80">
        <v>34</v>
      </c>
    </row>
    <row r="11" spans="1:13">
      <c r="A11" s="15" t="s">
        <v>12</v>
      </c>
      <c r="B11" s="67">
        <v>-15</v>
      </c>
      <c r="C11" s="68">
        <v>-12</v>
      </c>
      <c r="D11" s="68">
        <v>-3</v>
      </c>
      <c r="E11" s="67">
        <v>0</v>
      </c>
      <c r="F11" s="68">
        <v>0</v>
      </c>
      <c r="G11" s="69">
        <v>0</v>
      </c>
      <c r="H11" s="68">
        <v>33</v>
      </c>
      <c r="I11" s="68">
        <v>13</v>
      </c>
      <c r="J11" s="68">
        <v>20</v>
      </c>
      <c r="K11" s="67">
        <v>48</v>
      </c>
      <c r="L11" s="79">
        <v>25</v>
      </c>
      <c r="M11" s="80">
        <v>23</v>
      </c>
    </row>
    <row r="12" spans="1:13" ht="21" customHeight="1">
      <c r="A12" s="36" t="s">
        <v>14</v>
      </c>
      <c r="B12" s="64">
        <v>-16</v>
      </c>
      <c r="C12" s="65">
        <v>-3</v>
      </c>
      <c r="D12" s="65">
        <v>-13</v>
      </c>
      <c r="E12" s="64">
        <v>1</v>
      </c>
      <c r="F12" s="65">
        <v>0</v>
      </c>
      <c r="G12" s="66">
        <v>1</v>
      </c>
      <c r="H12" s="65">
        <v>140</v>
      </c>
      <c r="I12" s="65">
        <v>73</v>
      </c>
      <c r="J12" s="65">
        <v>67</v>
      </c>
      <c r="K12" s="64">
        <v>155</v>
      </c>
      <c r="L12" s="77">
        <v>76</v>
      </c>
      <c r="M12" s="78">
        <v>79</v>
      </c>
    </row>
    <row r="13" spans="1:13">
      <c r="A13" s="15" t="s">
        <v>16</v>
      </c>
      <c r="B13" s="67">
        <v>-3</v>
      </c>
      <c r="C13" s="68">
        <v>-6</v>
      </c>
      <c r="D13" s="68">
        <v>3</v>
      </c>
      <c r="E13" s="67">
        <v>0</v>
      </c>
      <c r="F13" s="68">
        <v>0</v>
      </c>
      <c r="G13" s="69">
        <v>0</v>
      </c>
      <c r="H13" s="68">
        <v>41</v>
      </c>
      <c r="I13" s="68">
        <v>21</v>
      </c>
      <c r="J13" s="68">
        <v>20</v>
      </c>
      <c r="K13" s="67">
        <v>44</v>
      </c>
      <c r="L13" s="79">
        <v>27</v>
      </c>
      <c r="M13" s="80">
        <v>17</v>
      </c>
    </row>
    <row r="14" spans="1:13">
      <c r="A14" s="15" t="s">
        <v>18</v>
      </c>
      <c r="B14" s="67">
        <v>0</v>
      </c>
      <c r="C14" s="68">
        <v>4</v>
      </c>
      <c r="D14" s="68">
        <v>-4</v>
      </c>
      <c r="E14" s="67">
        <v>0</v>
      </c>
      <c r="F14" s="68">
        <v>0</v>
      </c>
      <c r="G14" s="69">
        <v>0</v>
      </c>
      <c r="H14" s="68">
        <v>38</v>
      </c>
      <c r="I14" s="68">
        <v>24</v>
      </c>
      <c r="J14" s="68">
        <v>14</v>
      </c>
      <c r="K14" s="67">
        <v>38</v>
      </c>
      <c r="L14" s="79">
        <v>20</v>
      </c>
      <c r="M14" s="80">
        <v>18</v>
      </c>
    </row>
    <row r="15" spans="1:13">
      <c r="A15" s="15" t="s">
        <v>20</v>
      </c>
      <c r="B15" s="67">
        <v>-14</v>
      </c>
      <c r="C15" s="68">
        <v>-4</v>
      </c>
      <c r="D15" s="68">
        <v>-10</v>
      </c>
      <c r="E15" s="67">
        <v>0</v>
      </c>
      <c r="F15" s="68">
        <v>0</v>
      </c>
      <c r="G15" s="69">
        <v>0</v>
      </c>
      <c r="H15" s="68">
        <v>21</v>
      </c>
      <c r="I15" s="68">
        <v>12</v>
      </c>
      <c r="J15" s="68">
        <v>9</v>
      </c>
      <c r="K15" s="67">
        <v>35</v>
      </c>
      <c r="L15" s="79">
        <v>16</v>
      </c>
      <c r="M15" s="80">
        <v>19</v>
      </c>
    </row>
    <row r="16" spans="1:13">
      <c r="A16" s="15" t="s">
        <v>22</v>
      </c>
      <c r="B16" s="67">
        <v>-1</v>
      </c>
      <c r="C16" s="68">
        <v>2</v>
      </c>
      <c r="D16" s="68">
        <v>-3</v>
      </c>
      <c r="E16" s="67">
        <v>1</v>
      </c>
      <c r="F16" s="68">
        <v>0</v>
      </c>
      <c r="G16" s="69">
        <v>1</v>
      </c>
      <c r="H16" s="68">
        <v>22</v>
      </c>
      <c r="I16" s="68">
        <v>13</v>
      </c>
      <c r="J16" s="68">
        <v>9</v>
      </c>
      <c r="K16" s="67">
        <v>22</v>
      </c>
      <c r="L16" s="79">
        <v>11</v>
      </c>
      <c r="M16" s="80">
        <v>11</v>
      </c>
    </row>
    <row r="17" spans="1:13">
      <c r="A17" s="15" t="s">
        <v>24</v>
      </c>
      <c r="B17" s="67">
        <v>2</v>
      </c>
      <c r="C17" s="68">
        <v>1</v>
      </c>
      <c r="D17" s="68">
        <v>1</v>
      </c>
      <c r="E17" s="67">
        <v>0</v>
      </c>
      <c r="F17" s="68">
        <v>0</v>
      </c>
      <c r="G17" s="69">
        <v>0</v>
      </c>
      <c r="H17" s="68">
        <v>18</v>
      </c>
      <c r="I17" s="68">
        <v>3</v>
      </c>
      <c r="J17" s="68">
        <v>15</v>
      </c>
      <c r="K17" s="67">
        <v>16</v>
      </c>
      <c r="L17" s="79">
        <v>2</v>
      </c>
      <c r="M17" s="80">
        <v>14</v>
      </c>
    </row>
    <row r="18" spans="1:13" ht="21" customHeight="1">
      <c r="A18" s="36" t="s">
        <v>26</v>
      </c>
      <c r="B18" s="64">
        <v>40</v>
      </c>
      <c r="C18" s="65">
        <v>17</v>
      </c>
      <c r="D18" s="65">
        <v>23</v>
      </c>
      <c r="E18" s="64">
        <v>1</v>
      </c>
      <c r="F18" s="65">
        <v>0</v>
      </c>
      <c r="G18" s="66">
        <v>1</v>
      </c>
      <c r="H18" s="65">
        <v>110</v>
      </c>
      <c r="I18" s="65">
        <v>50</v>
      </c>
      <c r="J18" s="65">
        <v>60</v>
      </c>
      <c r="K18" s="64">
        <v>69</v>
      </c>
      <c r="L18" s="77">
        <v>33</v>
      </c>
      <c r="M18" s="78">
        <v>36</v>
      </c>
    </row>
    <row r="19" spans="1:13">
      <c r="A19" s="15" t="s">
        <v>28</v>
      </c>
      <c r="B19" s="67">
        <v>0</v>
      </c>
      <c r="C19" s="68">
        <v>-2</v>
      </c>
      <c r="D19" s="68">
        <v>2</v>
      </c>
      <c r="E19" s="67">
        <v>1</v>
      </c>
      <c r="F19" s="68">
        <v>0</v>
      </c>
      <c r="G19" s="69">
        <v>1</v>
      </c>
      <c r="H19" s="68">
        <v>17</v>
      </c>
      <c r="I19" s="68">
        <v>5</v>
      </c>
      <c r="J19" s="68">
        <v>12</v>
      </c>
      <c r="K19" s="67">
        <v>16</v>
      </c>
      <c r="L19" s="79">
        <v>7</v>
      </c>
      <c r="M19" s="80">
        <v>9</v>
      </c>
    </row>
    <row r="20" spans="1:13">
      <c r="A20" s="15" t="s">
        <v>30</v>
      </c>
      <c r="B20" s="67">
        <v>8</v>
      </c>
      <c r="C20" s="68">
        <v>8</v>
      </c>
      <c r="D20" s="68">
        <v>0</v>
      </c>
      <c r="E20" s="67">
        <v>0</v>
      </c>
      <c r="F20" s="68">
        <v>0</v>
      </c>
      <c r="G20" s="69">
        <v>0</v>
      </c>
      <c r="H20" s="68">
        <v>24</v>
      </c>
      <c r="I20" s="68">
        <v>15</v>
      </c>
      <c r="J20" s="68">
        <v>9</v>
      </c>
      <c r="K20" s="67">
        <v>16</v>
      </c>
      <c r="L20" s="79">
        <v>7</v>
      </c>
      <c r="M20" s="80">
        <v>9</v>
      </c>
    </row>
    <row r="21" spans="1:13">
      <c r="A21" s="15" t="s">
        <v>32</v>
      </c>
      <c r="B21" s="67">
        <v>19</v>
      </c>
      <c r="C21" s="68">
        <v>10</v>
      </c>
      <c r="D21" s="68">
        <v>9</v>
      </c>
      <c r="E21" s="67">
        <v>0</v>
      </c>
      <c r="F21" s="68">
        <v>0</v>
      </c>
      <c r="G21" s="69">
        <v>0</v>
      </c>
      <c r="H21" s="68">
        <v>32</v>
      </c>
      <c r="I21" s="68">
        <v>15</v>
      </c>
      <c r="J21" s="68">
        <v>17</v>
      </c>
      <c r="K21" s="67">
        <v>13</v>
      </c>
      <c r="L21" s="79">
        <v>5</v>
      </c>
      <c r="M21" s="80">
        <v>8</v>
      </c>
    </row>
    <row r="22" spans="1:13">
      <c r="A22" s="15" t="s">
        <v>34</v>
      </c>
      <c r="B22" s="67">
        <v>9</v>
      </c>
      <c r="C22" s="68">
        <v>1</v>
      </c>
      <c r="D22" s="68">
        <v>8</v>
      </c>
      <c r="E22" s="67">
        <v>0</v>
      </c>
      <c r="F22" s="68">
        <v>0</v>
      </c>
      <c r="G22" s="69">
        <v>0</v>
      </c>
      <c r="H22" s="68">
        <v>19</v>
      </c>
      <c r="I22" s="68">
        <v>7</v>
      </c>
      <c r="J22" s="68">
        <v>12</v>
      </c>
      <c r="K22" s="67">
        <v>10</v>
      </c>
      <c r="L22" s="79">
        <v>6</v>
      </c>
      <c r="M22" s="80">
        <v>4</v>
      </c>
    </row>
    <row r="23" spans="1:13">
      <c r="A23" s="15" t="s">
        <v>36</v>
      </c>
      <c r="B23" s="67">
        <v>4</v>
      </c>
      <c r="C23" s="68">
        <v>0</v>
      </c>
      <c r="D23" s="68">
        <v>4</v>
      </c>
      <c r="E23" s="67">
        <v>0</v>
      </c>
      <c r="F23" s="68">
        <v>0</v>
      </c>
      <c r="G23" s="69">
        <v>0</v>
      </c>
      <c r="H23" s="68">
        <v>18</v>
      </c>
      <c r="I23" s="68">
        <v>8</v>
      </c>
      <c r="J23" s="68">
        <v>10</v>
      </c>
      <c r="K23" s="67">
        <v>14</v>
      </c>
      <c r="L23" s="79">
        <v>8</v>
      </c>
      <c r="M23" s="80">
        <v>6</v>
      </c>
    </row>
    <row r="24" spans="1:13" ht="21" customHeight="1">
      <c r="A24" s="36" t="s">
        <v>38</v>
      </c>
      <c r="B24" s="64">
        <v>58</v>
      </c>
      <c r="C24" s="65">
        <v>18</v>
      </c>
      <c r="D24" s="65">
        <v>40</v>
      </c>
      <c r="E24" s="64">
        <v>1</v>
      </c>
      <c r="F24" s="65">
        <v>1</v>
      </c>
      <c r="G24" s="66">
        <v>0</v>
      </c>
      <c r="H24" s="65">
        <v>235</v>
      </c>
      <c r="I24" s="65">
        <v>117</v>
      </c>
      <c r="J24" s="65">
        <v>118</v>
      </c>
      <c r="K24" s="64">
        <v>176</v>
      </c>
      <c r="L24" s="77">
        <v>98</v>
      </c>
      <c r="M24" s="78">
        <v>78</v>
      </c>
    </row>
    <row r="25" spans="1:13">
      <c r="A25" s="15" t="s">
        <v>40</v>
      </c>
      <c r="B25" s="67">
        <v>8</v>
      </c>
      <c r="C25" s="68">
        <v>2</v>
      </c>
      <c r="D25" s="68">
        <v>6</v>
      </c>
      <c r="E25" s="67">
        <v>0</v>
      </c>
      <c r="F25" s="68">
        <v>0</v>
      </c>
      <c r="G25" s="69">
        <v>0</v>
      </c>
      <c r="H25" s="68">
        <v>28</v>
      </c>
      <c r="I25" s="68">
        <v>13</v>
      </c>
      <c r="J25" s="68">
        <v>15</v>
      </c>
      <c r="K25" s="67">
        <v>20</v>
      </c>
      <c r="L25" s="79">
        <v>11</v>
      </c>
      <c r="M25" s="80">
        <v>9</v>
      </c>
    </row>
    <row r="26" spans="1:13">
      <c r="A26" s="15" t="s">
        <v>42</v>
      </c>
      <c r="B26" s="67">
        <v>-4</v>
      </c>
      <c r="C26" s="68">
        <v>-2</v>
      </c>
      <c r="D26" s="68">
        <v>-2</v>
      </c>
      <c r="E26" s="67">
        <v>1</v>
      </c>
      <c r="F26" s="68">
        <v>1</v>
      </c>
      <c r="G26" s="69">
        <v>0</v>
      </c>
      <c r="H26" s="68">
        <v>19</v>
      </c>
      <c r="I26" s="68">
        <v>6</v>
      </c>
      <c r="J26" s="68">
        <v>13</v>
      </c>
      <c r="K26" s="67">
        <v>22</v>
      </c>
      <c r="L26" s="79">
        <v>7</v>
      </c>
      <c r="M26" s="80">
        <v>15</v>
      </c>
    </row>
    <row r="27" spans="1:13">
      <c r="A27" s="15" t="s">
        <v>44</v>
      </c>
      <c r="B27" s="67">
        <v>3</v>
      </c>
      <c r="C27" s="68">
        <v>-1</v>
      </c>
      <c r="D27" s="68">
        <v>4</v>
      </c>
      <c r="E27" s="67">
        <v>0</v>
      </c>
      <c r="F27" s="68">
        <v>0</v>
      </c>
      <c r="G27" s="69">
        <v>0</v>
      </c>
      <c r="H27" s="68">
        <v>21</v>
      </c>
      <c r="I27" s="68">
        <v>5</v>
      </c>
      <c r="J27" s="68">
        <v>16</v>
      </c>
      <c r="K27" s="67">
        <v>18</v>
      </c>
      <c r="L27" s="79">
        <v>6</v>
      </c>
      <c r="M27" s="80">
        <v>12</v>
      </c>
    </row>
    <row r="28" spans="1:13">
      <c r="A28" s="15" t="s">
        <v>46</v>
      </c>
      <c r="B28" s="67">
        <v>46</v>
      </c>
      <c r="C28" s="68">
        <v>21</v>
      </c>
      <c r="D28" s="68">
        <v>25</v>
      </c>
      <c r="E28" s="67">
        <v>0</v>
      </c>
      <c r="F28" s="68">
        <v>0</v>
      </c>
      <c r="G28" s="69">
        <v>0</v>
      </c>
      <c r="H28" s="68">
        <v>96</v>
      </c>
      <c r="I28" s="68">
        <v>58</v>
      </c>
      <c r="J28" s="68">
        <v>38</v>
      </c>
      <c r="K28" s="67">
        <v>50</v>
      </c>
      <c r="L28" s="79">
        <v>37</v>
      </c>
      <c r="M28" s="80">
        <v>13</v>
      </c>
    </row>
    <row r="29" spans="1:13">
      <c r="A29" s="15" t="s">
        <v>48</v>
      </c>
      <c r="B29" s="67">
        <v>5</v>
      </c>
      <c r="C29" s="68">
        <v>-2</v>
      </c>
      <c r="D29" s="68">
        <v>7</v>
      </c>
      <c r="E29" s="67">
        <v>0</v>
      </c>
      <c r="F29" s="68">
        <v>0</v>
      </c>
      <c r="G29" s="69">
        <v>0</v>
      </c>
      <c r="H29" s="68">
        <v>71</v>
      </c>
      <c r="I29" s="68">
        <v>35</v>
      </c>
      <c r="J29" s="68">
        <v>36</v>
      </c>
      <c r="K29" s="67">
        <v>66</v>
      </c>
      <c r="L29" s="79">
        <v>37</v>
      </c>
      <c r="M29" s="80">
        <v>29</v>
      </c>
    </row>
    <row r="30" spans="1:13" ht="21" customHeight="1">
      <c r="A30" s="36" t="s">
        <v>50</v>
      </c>
      <c r="B30" s="64">
        <v>61</v>
      </c>
      <c r="C30" s="65">
        <v>-22</v>
      </c>
      <c r="D30" s="65">
        <v>83</v>
      </c>
      <c r="E30" s="64">
        <v>1</v>
      </c>
      <c r="F30" s="65">
        <v>0</v>
      </c>
      <c r="G30" s="66">
        <v>1</v>
      </c>
      <c r="H30" s="65">
        <v>1102</v>
      </c>
      <c r="I30" s="65">
        <v>565</v>
      </c>
      <c r="J30" s="65">
        <v>537</v>
      </c>
      <c r="K30" s="64">
        <v>1040</v>
      </c>
      <c r="L30" s="77">
        <v>587</v>
      </c>
      <c r="M30" s="78">
        <v>453</v>
      </c>
    </row>
    <row r="31" spans="1:13">
      <c r="A31" s="15" t="s">
        <v>52</v>
      </c>
      <c r="B31" s="67">
        <v>46</v>
      </c>
      <c r="C31" s="68">
        <v>28</v>
      </c>
      <c r="D31" s="68">
        <v>18</v>
      </c>
      <c r="E31" s="67">
        <v>1</v>
      </c>
      <c r="F31" s="68">
        <v>0</v>
      </c>
      <c r="G31" s="69">
        <v>1</v>
      </c>
      <c r="H31" s="68">
        <v>156</v>
      </c>
      <c r="I31" s="68">
        <v>82</v>
      </c>
      <c r="J31" s="68">
        <v>74</v>
      </c>
      <c r="K31" s="67">
        <v>109</v>
      </c>
      <c r="L31" s="79">
        <v>54</v>
      </c>
      <c r="M31" s="80">
        <v>55</v>
      </c>
    </row>
    <row r="32" spans="1:13">
      <c r="A32" s="15" t="s">
        <v>54</v>
      </c>
      <c r="B32" s="67">
        <v>24</v>
      </c>
      <c r="C32" s="68">
        <v>2</v>
      </c>
      <c r="D32" s="68">
        <v>22</v>
      </c>
      <c r="E32" s="67">
        <v>0</v>
      </c>
      <c r="F32" s="68">
        <v>0</v>
      </c>
      <c r="G32" s="69">
        <v>0</v>
      </c>
      <c r="H32" s="68">
        <v>130</v>
      </c>
      <c r="I32" s="68">
        <v>55</v>
      </c>
      <c r="J32" s="68">
        <v>75</v>
      </c>
      <c r="K32" s="67">
        <v>106</v>
      </c>
      <c r="L32" s="79">
        <v>53</v>
      </c>
      <c r="M32" s="80">
        <v>53</v>
      </c>
    </row>
    <row r="33" spans="1:13">
      <c r="A33" s="15" t="s">
        <v>56</v>
      </c>
      <c r="B33" s="67">
        <v>-68</v>
      </c>
      <c r="C33" s="68">
        <v>-68</v>
      </c>
      <c r="D33" s="68">
        <v>0</v>
      </c>
      <c r="E33" s="67">
        <v>0</v>
      </c>
      <c r="F33" s="68">
        <v>0</v>
      </c>
      <c r="G33" s="69">
        <v>0</v>
      </c>
      <c r="H33" s="68">
        <v>248</v>
      </c>
      <c r="I33" s="68">
        <v>114</v>
      </c>
      <c r="J33" s="68">
        <v>134</v>
      </c>
      <c r="K33" s="67">
        <v>316</v>
      </c>
      <c r="L33" s="79">
        <v>182</v>
      </c>
      <c r="M33" s="80">
        <v>134</v>
      </c>
    </row>
    <row r="34" spans="1:13">
      <c r="A34" s="15" t="s">
        <v>58</v>
      </c>
      <c r="B34" s="67">
        <v>37</v>
      </c>
      <c r="C34" s="68">
        <v>4</v>
      </c>
      <c r="D34" s="68">
        <v>33</v>
      </c>
      <c r="E34" s="67">
        <v>0</v>
      </c>
      <c r="F34" s="68">
        <v>0</v>
      </c>
      <c r="G34" s="69">
        <v>0</v>
      </c>
      <c r="H34" s="68">
        <v>274</v>
      </c>
      <c r="I34" s="68">
        <v>144</v>
      </c>
      <c r="J34" s="68">
        <v>130</v>
      </c>
      <c r="K34" s="67">
        <v>237</v>
      </c>
      <c r="L34" s="79">
        <v>140</v>
      </c>
      <c r="M34" s="80">
        <v>97</v>
      </c>
    </row>
    <row r="35" spans="1:13">
      <c r="A35" s="15" t="s">
        <v>60</v>
      </c>
      <c r="B35" s="67">
        <v>22</v>
      </c>
      <c r="C35" s="68">
        <v>12</v>
      </c>
      <c r="D35" s="68">
        <v>10</v>
      </c>
      <c r="E35" s="67">
        <v>0</v>
      </c>
      <c r="F35" s="68">
        <v>0</v>
      </c>
      <c r="G35" s="69">
        <v>0</v>
      </c>
      <c r="H35" s="68">
        <v>294</v>
      </c>
      <c r="I35" s="68">
        <v>170</v>
      </c>
      <c r="J35" s="68">
        <v>124</v>
      </c>
      <c r="K35" s="67">
        <v>272</v>
      </c>
      <c r="L35" s="79">
        <v>158</v>
      </c>
      <c r="M35" s="80">
        <v>114</v>
      </c>
    </row>
    <row r="36" spans="1:13" ht="21" customHeight="1">
      <c r="A36" s="36" t="s">
        <v>62</v>
      </c>
      <c r="B36" s="64">
        <v>149</v>
      </c>
      <c r="C36" s="65">
        <v>96</v>
      </c>
      <c r="D36" s="65">
        <v>53</v>
      </c>
      <c r="E36" s="64">
        <v>2</v>
      </c>
      <c r="F36" s="65">
        <v>1</v>
      </c>
      <c r="G36" s="66">
        <v>1</v>
      </c>
      <c r="H36" s="65">
        <v>1397</v>
      </c>
      <c r="I36" s="65">
        <v>760</v>
      </c>
      <c r="J36" s="65">
        <v>637</v>
      </c>
      <c r="K36" s="64">
        <v>1246</v>
      </c>
      <c r="L36" s="77">
        <v>663</v>
      </c>
      <c r="M36" s="78">
        <v>583</v>
      </c>
    </row>
    <row r="37" spans="1:13">
      <c r="A37" s="15" t="s">
        <v>64</v>
      </c>
      <c r="B37" s="67">
        <v>21</v>
      </c>
      <c r="C37" s="68">
        <v>8</v>
      </c>
      <c r="D37" s="68">
        <v>13</v>
      </c>
      <c r="E37" s="67">
        <v>1</v>
      </c>
      <c r="F37" s="68">
        <v>0</v>
      </c>
      <c r="G37" s="69">
        <v>1</v>
      </c>
      <c r="H37" s="68">
        <v>289</v>
      </c>
      <c r="I37" s="68">
        <v>154</v>
      </c>
      <c r="J37" s="68">
        <v>135</v>
      </c>
      <c r="K37" s="67">
        <v>267</v>
      </c>
      <c r="L37" s="79">
        <v>146</v>
      </c>
      <c r="M37" s="80">
        <v>121</v>
      </c>
    </row>
    <row r="38" spans="1:13">
      <c r="A38" s="15" t="s">
        <v>66</v>
      </c>
      <c r="B38" s="67">
        <v>19</v>
      </c>
      <c r="C38" s="68">
        <v>18</v>
      </c>
      <c r="D38" s="68">
        <v>1</v>
      </c>
      <c r="E38" s="67">
        <v>0</v>
      </c>
      <c r="F38" s="68">
        <v>0</v>
      </c>
      <c r="G38" s="69">
        <v>0</v>
      </c>
      <c r="H38" s="68">
        <v>300</v>
      </c>
      <c r="I38" s="68">
        <v>174</v>
      </c>
      <c r="J38" s="68">
        <v>126</v>
      </c>
      <c r="K38" s="67">
        <v>281</v>
      </c>
      <c r="L38" s="79">
        <v>156</v>
      </c>
      <c r="M38" s="80">
        <v>125</v>
      </c>
    </row>
    <row r="39" spans="1:13">
      <c r="A39" s="15" t="s">
        <v>68</v>
      </c>
      <c r="B39" s="67">
        <v>43</v>
      </c>
      <c r="C39" s="68">
        <v>30</v>
      </c>
      <c r="D39" s="68">
        <v>13</v>
      </c>
      <c r="E39" s="67">
        <v>0</v>
      </c>
      <c r="F39" s="68">
        <v>0</v>
      </c>
      <c r="G39" s="69">
        <v>0</v>
      </c>
      <c r="H39" s="68">
        <v>306</v>
      </c>
      <c r="I39" s="68">
        <v>164</v>
      </c>
      <c r="J39" s="68">
        <v>142</v>
      </c>
      <c r="K39" s="67">
        <v>263</v>
      </c>
      <c r="L39" s="79">
        <v>134</v>
      </c>
      <c r="M39" s="80">
        <v>129</v>
      </c>
    </row>
    <row r="40" spans="1:13">
      <c r="A40" s="15" t="s">
        <v>70</v>
      </c>
      <c r="B40" s="67">
        <v>40</v>
      </c>
      <c r="C40" s="68">
        <v>26</v>
      </c>
      <c r="D40" s="68">
        <v>14</v>
      </c>
      <c r="E40" s="67">
        <v>1</v>
      </c>
      <c r="F40" s="68">
        <v>1</v>
      </c>
      <c r="G40" s="69">
        <v>0</v>
      </c>
      <c r="H40" s="68">
        <v>272</v>
      </c>
      <c r="I40" s="68">
        <v>145</v>
      </c>
      <c r="J40" s="68">
        <v>127</v>
      </c>
      <c r="K40" s="67">
        <v>231</v>
      </c>
      <c r="L40" s="79">
        <v>118</v>
      </c>
      <c r="M40" s="80">
        <v>113</v>
      </c>
    </row>
    <row r="41" spans="1:13">
      <c r="A41" s="15" t="s">
        <v>72</v>
      </c>
      <c r="B41" s="67">
        <v>26</v>
      </c>
      <c r="C41" s="68">
        <v>14</v>
      </c>
      <c r="D41" s="68">
        <v>12</v>
      </c>
      <c r="E41" s="67">
        <v>0</v>
      </c>
      <c r="F41" s="68">
        <v>0</v>
      </c>
      <c r="G41" s="69">
        <v>0</v>
      </c>
      <c r="H41" s="68">
        <v>230</v>
      </c>
      <c r="I41" s="68">
        <v>123</v>
      </c>
      <c r="J41" s="68">
        <v>107</v>
      </c>
      <c r="K41" s="67">
        <v>204</v>
      </c>
      <c r="L41" s="79">
        <v>109</v>
      </c>
      <c r="M41" s="80">
        <v>95</v>
      </c>
    </row>
    <row r="42" spans="1:13" ht="21" customHeight="1">
      <c r="A42" s="36" t="s">
        <v>74</v>
      </c>
      <c r="B42" s="64">
        <v>56</v>
      </c>
      <c r="C42" s="65">
        <v>39</v>
      </c>
      <c r="D42" s="65">
        <v>17</v>
      </c>
      <c r="E42" s="64">
        <v>2</v>
      </c>
      <c r="F42" s="65">
        <v>1</v>
      </c>
      <c r="G42" s="66">
        <v>1</v>
      </c>
      <c r="H42" s="65">
        <v>882</v>
      </c>
      <c r="I42" s="65">
        <v>487</v>
      </c>
      <c r="J42" s="65">
        <v>395</v>
      </c>
      <c r="K42" s="64">
        <v>824</v>
      </c>
      <c r="L42" s="77">
        <v>447</v>
      </c>
      <c r="M42" s="78">
        <v>377</v>
      </c>
    </row>
    <row r="43" spans="1:13">
      <c r="A43" s="15" t="s">
        <v>76</v>
      </c>
      <c r="B43" s="67">
        <v>-4</v>
      </c>
      <c r="C43" s="68">
        <v>-1</v>
      </c>
      <c r="D43" s="68">
        <v>-3</v>
      </c>
      <c r="E43" s="67">
        <v>0</v>
      </c>
      <c r="F43" s="68">
        <v>0</v>
      </c>
      <c r="G43" s="69">
        <v>0</v>
      </c>
      <c r="H43" s="68">
        <v>214</v>
      </c>
      <c r="I43" s="68">
        <v>110</v>
      </c>
      <c r="J43" s="68">
        <v>104</v>
      </c>
      <c r="K43" s="67">
        <v>218</v>
      </c>
      <c r="L43" s="79">
        <v>111</v>
      </c>
      <c r="M43" s="80">
        <v>107</v>
      </c>
    </row>
    <row r="44" spans="1:13">
      <c r="A44" s="15" t="s">
        <v>78</v>
      </c>
      <c r="B44" s="67">
        <v>43</v>
      </c>
      <c r="C44" s="68">
        <v>35</v>
      </c>
      <c r="D44" s="68">
        <v>8</v>
      </c>
      <c r="E44" s="67">
        <v>1</v>
      </c>
      <c r="F44" s="68">
        <v>0</v>
      </c>
      <c r="G44" s="69">
        <v>1</v>
      </c>
      <c r="H44" s="68">
        <v>207</v>
      </c>
      <c r="I44" s="68">
        <v>124</v>
      </c>
      <c r="J44" s="68">
        <v>83</v>
      </c>
      <c r="K44" s="67">
        <v>163</v>
      </c>
      <c r="L44" s="79">
        <v>89</v>
      </c>
      <c r="M44" s="80">
        <v>74</v>
      </c>
    </row>
    <row r="45" spans="1:13">
      <c r="A45" s="15" t="s">
        <v>80</v>
      </c>
      <c r="B45" s="67">
        <v>1</v>
      </c>
      <c r="C45" s="68">
        <v>-13</v>
      </c>
      <c r="D45" s="68">
        <v>14</v>
      </c>
      <c r="E45" s="67">
        <v>0</v>
      </c>
      <c r="F45" s="68">
        <v>0</v>
      </c>
      <c r="G45" s="69">
        <v>0</v>
      </c>
      <c r="H45" s="68">
        <v>164</v>
      </c>
      <c r="I45" s="68">
        <v>88</v>
      </c>
      <c r="J45" s="68">
        <v>76</v>
      </c>
      <c r="K45" s="67">
        <v>163</v>
      </c>
      <c r="L45" s="79">
        <v>101</v>
      </c>
      <c r="M45" s="80">
        <v>62</v>
      </c>
    </row>
    <row r="46" spans="1:13">
      <c r="A46" s="15" t="s">
        <v>82</v>
      </c>
      <c r="B46" s="67">
        <v>9</v>
      </c>
      <c r="C46" s="68">
        <v>15</v>
      </c>
      <c r="D46" s="68">
        <v>-6</v>
      </c>
      <c r="E46" s="67">
        <v>1</v>
      </c>
      <c r="F46" s="68">
        <v>1</v>
      </c>
      <c r="G46" s="69">
        <v>0</v>
      </c>
      <c r="H46" s="68">
        <v>167</v>
      </c>
      <c r="I46" s="68">
        <v>95</v>
      </c>
      <c r="J46" s="68">
        <v>72</v>
      </c>
      <c r="K46" s="67">
        <v>157</v>
      </c>
      <c r="L46" s="79">
        <v>79</v>
      </c>
      <c r="M46" s="80">
        <v>78</v>
      </c>
    </row>
    <row r="47" spans="1:13">
      <c r="A47" s="15" t="s">
        <v>84</v>
      </c>
      <c r="B47" s="67">
        <v>7</v>
      </c>
      <c r="C47" s="68">
        <v>3</v>
      </c>
      <c r="D47" s="68">
        <v>4</v>
      </c>
      <c r="E47" s="67">
        <v>0</v>
      </c>
      <c r="F47" s="68">
        <v>0</v>
      </c>
      <c r="G47" s="69">
        <v>0</v>
      </c>
      <c r="H47" s="68">
        <v>130</v>
      </c>
      <c r="I47" s="68">
        <v>70</v>
      </c>
      <c r="J47" s="68">
        <v>60</v>
      </c>
      <c r="K47" s="67">
        <v>123</v>
      </c>
      <c r="L47" s="79">
        <v>67</v>
      </c>
      <c r="M47" s="80">
        <v>56</v>
      </c>
    </row>
    <row r="48" spans="1:13" ht="21" customHeight="1">
      <c r="A48" s="36" t="s">
        <v>86</v>
      </c>
      <c r="B48" s="64">
        <v>0</v>
      </c>
      <c r="C48" s="65">
        <v>14</v>
      </c>
      <c r="D48" s="65">
        <v>-14</v>
      </c>
      <c r="E48" s="64">
        <v>4</v>
      </c>
      <c r="F48" s="65">
        <v>3</v>
      </c>
      <c r="G48" s="66">
        <v>1</v>
      </c>
      <c r="H48" s="65">
        <v>517</v>
      </c>
      <c r="I48" s="65">
        <v>310</v>
      </c>
      <c r="J48" s="65">
        <v>207</v>
      </c>
      <c r="K48" s="64">
        <v>513</v>
      </c>
      <c r="L48" s="77">
        <v>293</v>
      </c>
      <c r="M48" s="78">
        <v>220</v>
      </c>
    </row>
    <row r="49" spans="1:13">
      <c r="A49" s="15" t="s">
        <v>88</v>
      </c>
      <c r="B49" s="67">
        <v>-11</v>
      </c>
      <c r="C49" s="68">
        <v>0</v>
      </c>
      <c r="D49" s="68">
        <v>-11</v>
      </c>
      <c r="E49" s="67">
        <v>1</v>
      </c>
      <c r="F49" s="68">
        <v>1</v>
      </c>
      <c r="G49" s="69">
        <v>0</v>
      </c>
      <c r="H49" s="68">
        <v>116</v>
      </c>
      <c r="I49" s="68">
        <v>67</v>
      </c>
      <c r="J49" s="68">
        <v>49</v>
      </c>
      <c r="K49" s="67">
        <v>126</v>
      </c>
      <c r="L49" s="79">
        <v>66</v>
      </c>
      <c r="M49" s="80">
        <v>60</v>
      </c>
    </row>
    <row r="50" spans="1:13">
      <c r="A50" s="15" t="s">
        <v>90</v>
      </c>
      <c r="B50" s="67">
        <v>-15</v>
      </c>
      <c r="C50" s="68">
        <v>-10</v>
      </c>
      <c r="D50" s="68">
        <v>-5</v>
      </c>
      <c r="E50" s="67">
        <v>1</v>
      </c>
      <c r="F50" s="68">
        <v>1</v>
      </c>
      <c r="G50" s="69">
        <v>0</v>
      </c>
      <c r="H50" s="68">
        <v>115</v>
      </c>
      <c r="I50" s="68">
        <v>67</v>
      </c>
      <c r="J50" s="68">
        <v>48</v>
      </c>
      <c r="K50" s="67">
        <v>129</v>
      </c>
      <c r="L50" s="79">
        <v>76</v>
      </c>
      <c r="M50" s="80">
        <v>53</v>
      </c>
    </row>
    <row r="51" spans="1:13">
      <c r="A51" s="15" t="s">
        <v>92</v>
      </c>
      <c r="B51" s="67">
        <v>-1</v>
      </c>
      <c r="C51" s="68">
        <v>2</v>
      </c>
      <c r="D51" s="68">
        <v>-3</v>
      </c>
      <c r="E51" s="67">
        <v>0</v>
      </c>
      <c r="F51" s="68">
        <v>0</v>
      </c>
      <c r="G51" s="69">
        <v>0</v>
      </c>
      <c r="H51" s="68">
        <v>98</v>
      </c>
      <c r="I51" s="68">
        <v>63</v>
      </c>
      <c r="J51" s="68">
        <v>35</v>
      </c>
      <c r="K51" s="67">
        <v>99</v>
      </c>
      <c r="L51" s="79">
        <v>61</v>
      </c>
      <c r="M51" s="80">
        <v>38</v>
      </c>
    </row>
    <row r="52" spans="1:13">
      <c r="A52" s="15" t="s">
        <v>94</v>
      </c>
      <c r="B52" s="67">
        <v>19</v>
      </c>
      <c r="C52" s="68">
        <v>8</v>
      </c>
      <c r="D52" s="68">
        <v>11</v>
      </c>
      <c r="E52" s="67">
        <v>0</v>
      </c>
      <c r="F52" s="68">
        <v>0</v>
      </c>
      <c r="G52" s="69">
        <v>0</v>
      </c>
      <c r="H52" s="68">
        <v>97</v>
      </c>
      <c r="I52" s="68">
        <v>55</v>
      </c>
      <c r="J52" s="68">
        <v>42</v>
      </c>
      <c r="K52" s="67">
        <v>78</v>
      </c>
      <c r="L52" s="79">
        <v>47</v>
      </c>
      <c r="M52" s="80">
        <v>31</v>
      </c>
    </row>
    <row r="53" spans="1:13">
      <c r="A53" s="15" t="s">
        <v>96</v>
      </c>
      <c r="B53" s="67">
        <v>8</v>
      </c>
      <c r="C53" s="68">
        <v>14</v>
      </c>
      <c r="D53" s="68">
        <v>-6</v>
      </c>
      <c r="E53" s="67">
        <v>2</v>
      </c>
      <c r="F53" s="68">
        <v>1</v>
      </c>
      <c r="G53" s="69">
        <v>1</v>
      </c>
      <c r="H53" s="68">
        <v>91</v>
      </c>
      <c r="I53" s="68">
        <v>58</v>
      </c>
      <c r="J53" s="68">
        <v>33</v>
      </c>
      <c r="K53" s="67">
        <v>81</v>
      </c>
      <c r="L53" s="79">
        <v>43</v>
      </c>
      <c r="M53" s="80">
        <v>38</v>
      </c>
    </row>
    <row r="54" spans="1:13" ht="21" customHeight="1">
      <c r="A54" s="36" t="s">
        <v>98</v>
      </c>
      <c r="B54" s="64">
        <v>-14</v>
      </c>
      <c r="C54" s="65">
        <v>-3</v>
      </c>
      <c r="D54" s="65">
        <v>-11</v>
      </c>
      <c r="E54" s="64">
        <v>7</v>
      </c>
      <c r="F54" s="65">
        <v>4</v>
      </c>
      <c r="G54" s="66">
        <v>3</v>
      </c>
      <c r="H54" s="65">
        <v>344</v>
      </c>
      <c r="I54" s="65">
        <v>205</v>
      </c>
      <c r="J54" s="65">
        <v>139</v>
      </c>
      <c r="K54" s="64">
        <v>351</v>
      </c>
      <c r="L54" s="77">
        <v>204</v>
      </c>
      <c r="M54" s="78">
        <v>147</v>
      </c>
    </row>
    <row r="55" spans="1:13">
      <c r="A55" s="15" t="s">
        <v>100</v>
      </c>
      <c r="B55" s="67">
        <v>-32</v>
      </c>
      <c r="C55" s="68">
        <v>-24</v>
      </c>
      <c r="D55" s="68">
        <v>-8</v>
      </c>
      <c r="E55" s="67">
        <v>3</v>
      </c>
      <c r="F55" s="68">
        <v>3</v>
      </c>
      <c r="G55" s="69">
        <v>0</v>
      </c>
      <c r="H55" s="68">
        <v>68</v>
      </c>
      <c r="I55" s="68">
        <v>42</v>
      </c>
      <c r="J55" s="68">
        <v>26</v>
      </c>
      <c r="K55" s="67">
        <v>97</v>
      </c>
      <c r="L55" s="79">
        <v>63</v>
      </c>
      <c r="M55" s="80">
        <v>34</v>
      </c>
    </row>
    <row r="56" spans="1:13">
      <c r="A56" s="15" t="s">
        <v>102</v>
      </c>
      <c r="B56" s="67">
        <v>4</v>
      </c>
      <c r="C56" s="68">
        <v>10</v>
      </c>
      <c r="D56" s="68">
        <v>-6</v>
      </c>
      <c r="E56" s="67">
        <v>0</v>
      </c>
      <c r="F56" s="68">
        <v>0</v>
      </c>
      <c r="G56" s="69">
        <v>0</v>
      </c>
      <c r="H56" s="68">
        <v>81</v>
      </c>
      <c r="I56" s="68">
        <v>48</v>
      </c>
      <c r="J56" s="68">
        <v>33</v>
      </c>
      <c r="K56" s="67">
        <v>77</v>
      </c>
      <c r="L56" s="79">
        <v>38</v>
      </c>
      <c r="M56" s="80">
        <v>39</v>
      </c>
    </row>
    <row r="57" spans="1:13">
      <c r="A57" s="15" t="s">
        <v>104</v>
      </c>
      <c r="B57" s="67">
        <v>12</v>
      </c>
      <c r="C57" s="68">
        <v>14</v>
      </c>
      <c r="D57" s="68">
        <v>-2</v>
      </c>
      <c r="E57" s="67">
        <v>1</v>
      </c>
      <c r="F57" s="68">
        <v>1</v>
      </c>
      <c r="G57" s="69">
        <v>0</v>
      </c>
      <c r="H57" s="68">
        <v>65</v>
      </c>
      <c r="I57" s="68">
        <v>45</v>
      </c>
      <c r="J57" s="68">
        <v>20</v>
      </c>
      <c r="K57" s="67">
        <v>52</v>
      </c>
      <c r="L57" s="79">
        <v>30</v>
      </c>
      <c r="M57" s="80">
        <v>22</v>
      </c>
    </row>
    <row r="58" spans="1:13">
      <c r="A58" s="15" t="s">
        <v>106</v>
      </c>
      <c r="B58" s="67">
        <v>-3</v>
      </c>
      <c r="C58" s="68">
        <v>3</v>
      </c>
      <c r="D58" s="68">
        <v>-6</v>
      </c>
      <c r="E58" s="67">
        <v>2</v>
      </c>
      <c r="F58" s="68">
        <v>0</v>
      </c>
      <c r="G58" s="69">
        <v>2</v>
      </c>
      <c r="H58" s="68">
        <v>63</v>
      </c>
      <c r="I58" s="68">
        <v>36</v>
      </c>
      <c r="J58" s="68">
        <v>27</v>
      </c>
      <c r="K58" s="67">
        <v>64</v>
      </c>
      <c r="L58" s="79">
        <v>33</v>
      </c>
      <c r="M58" s="80">
        <v>31</v>
      </c>
    </row>
    <row r="59" spans="1:13">
      <c r="A59" s="15" t="s">
        <v>108</v>
      </c>
      <c r="B59" s="67">
        <v>5</v>
      </c>
      <c r="C59" s="68">
        <v>-6</v>
      </c>
      <c r="D59" s="68">
        <v>11</v>
      </c>
      <c r="E59" s="67">
        <v>1</v>
      </c>
      <c r="F59" s="68">
        <v>0</v>
      </c>
      <c r="G59" s="69">
        <v>1</v>
      </c>
      <c r="H59" s="68">
        <v>67</v>
      </c>
      <c r="I59" s="68">
        <v>34</v>
      </c>
      <c r="J59" s="68">
        <v>33</v>
      </c>
      <c r="K59" s="67">
        <v>61</v>
      </c>
      <c r="L59" s="79">
        <v>40</v>
      </c>
      <c r="M59" s="80">
        <v>21</v>
      </c>
    </row>
    <row r="60" spans="1:13" ht="21" customHeight="1">
      <c r="A60" s="36" t="s">
        <v>110</v>
      </c>
      <c r="B60" s="64">
        <v>26</v>
      </c>
      <c r="C60" s="65">
        <v>-14</v>
      </c>
      <c r="D60" s="65">
        <v>40</v>
      </c>
      <c r="E60" s="64">
        <v>20</v>
      </c>
      <c r="F60" s="65">
        <v>11</v>
      </c>
      <c r="G60" s="66">
        <v>9</v>
      </c>
      <c r="H60" s="65">
        <v>357</v>
      </c>
      <c r="I60" s="65">
        <v>188</v>
      </c>
      <c r="J60" s="65">
        <v>169</v>
      </c>
      <c r="K60" s="64">
        <v>311</v>
      </c>
      <c r="L60" s="77">
        <v>191</v>
      </c>
      <c r="M60" s="78">
        <v>120</v>
      </c>
    </row>
    <row r="61" spans="1:13">
      <c r="A61" s="15" t="s">
        <v>112</v>
      </c>
      <c r="B61" s="67">
        <v>1</v>
      </c>
      <c r="C61" s="68">
        <v>-10</v>
      </c>
      <c r="D61" s="68">
        <v>11</v>
      </c>
      <c r="E61" s="67">
        <v>3</v>
      </c>
      <c r="F61" s="68">
        <v>2</v>
      </c>
      <c r="G61" s="69">
        <v>1</v>
      </c>
      <c r="H61" s="68">
        <v>61</v>
      </c>
      <c r="I61" s="68">
        <v>34</v>
      </c>
      <c r="J61" s="68">
        <v>27</v>
      </c>
      <c r="K61" s="67">
        <v>57</v>
      </c>
      <c r="L61" s="79">
        <v>42</v>
      </c>
      <c r="M61" s="80">
        <v>15</v>
      </c>
    </row>
    <row r="62" spans="1:13">
      <c r="A62" s="15" t="s">
        <v>114</v>
      </c>
      <c r="B62" s="67">
        <v>-3</v>
      </c>
      <c r="C62" s="68">
        <v>-5</v>
      </c>
      <c r="D62" s="68">
        <v>2</v>
      </c>
      <c r="E62" s="67">
        <v>3</v>
      </c>
      <c r="F62" s="68">
        <v>3</v>
      </c>
      <c r="G62" s="69">
        <v>0</v>
      </c>
      <c r="H62" s="68">
        <v>78</v>
      </c>
      <c r="I62" s="68">
        <v>45</v>
      </c>
      <c r="J62" s="68">
        <v>33</v>
      </c>
      <c r="K62" s="67">
        <v>78</v>
      </c>
      <c r="L62" s="79">
        <v>47</v>
      </c>
      <c r="M62" s="80">
        <v>31</v>
      </c>
    </row>
    <row r="63" spans="1:13">
      <c r="A63" s="15" t="s">
        <v>116</v>
      </c>
      <c r="B63" s="67">
        <v>4</v>
      </c>
      <c r="C63" s="68">
        <v>4</v>
      </c>
      <c r="D63" s="68">
        <v>0</v>
      </c>
      <c r="E63" s="67">
        <v>4</v>
      </c>
      <c r="F63" s="68">
        <v>1</v>
      </c>
      <c r="G63" s="69">
        <v>3</v>
      </c>
      <c r="H63" s="68">
        <v>71</v>
      </c>
      <c r="I63" s="68">
        <v>40</v>
      </c>
      <c r="J63" s="68">
        <v>31</v>
      </c>
      <c r="K63" s="67">
        <v>63</v>
      </c>
      <c r="L63" s="79">
        <v>35</v>
      </c>
      <c r="M63" s="80">
        <v>28</v>
      </c>
    </row>
    <row r="64" spans="1:13">
      <c r="A64" s="15" t="s">
        <v>118</v>
      </c>
      <c r="B64" s="67">
        <v>-5</v>
      </c>
      <c r="C64" s="68">
        <v>-12</v>
      </c>
      <c r="D64" s="68">
        <v>7</v>
      </c>
      <c r="E64" s="67">
        <v>7</v>
      </c>
      <c r="F64" s="68">
        <v>2</v>
      </c>
      <c r="G64" s="69">
        <v>5</v>
      </c>
      <c r="H64" s="68">
        <v>60</v>
      </c>
      <c r="I64" s="68">
        <v>23</v>
      </c>
      <c r="J64" s="68">
        <v>37</v>
      </c>
      <c r="K64" s="67">
        <v>58</v>
      </c>
      <c r="L64" s="79">
        <v>33</v>
      </c>
      <c r="M64" s="80">
        <v>25</v>
      </c>
    </row>
    <row r="65" spans="1:13">
      <c r="A65" s="19" t="s">
        <v>120</v>
      </c>
      <c r="B65" s="70">
        <v>29</v>
      </c>
      <c r="C65" s="71">
        <v>9</v>
      </c>
      <c r="D65" s="71">
        <v>20</v>
      </c>
      <c r="E65" s="70">
        <v>3</v>
      </c>
      <c r="F65" s="71">
        <v>3</v>
      </c>
      <c r="G65" s="72">
        <v>0</v>
      </c>
      <c r="H65" s="71">
        <v>87</v>
      </c>
      <c r="I65" s="71">
        <v>46</v>
      </c>
      <c r="J65" s="71">
        <v>41</v>
      </c>
      <c r="K65" s="70">
        <v>55</v>
      </c>
      <c r="L65" s="81">
        <v>34</v>
      </c>
      <c r="M65" s="82">
        <v>21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808</v>
      </c>
      <c r="C69" s="50">
        <v>409</v>
      </c>
      <c r="D69" s="84">
        <v>399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98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19</v>
      </c>
      <c r="C75" s="65">
        <v>12</v>
      </c>
      <c r="D75" s="65">
        <v>7</v>
      </c>
      <c r="E75" s="64">
        <v>32</v>
      </c>
      <c r="F75" s="65">
        <v>23</v>
      </c>
      <c r="G75" s="66">
        <v>9</v>
      </c>
      <c r="H75" s="65">
        <v>306</v>
      </c>
      <c r="I75" s="65">
        <v>179</v>
      </c>
      <c r="J75" s="65">
        <v>127</v>
      </c>
      <c r="K75" s="64">
        <v>255</v>
      </c>
      <c r="L75" s="77">
        <v>144</v>
      </c>
      <c r="M75" s="78">
        <v>111</v>
      </c>
    </row>
    <row r="76" spans="1:13">
      <c r="A76" s="27" t="s">
        <v>5</v>
      </c>
      <c r="B76" s="67">
        <v>17</v>
      </c>
      <c r="C76" s="68">
        <v>8</v>
      </c>
      <c r="D76" s="68">
        <v>9</v>
      </c>
      <c r="E76" s="67">
        <v>8</v>
      </c>
      <c r="F76" s="68">
        <v>5</v>
      </c>
      <c r="G76" s="69">
        <v>3</v>
      </c>
      <c r="H76" s="68">
        <v>82</v>
      </c>
      <c r="I76" s="68">
        <v>47</v>
      </c>
      <c r="J76" s="68">
        <v>35</v>
      </c>
      <c r="K76" s="67">
        <v>57</v>
      </c>
      <c r="L76" s="79">
        <v>34</v>
      </c>
      <c r="M76" s="80">
        <v>23</v>
      </c>
    </row>
    <row r="77" spans="1:13">
      <c r="A77" s="27" t="s">
        <v>7</v>
      </c>
      <c r="B77" s="67">
        <v>-1</v>
      </c>
      <c r="C77" s="68">
        <v>7</v>
      </c>
      <c r="D77" s="68">
        <v>-8</v>
      </c>
      <c r="E77" s="67">
        <v>6</v>
      </c>
      <c r="F77" s="68">
        <v>3</v>
      </c>
      <c r="G77" s="69">
        <v>3</v>
      </c>
      <c r="H77" s="68">
        <v>66</v>
      </c>
      <c r="I77" s="68">
        <v>41</v>
      </c>
      <c r="J77" s="68">
        <v>25</v>
      </c>
      <c r="K77" s="67">
        <v>61</v>
      </c>
      <c r="L77" s="79">
        <v>31</v>
      </c>
      <c r="M77" s="80">
        <v>30</v>
      </c>
    </row>
    <row r="78" spans="1:13">
      <c r="A78" s="27" t="s">
        <v>9</v>
      </c>
      <c r="B78" s="67">
        <v>8</v>
      </c>
      <c r="C78" s="68">
        <v>6</v>
      </c>
      <c r="D78" s="68">
        <v>2</v>
      </c>
      <c r="E78" s="67">
        <v>6</v>
      </c>
      <c r="F78" s="68">
        <v>5</v>
      </c>
      <c r="G78" s="69">
        <v>1</v>
      </c>
      <c r="H78" s="68">
        <v>64</v>
      </c>
      <c r="I78" s="68">
        <v>40</v>
      </c>
      <c r="J78" s="68">
        <v>24</v>
      </c>
      <c r="K78" s="67">
        <v>50</v>
      </c>
      <c r="L78" s="79">
        <v>29</v>
      </c>
      <c r="M78" s="80">
        <v>21</v>
      </c>
    </row>
    <row r="79" spans="1:13">
      <c r="A79" s="27" t="s">
        <v>11</v>
      </c>
      <c r="B79" s="67">
        <v>5</v>
      </c>
      <c r="C79" s="68">
        <v>-5</v>
      </c>
      <c r="D79" s="68">
        <v>10</v>
      </c>
      <c r="E79" s="67">
        <v>7</v>
      </c>
      <c r="F79" s="68">
        <v>6</v>
      </c>
      <c r="G79" s="69">
        <v>1</v>
      </c>
      <c r="H79" s="68">
        <v>54</v>
      </c>
      <c r="I79" s="68">
        <v>28</v>
      </c>
      <c r="J79" s="68">
        <v>26</v>
      </c>
      <c r="K79" s="67">
        <v>42</v>
      </c>
      <c r="L79" s="79">
        <v>27</v>
      </c>
      <c r="M79" s="80">
        <v>15</v>
      </c>
    </row>
    <row r="80" spans="1:13">
      <c r="A80" s="27" t="s">
        <v>13</v>
      </c>
      <c r="B80" s="67">
        <v>-10</v>
      </c>
      <c r="C80" s="68">
        <v>-4</v>
      </c>
      <c r="D80" s="68">
        <v>-6</v>
      </c>
      <c r="E80" s="67">
        <v>5</v>
      </c>
      <c r="F80" s="68">
        <v>4</v>
      </c>
      <c r="G80" s="69">
        <v>1</v>
      </c>
      <c r="H80" s="68">
        <v>40</v>
      </c>
      <c r="I80" s="68">
        <v>23</v>
      </c>
      <c r="J80" s="68">
        <v>17</v>
      </c>
      <c r="K80" s="67">
        <v>45</v>
      </c>
      <c r="L80" s="79">
        <v>23</v>
      </c>
      <c r="M80" s="80">
        <v>22</v>
      </c>
    </row>
    <row r="81" spans="1:13" ht="21" customHeight="1">
      <c r="A81" s="38" t="s">
        <v>15</v>
      </c>
      <c r="B81" s="64">
        <v>-20</v>
      </c>
      <c r="C81" s="65">
        <v>-3</v>
      </c>
      <c r="D81" s="65">
        <v>-17</v>
      </c>
      <c r="E81" s="64">
        <v>35</v>
      </c>
      <c r="F81" s="65">
        <v>23</v>
      </c>
      <c r="G81" s="66">
        <v>12</v>
      </c>
      <c r="H81" s="65">
        <v>234</v>
      </c>
      <c r="I81" s="65">
        <v>133</v>
      </c>
      <c r="J81" s="65">
        <v>101</v>
      </c>
      <c r="K81" s="64">
        <v>219</v>
      </c>
      <c r="L81" s="77">
        <v>113</v>
      </c>
      <c r="M81" s="78">
        <v>106</v>
      </c>
    </row>
    <row r="82" spans="1:13">
      <c r="A82" s="27" t="s">
        <v>17</v>
      </c>
      <c r="B82" s="67">
        <v>-5</v>
      </c>
      <c r="C82" s="68">
        <v>0</v>
      </c>
      <c r="D82" s="68">
        <v>-5</v>
      </c>
      <c r="E82" s="67">
        <v>6</v>
      </c>
      <c r="F82" s="68">
        <v>5</v>
      </c>
      <c r="G82" s="69">
        <v>1</v>
      </c>
      <c r="H82" s="68">
        <v>59</v>
      </c>
      <c r="I82" s="68">
        <v>35</v>
      </c>
      <c r="J82" s="68">
        <v>24</v>
      </c>
      <c r="K82" s="67">
        <v>58</v>
      </c>
      <c r="L82" s="79">
        <v>30</v>
      </c>
      <c r="M82" s="80">
        <v>28</v>
      </c>
    </row>
    <row r="83" spans="1:13">
      <c r="A83" s="27" t="s">
        <v>19</v>
      </c>
      <c r="B83" s="67">
        <v>-6</v>
      </c>
      <c r="C83" s="68">
        <v>6</v>
      </c>
      <c r="D83" s="68">
        <v>-12</v>
      </c>
      <c r="E83" s="67">
        <v>5</v>
      </c>
      <c r="F83" s="68">
        <v>0</v>
      </c>
      <c r="G83" s="69">
        <v>5</v>
      </c>
      <c r="H83" s="68">
        <v>45</v>
      </c>
      <c r="I83" s="68">
        <v>28</v>
      </c>
      <c r="J83" s="68">
        <v>17</v>
      </c>
      <c r="K83" s="67">
        <v>46</v>
      </c>
      <c r="L83" s="79">
        <v>22</v>
      </c>
      <c r="M83" s="80">
        <v>24</v>
      </c>
    </row>
    <row r="84" spans="1:13">
      <c r="A84" s="27" t="s">
        <v>21</v>
      </c>
      <c r="B84" s="67">
        <v>-4</v>
      </c>
      <c r="C84" s="68">
        <v>5</v>
      </c>
      <c r="D84" s="68">
        <v>-9</v>
      </c>
      <c r="E84" s="67">
        <v>8</v>
      </c>
      <c r="F84" s="68">
        <v>6</v>
      </c>
      <c r="G84" s="69">
        <v>2</v>
      </c>
      <c r="H84" s="68">
        <v>45</v>
      </c>
      <c r="I84" s="68">
        <v>29</v>
      </c>
      <c r="J84" s="68">
        <v>16</v>
      </c>
      <c r="K84" s="67">
        <v>41</v>
      </c>
      <c r="L84" s="79">
        <v>18</v>
      </c>
      <c r="M84" s="80">
        <v>23</v>
      </c>
    </row>
    <row r="85" spans="1:13">
      <c r="A85" s="27" t="s">
        <v>23</v>
      </c>
      <c r="B85" s="67">
        <v>-12</v>
      </c>
      <c r="C85" s="68">
        <v>-11</v>
      </c>
      <c r="D85" s="68">
        <v>-1</v>
      </c>
      <c r="E85" s="67">
        <v>10</v>
      </c>
      <c r="F85" s="68">
        <v>7</v>
      </c>
      <c r="G85" s="69">
        <v>3</v>
      </c>
      <c r="H85" s="68">
        <v>39</v>
      </c>
      <c r="I85" s="68">
        <v>16</v>
      </c>
      <c r="J85" s="68">
        <v>23</v>
      </c>
      <c r="K85" s="67">
        <v>41</v>
      </c>
      <c r="L85" s="79">
        <v>20</v>
      </c>
      <c r="M85" s="80">
        <v>21</v>
      </c>
    </row>
    <row r="86" spans="1:13">
      <c r="A86" s="27" t="s">
        <v>25</v>
      </c>
      <c r="B86" s="67">
        <v>7</v>
      </c>
      <c r="C86" s="68">
        <v>-3</v>
      </c>
      <c r="D86" s="68">
        <v>10</v>
      </c>
      <c r="E86" s="67">
        <v>6</v>
      </c>
      <c r="F86" s="68">
        <v>5</v>
      </c>
      <c r="G86" s="69">
        <v>1</v>
      </c>
      <c r="H86" s="68">
        <v>46</v>
      </c>
      <c r="I86" s="68">
        <v>25</v>
      </c>
      <c r="J86" s="68">
        <v>21</v>
      </c>
      <c r="K86" s="67">
        <v>33</v>
      </c>
      <c r="L86" s="79">
        <v>23</v>
      </c>
      <c r="M86" s="80">
        <v>10</v>
      </c>
    </row>
    <row r="87" spans="1:13" ht="21" customHeight="1">
      <c r="A87" s="38" t="s">
        <v>27</v>
      </c>
      <c r="B87" s="64">
        <v>-61</v>
      </c>
      <c r="C87" s="65">
        <v>-54</v>
      </c>
      <c r="D87" s="65">
        <v>-7</v>
      </c>
      <c r="E87" s="64">
        <v>42</v>
      </c>
      <c r="F87" s="65">
        <v>30</v>
      </c>
      <c r="G87" s="66">
        <v>12</v>
      </c>
      <c r="H87" s="65">
        <v>145</v>
      </c>
      <c r="I87" s="65">
        <v>74</v>
      </c>
      <c r="J87" s="65">
        <v>71</v>
      </c>
      <c r="K87" s="64">
        <v>164</v>
      </c>
      <c r="L87" s="77">
        <v>98</v>
      </c>
      <c r="M87" s="78">
        <v>66</v>
      </c>
    </row>
    <row r="88" spans="1:13">
      <c r="A88" s="27" t="s">
        <v>29</v>
      </c>
      <c r="B88" s="67">
        <v>-8</v>
      </c>
      <c r="C88" s="68">
        <v>-5</v>
      </c>
      <c r="D88" s="68">
        <v>-3</v>
      </c>
      <c r="E88" s="67">
        <v>8</v>
      </c>
      <c r="F88" s="68">
        <v>6</v>
      </c>
      <c r="G88" s="69">
        <v>2</v>
      </c>
      <c r="H88" s="68">
        <v>39</v>
      </c>
      <c r="I88" s="68">
        <v>24</v>
      </c>
      <c r="J88" s="68">
        <v>15</v>
      </c>
      <c r="K88" s="67">
        <v>39</v>
      </c>
      <c r="L88" s="79">
        <v>23</v>
      </c>
      <c r="M88" s="80">
        <v>16</v>
      </c>
    </row>
    <row r="89" spans="1:13">
      <c r="A89" s="27" t="s">
        <v>31</v>
      </c>
      <c r="B89" s="67">
        <v>-16</v>
      </c>
      <c r="C89" s="68">
        <v>-14</v>
      </c>
      <c r="D89" s="68">
        <v>-2</v>
      </c>
      <c r="E89" s="67">
        <v>8</v>
      </c>
      <c r="F89" s="68">
        <v>5</v>
      </c>
      <c r="G89" s="69">
        <v>3</v>
      </c>
      <c r="H89" s="68">
        <v>33</v>
      </c>
      <c r="I89" s="68">
        <v>15</v>
      </c>
      <c r="J89" s="68">
        <v>18</v>
      </c>
      <c r="K89" s="67">
        <v>41</v>
      </c>
      <c r="L89" s="79">
        <v>24</v>
      </c>
      <c r="M89" s="80">
        <v>17</v>
      </c>
    </row>
    <row r="90" spans="1:13">
      <c r="A90" s="27" t="s">
        <v>33</v>
      </c>
      <c r="B90" s="67">
        <v>-12</v>
      </c>
      <c r="C90" s="68">
        <v>-9</v>
      </c>
      <c r="D90" s="68">
        <v>-3</v>
      </c>
      <c r="E90" s="67">
        <v>7</v>
      </c>
      <c r="F90" s="68">
        <v>5</v>
      </c>
      <c r="G90" s="69">
        <v>2</v>
      </c>
      <c r="H90" s="68">
        <v>24</v>
      </c>
      <c r="I90" s="68">
        <v>13</v>
      </c>
      <c r="J90" s="68">
        <v>11</v>
      </c>
      <c r="K90" s="67">
        <v>29</v>
      </c>
      <c r="L90" s="79">
        <v>17</v>
      </c>
      <c r="M90" s="80">
        <v>12</v>
      </c>
    </row>
    <row r="91" spans="1:13">
      <c r="A91" s="27" t="s">
        <v>35</v>
      </c>
      <c r="B91" s="67">
        <v>-20</v>
      </c>
      <c r="C91" s="68">
        <v>-18</v>
      </c>
      <c r="D91" s="68">
        <v>-2</v>
      </c>
      <c r="E91" s="67">
        <v>8</v>
      </c>
      <c r="F91" s="68">
        <v>7</v>
      </c>
      <c r="G91" s="69">
        <v>1</v>
      </c>
      <c r="H91" s="68">
        <v>19</v>
      </c>
      <c r="I91" s="68">
        <v>8</v>
      </c>
      <c r="J91" s="68">
        <v>11</v>
      </c>
      <c r="K91" s="67">
        <v>31</v>
      </c>
      <c r="L91" s="79">
        <v>19</v>
      </c>
      <c r="M91" s="80">
        <v>12</v>
      </c>
    </row>
    <row r="92" spans="1:13">
      <c r="A92" s="27" t="s">
        <v>37</v>
      </c>
      <c r="B92" s="67">
        <v>-5</v>
      </c>
      <c r="C92" s="68">
        <v>-8</v>
      </c>
      <c r="D92" s="68">
        <v>3</v>
      </c>
      <c r="E92" s="67">
        <v>11</v>
      </c>
      <c r="F92" s="68">
        <v>7</v>
      </c>
      <c r="G92" s="69">
        <v>4</v>
      </c>
      <c r="H92" s="68">
        <v>30</v>
      </c>
      <c r="I92" s="68">
        <v>14</v>
      </c>
      <c r="J92" s="68">
        <v>16</v>
      </c>
      <c r="K92" s="67">
        <v>24</v>
      </c>
      <c r="L92" s="79">
        <v>15</v>
      </c>
      <c r="M92" s="80">
        <v>9</v>
      </c>
    </row>
    <row r="93" spans="1:13" ht="21" customHeight="1">
      <c r="A93" s="38" t="s">
        <v>39</v>
      </c>
      <c r="B93" s="64">
        <v>-99</v>
      </c>
      <c r="C93" s="65">
        <v>-59</v>
      </c>
      <c r="D93" s="65">
        <v>-40</v>
      </c>
      <c r="E93" s="64">
        <v>78</v>
      </c>
      <c r="F93" s="65">
        <v>57</v>
      </c>
      <c r="G93" s="66">
        <v>21</v>
      </c>
      <c r="H93" s="65">
        <v>94</v>
      </c>
      <c r="I93" s="65">
        <v>56</v>
      </c>
      <c r="J93" s="65">
        <v>38</v>
      </c>
      <c r="K93" s="64">
        <v>115</v>
      </c>
      <c r="L93" s="77">
        <v>58</v>
      </c>
      <c r="M93" s="78">
        <v>57</v>
      </c>
    </row>
    <row r="94" spans="1:13">
      <c r="A94" s="27" t="s">
        <v>41</v>
      </c>
      <c r="B94" s="67">
        <v>-8</v>
      </c>
      <c r="C94" s="68">
        <v>-8</v>
      </c>
      <c r="D94" s="68">
        <v>0</v>
      </c>
      <c r="E94" s="67">
        <v>13</v>
      </c>
      <c r="F94" s="68">
        <v>9</v>
      </c>
      <c r="G94" s="69">
        <v>4</v>
      </c>
      <c r="H94" s="68">
        <v>26</v>
      </c>
      <c r="I94" s="68">
        <v>12</v>
      </c>
      <c r="J94" s="68">
        <v>14</v>
      </c>
      <c r="K94" s="67">
        <v>21</v>
      </c>
      <c r="L94" s="79">
        <v>11</v>
      </c>
      <c r="M94" s="80">
        <v>10</v>
      </c>
    </row>
    <row r="95" spans="1:13">
      <c r="A95" s="27" t="s">
        <v>43</v>
      </c>
      <c r="B95" s="67">
        <v>-24</v>
      </c>
      <c r="C95" s="68">
        <v>-15</v>
      </c>
      <c r="D95" s="68">
        <v>-9</v>
      </c>
      <c r="E95" s="67">
        <v>20</v>
      </c>
      <c r="F95" s="68">
        <v>16</v>
      </c>
      <c r="G95" s="69">
        <v>4</v>
      </c>
      <c r="H95" s="68">
        <v>19</v>
      </c>
      <c r="I95" s="68">
        <v>15</v>
      </c>
      <c r="J95" s="68">
        <v>4</v>
      </c>
      <c r="K95" s="67">
        <v>23</v>
      </c>
      <c r="L95" s="79">
        <v>14</v>
      </c>
      <c r="M95" s="80">
        <v>9</v>
      </c>
    </row>
    <row r="96" spans="1:13">
      <c r="A96" s="27" t="s">
        <v>45</v>
      </c>
      <c r="B96" s="67">
        <v>-25</v>
      </c>
      <c r="C96" s="68">
        <v>-11</v>
      </c>
      <c r="D96" s="68">
        <v>-14</v>
      </c>
      <c r="E96" s="67">
        <v>11</v>
      </c>
      <c r="F96" s="68">
        <v>7</v>
      </c>
      <c r="G96" s="69">
        <v>4</v>
      </c>
      <c r="H96" s="68">
        <v>12</v>
      </c>
      <c r="I96" s="68">
        <v>5</v>
      </c>
      <c r="J96" s="68">
        <v>7</v>
      </c>
      <c r="K96" s="67">
        <v>26</v>
      </c>
      <c r="L96" s="79">
        <v>9</v>
      </c>
      <c r="M96" s="80">
        <v>17</v>
      </c>
    </row>
    <row r="97" spans="1:13">
      <c r="A97" s="27" t="s">
        <v>47</v>
      </c>
      <c r="B97" s="67">
        <v>-20</v>
      </c>
      <c r="C97" s="68">
        <v>-16</v>
      </c>
      <c r="D97" s="68">
        <v>-4</v>
      </c>
      <c r="E97" s="67">
        <v>17</v>
      </c>
      <c r="F97" s="68">
        <v>14</v>
      </c>
      <c r="G97" s="69">
        <v>3</v>
      </c>
      <c r="H97" s="68">
        <v>17</v>
      </c>
      <c r="I97" s="68">
        <v>10</v>
      </c>
      <c r="J97" s="68">
        <v>7</v>
      </c>
      <c r="K97" s="67">
        <v>20</v>
      </c>
      <c r="L97" s="79">
        <v>12</v>
      </c>
      <c r="M97" s="80">
        <v>8</v>
      </c>
    </row>
    <row r="98" spans="1:13">
      <c r="A98" s="27" t="s">
        <v>49</v>
      </c>
      <c r="B98" s="67">
        <v>-22</v>
      </c>
      <c r="C98" s="68">
        <v>-9</v>
      </c>
      <c r="D98" s="68">
        <v>-13</v>
      </c>
      <c r="E98" s="67">
        <v>17</v>
      </c>
      <c r="F98" s="68">
        <v>11</v>
      </c>
      <c r="G98" s="69">
        <v>6</v>
      </c>
      <c r="H98" s="68">
        <v>20</v>
      </c>
      <c r="I98" s="68">
        <v>14</v>
      </c>
      <c r="J98" s="68">
        <v>6</v>
      </c>
      <c r="K98" s="67">
        <v>25</v>
      </c>
      <c r="L98" s="79">
        <v>12</v>
      </c>
      <c r="M98" s="80">
        <v>13</v>
      </c>
    </row>
    <row r="99" spans="1:13" ht="21" customHeight="1">
      <c r="A99" s="38" t="s">
        <v>51</v>
      </c>
      <c r="B99" s="64">
        <v>-161</v>
      </c>
      <c r="C99" s="65">
        <v>-112</v>
      </c>
      <c r="D99" s="65">
        <v>-49</v>
      </c>
      <c r="E99" s="64">
        <v>152</v>
      </c>
      <c r="F99" s="65">
        <v>109</v>
      </c>
      <c r="G99" s="66">
        <v>43</v>
      </c>
      <c r="H99" s="65">
        <v>104</v>
      </c>
      <c r="I99" s="65">
        <v>58</v>
      </c>
      <c r="J99" s="65">
        <v>46</v>
      </c>
      <c r="K99" s="64">
        <v>113</v>
      </c>
      <c r="L99" s="77">
        <v>61</v>
      </c>
      <c r="M99" s="78">
        <v>52</v>
      </c>
    </row>
    <row r="100" spans="1:13">
      <c r="A100" s="27" t="s">
        <v>53</v>
      </c>
      <c r="B100" s="67">
        <v>-27</v>
      </c>
      <c r="C100" s="68">
        <v>-20</v>
      </c>
      <c r="D100" s="68">
        <v>-7</v>
      </c>
      <c r="E100" s="67">
        <v>20</v>
      </c>
      <c r="F100" s="68">
        <v>16</v>
      </c>
      <c r="G100" s="69">
        <v>4</v>
      </c>
      <c r="H100" s="68">
        <v>16</v>
      </c>
      <c r="I100" s="68">
        <v>8</v>
      </c>
      <c r="J100" s="68">
        <v>8</v>
      </c>
      <c r="K100" s="67">
        <v>23</v>
      </c>
      <c r="L100" s="79">
        <v>12</v>
      </c>
      <c r="M100" s="80">
        <v>11</v>
      </c>
    </row>
    <row r="101" spans="1:13">
      <c r="A101" s="27" t="s">
        <v>55</v>
      </c>
      <c r="B101" s="67">
        <v>-30</v>
      </c>
      <c r="C101" s="68">
        <v>-18</v>
      </c>
      <c r="D101" s="68">
        <v>-12</v>
      </c>
      <c r="E101" s="67">
        <v>26</v>
      </c>
      <c r="F101" s="68">
        <v>18</v>
      </c>
      <c r="G101" s="69">
        <v>8</v>
      </c>
      <c r="H101" s="68">
        <v>19</v>
      </c>
      <c r="I101" s="68">
        <v>13</v>
      </c>
      <c r="J101" s="68">
        <v>6</v>
      </c>
      <c r="K101" s="67">
        <v>23</v>
      </c>
      <c r="L101" s="79">
        <v>13</v>
      </c>
      <c r="M101" s="80">
        <v>10</v>
      </c>
    </row>
    <row r="102" spans="1:13">
      <c r="A102" s="27" t="s">
        <v>57</v>
      </c>
      <c r="B102" s="67">
        <v>-33</v>
      </c>
      <c r="C102" s="68">
        <v>-24</v>
      </c>
      <c r="D102" s="68">
        <v>-9</v>
      </c>
      <c r="E102" s="67">
        <v>31</v>
      </c>
      <c r="F102" s="68">
        <v>21</v>
      </c>
      <c r="G102" s="69">
        <v>10</v>
      </c>
      <c r="H102" s="68">
        <v>19</v>
      </c>
      <c r="I102" s="68">
        <v>12</v>
      </c>
      <c r="J102" s="68">
        <v>7</v>
      </c>
      <c r="K102" s="67">
        <v>21</v>
      </c>
      <c r="L102" s="79">
        <v>15</v>
      </c>
      <c r="M102" s="80">
        <v>6</v>
      </c>
    </row>
    <row r="103" spans="1:13">
      <c r="A103" s="27" t="s">
        <v>59</v>
      </c>
      <c r="B103" s="67">
        <v>-49</v>
      </c>
      <c r="C103" s="68">
        <v>-31</v>
      </c>
      <c r="D103" s="68">
        <v>-18</v>
      </c>
      <c r="E103" s="67">
        <v>36</v>
      </c>
      <c r="F103" s="68">
        <v>27</v>
      </c>
      <c r="G103" s="69">
        <v>9</v>
      </c>
      <c r="H103" s="68">
        <v>19</v>
      </c>
      <c r="I103" s="68">
        <v>11</v>
      </c>
      <c r="J103" s="68">
        <v>8</v>
      </c>
      <c r="K103" s="67">
        <v>32</v>
      </c>
      <c r="L103" s="79">
        <v>15</v>
      </c>
      <c r="M103" s="80">
        <v>17</v>
      </c>
    </row>
    <row r="104" spans="1:13">
      <c r="A104" s="27" t="s">
        <v>61</v>
      </c>
      <c r="B104" s="67">
        <v>-22</v>
      </c>
      <c r="C104" s="68">
        <v>-19</v>
      </c>
      <c r="D104" s="68">
        <v>-3</v>
      </c>
      <c r="E104" s="67">
        <v>39</v>
      </c>
      <c r="F104" s="68">
        <v>27</v>
      </c>
      <c r="G104" s="69">
        <v>12</v>
      </c>
      <c r="H104" s="68">
        <v>31</v>
      </c>
      <c r="I104" s="68">
        <v>14</v>
      </c>
      <c r="J104" s="68">
        <v>17</v>
      </c>
      <c r="K104" s="67">
        <v>14</v>
      </c>
      <c r="L104" s="79">
        <v>6</v>
      </c>
      <c r="M104" s="80">
        <v>8</v>
      </c>
    </row>
    <row r="105" spans="1:13" ht="21" customHeight="1">
      <c r="A105" s="38" t="s">
        <v>63</v>
      </c>
      <c r="B105" s="64">
        <v>-173</v>
      </c>
      <c r="C105" s="65">
        <v>-112</v>
      </c>
      <c r="D105" s="65">
        <v>-61</v>
      </c>
      <c r="E105" s="64">
        <v>180</v>
      </c>
      <c r="F105" s="65">
        <v>118</v>
      </c>
      <c r="G105" s="66">
        <v>62</v>
      </c>
      <c r="H105" s="65">
        <v>76</v>
      </c>
      <c r="I105" s="65">
        <v>36</v>
      </c>
      <c r="J105" s="65">
        <v>40</v>
      </c>
      <c r="K105" s="64">
        <v>69</v>
      </c>
      <c r="L105" s="77">
        <v>30</v>
      </c>
      <c r="M105" s="78">
        <v>39</v>
      </c>
    </row>
    <row r="106" spans="1:13">
      <c r="A106" s="27" t="s">
        <v>65</v>
      </c>
      <c r="B106" s="67">
        <v>-44</v>
      </c>
      <c r="C106" s="68">
        <v>-29</v>
      </c>
      <c r="D106" s="68">
        <v>-15</v>
      </c>
      <c r="E106" s="67">
        <v>46</v>
      </c>
      <c r="F106" s="68">
        <v>29</v>
      </c>
      <c r="G106" s="69">
        <v>17</v>
      </c>
      <c r="H106" s="68">
        <v>18</v>
      </c>
      <c r="I106" s="68">
        <v>9</v>
      </c>
      <c r="J106" s="68">
        <v>9</v>
      </c>
      <c r="K106" s="67">
        <v>16</v>
      </c>
      <c r="L106" s="79">
        <v>9</v>
      </c>
      <c r="M106" s="80">
        <v>7</v>
      </c>
    </row>
    <row r="107" spans="1:13">
      <c r="A107" s="27" t="s">
        <v>67</v>
      </c>
      <c r="B107" s="67">
        <v>-30</v>
      </c>
      <c r="C107" s="68">
        <v>-21</v>
      </c>
      <c r="D107" s="68">
        <v>-9</v>
      </c>
      <c r="E107" s="67">
        <v>26</v>
      </c>
      <c r="F107" s="68">
        <v>19</v>
      </c>
      <c r="G107" s="69">
        <v>7</v>
      </c>
      <c r="H107" s="68">
        <v>12</v>
      </c>
      <c r="I107" s="68">
        <v>6</v>
      </c>
      <c r="J107" s="68">
        <v>6</v>
      </c>
      <c r="K107" s="67">
        <v>16</v>
      </c>
      <c r="L107" s="79">
        <v>8</v>
      </c>
      <c r="M107" s="80">
        <v>8</v>
      </c>
    </row>
    <row r="108" spans="1:13">
      <c r="A108" s="27" t="s">
        <v>69</v>
      </c>
      <c r="B108" s="67">
        <v>-27</v>
      </c>
      <c r="C108" s="68">
        <v>-19</v>
      </c>
      <c r="D108" s="68">
        <v>-8</v>
      </c>
      <c r="E108" s="67">
        <v>28</v>
      </c>
      <c r="F108" s="68">
        <v>20</v>
      </c>
      <c r="G108" s="69">
        <v>8</v>
      </c>
      <c r="H108" s="68">
        <v>13</v>
      </c>
      <c r="I108" s="68">
        <v>5</v>
      </c>
      <c r="J108" s="68">
        <v>8</v>
      </c>
      <c r="K108" s="67">
        <v>12</v>
      </c>
      <c r="L108" s="79">
        <v>4</v>
      </c>
      <c r="M108" s="80">
        <v>8</v>
      </c>
    </row>
    <row r="109" spans="1:13">
      <c r="A109" s="27" t="s">
        <v>71</v>
      </c>
      <c r="B109" s="67">
        <v>-30</v>
      </c>
      <c r="C109" s="68">
        <v>-14</v>
      </c>
      <c r="D109" s="68">
        <v>-16</v>
      </c>
      <c r="E109" s="67">
        <v>30</v>
      </c>
      <c r="F109" s="68">
        <v>16</v>
      </c>
      <c r="G109" s="69">
        <v>14</v>
      </c>
      <c r="H109" s="68">
        <v>16</v>
      </c>
      <c r="I109" s="68">
        <v>7</v>
      </c>
      <c r="J109" s="68">
        <v>9</v>
      </c>
      <c r="K109" s="67">
        <v>16</v>
      </c>
      <c r="L109" s="79">
        <v>5</v>
      </c>
      <c r="M109" s="80">
        <v>11</v>
      </c>
    </row>
    <row r="110" spans="1:13">
      <c r="A110" s="27" t="s">
        <v>73</v>
      </c>
      <c r="B110" s="67">
        <v>-42</v>
      </c>
      <c r="C110" s="68">
        <v>-29</v>
      </c>
      <c r="D110" s="68">
        <v>-13</v>
      </c>
      <c r="E110" s="67">
        <v>50</v>
      </c>
      <c r="F110" s="68">
        <v>34</v>
      </c>
      <c r="G110" s="69">
        <v>16</v>
      </c>
      <c r="H110" s="68">
        <v>17</v>
      </c>
      <c r="I110" s="68">
        <v>9</v>
      </c>
      <c r="J110" s="68">
        <v>8</v>
      </c>
      <c r="K110" s="67">
        <v>9</v>
      </c>
      <c r="L110" s="79">
        <v>4</v>
      </c>
      <c r="M110" s="80">
        <v>5</v>
      </c>
    </row>
    <row r="111" spans="1:13" ht="21" customHeight="1">
      <c r="A111" s="38" t="s">
        <v>75</v>
      </c>
      <c r="B111" s="64">
        <v>-264</v>
      </c>
      <c r="C111" s="65">
        <v>-160</v>
      </c>
      <c r="D111" s="65">
        <v>-104</v>
      </c>
      <c r="E111" s="64">
        <v>272</v>
      </c>
      <c r="F111" s="65">
        <v>157</v>
      </c>
      <c r="G111" s="66">
        <v>115</v>
      </c>
      <c r="H111" s="65">
        <v>77</v>
      </c>
      <c r="I111" s="65">
        <v>24</v>
      </c>
      <c r="J111" s="65">
        <v>53</v>
      </c>
      <c r="K111" s="64">
        <v>69</v>
      </c>
      <c r="L111" s="77">
        <v>27</v>
      </c>
      <c r="M111" s="78">
        <v>42</v>
      </c>
    </row>
    <row r="112" spans="1:13">
      <c r="A112" s="27" t="s">
        <v>77</v>
      </c>
      <c r="B112" s="67">
        <v>-38</v>
      </c>
      <c r="C112" s="68">
        <v>-31</v>
      </c>
      <c r="D112" s="68">
        <v>-7</v>
      </c>
      <c r="E112" s="67">
        <v>47</v>
      </c>
      <c r="F112" s="68">
        <v>30</v>
      </c>
      <c r="G112" s="69">
        <v>17</v>
      </c>
      <c r="H112" s="68">
        <v>26</v>
      </c>
      <c r="I112" s="68">
        <v>7</v>
      </c>
      <c r="J112" s="68">
        <v>19</v>
      </c>
      <c r="K112" s="67">
        <v>17</v>
      </c>
      <c r="L112" s="79">
        <v>8</v>
      </c>
      <c r="M112" s="80">
        <v>9</v>
      </c>
    </row>
    <row r="113" spans="1:13">
      <c r="A113" s="27" t="s">
        <v>79</v>
      </c>
      <c r="B113" s="67">
        <v>-54</v>
      </c>
      <c r="C113" s="68">
        <v>-32</v>
      </c>
      <c r="D113" s="68">
        <v>-22</v>
      </c>
      <c r="E113" s="67">
        <v>61</v>
      </c>
      <c r="F113" s="68">
        <v>33</v>
      </c>
      <c r="G113" s="69">
        <v>28</v>
      </c>
      <c r="H113" s="68">
        <v>18</v>
      </c>
      <c r="I113" s="68">
        <v>6</v>
      </c>
      <c r="J113" s="68">
        <v>12</v>
      </c>
      <c r="K113" s="67">
        <v>11</v>
      </c>
      <c r="L113" s="79">
        <v>5</v>
      </c>
      <c r="M113" s="80">
        <v>6</v>
      </c>
    </row>
    <row r="114" spans="1:13">
      <c r="A114" s="27" t="s">
        <v>81</v>
      </c>
      <c r="B114" s="67">
        <v>-62</v>
      </c>
      <c r="C114" s="68">
        <v>-33</v>
      </c>
      <c r="D114" s="68">
        <v>-29</v>
      </c>
      <c r="E114" s="67">
        <v>58</v>
      </c>
      <c r="F114" s="68">
        <v>34</v>
      </c>
      <c r="G114" s="69">
        <v>24</v>
      </c>
      <c r="H114" s="68">
        <v>16</v>
      </c>
      <c r="I114" s="68">
        <v>7</v>
      </c>
      <c r="J114" s="68">
        <v>9</v>
      </c>
      <c r="K114" s="67">
        <v>20</v>
      </c>
      <c r="L114" s="79">
        <v>6</v>
      </c>
      <c r="M114" s="80">
        <v>14</v>
      </c>
    </row>
    <row r="115" spans="1:13">
      <c r="A115" s="27" t="s">
        <v>83</v>
      </c>
      <c r="B115" s="67">
        <v>-46</v>
      </c>
      <c r="C115" s="68">
        <v>-32</v>
      </c>
      <c r="D115" s="68">
        <v>-14</v>
      </c>
      <c r="E115" s="67">
        <v>50</v>
      </c>
      <c r="F115" s="68">
        <v>32</v>
      </c>
      <c r="G115" s="69">
        <v>18</v>
      </c>
      <c r="H115" s="68">
        <v>12</v>
      </c>
      <c r="I115" s="68">
        <v>2</v>
      </c>
      <c r="J115" s="68">
        <v>10</v>
      </c>
      <c r="K115" s="67">
        <v>8</v>
      </c>
      <c r="L115" s="79">
        <v>2</v>
      </c>
      <c r="M115" s="80">
        <v>6</v>
      </c>
    </row>
    <row r="116" spans="1:13">
      <c r="A116" s="27" t="s">
        <v>85</v>
      </c>
      <c r="B116" s="67">
        <v>-64</v>
      </c>
      <c r="C116" s="68">
        <v>-32</v>
      </c>
      <c r="D116" s="68">
        <v>-32</v>
      </c>
      <c r="E116" s="67">
        <v>56</v>
      </c>
      <c r="F116" s="68">
        <v>28</v>
      </c>
      <c r="G116" s="69">
        <v>28</v>
      </c>
      <c r="H116" s="68">
        <v>5</v>
      </c>
      <c r="I116" s="68">
        <v>2</v>
      </c>
      <c r="J116" s="68">
        <v>3</v>
      </c>
      <c r="K116" s="67">
        <v>13</v>
      </c>
      <c r="L116" s="79">
        <v>6</v>
      </c>
      <c r="M116" s="80">
        <v>7</v>
      </c>
    </row>
    <row r="117" spans="1:13" ht="21" customHeight="1">
      <c r="A117" s="38" t="s">
        <v>87</v>
      </c>
      <c r="B117" s="64">
        <v>-307</v>
      </c>
      <c r="C117" s="65">
        <v>-176</v>
      </c>
      <c r="D117" s="65">
        <v>-131</v>
      </c>
      <c r="E117" s="64">
        <v>313</v>
      </c>
      <c r="F117" s="65">
        <v>177</v>
      </c>
      <c r="G117" s="66">
        <v>136</v>
      </c>
      <c r="H117" s="65">
        <v>57</v>
      </c>
      <c r="I117" s="65">
        <v>13</v>
      </c>
      <c r="J117" s="65">
        <v>44</v>
      </c>
      <c r="K117" s="64">
        <v>51</v>
      </c>
      <c r="L117" s="77">
        <v>12</v>
      </c>
      <c r="M117" s="78">
        <v>39</v>
      </c>
    </row>
    <row r="118" spans="1:13">
      <c r="A118" s="27" t="s">
        <v>89</v>
      </c>
      <c r="B118" s="67">
        <v>-71</v>
      </c>
      <c r="C118" s="68">
        <v>-40</v>
      </c>
      <c r="D118" s="68">
        <v>-31</v>
      </c>
      <c r="E118" s="67">
        <v>74</v>
      </c>
      <c r="F118" s="68">
        <v>42</v>
      </c>
      <c r="G118" s="69">
        <v>32</v>
      </c>
      <c r="H118" s="68">
        <v>12</v>
      </c>
      <c r="I118" s="68">
        <v>4</v>
      </c>
      <c r="J118" s="68">
        <v>8</v>
      </c>
      <c r="K118" s="67">
        <v>9</v>
      </c>
      <c r="L118" s="79">
        <v>2</v>
      </c>
      <c r="M118" s="80">
        <v>7</v>
      </c>
    </row>
    <row r="119" spans="1:13">
      <c r="A119" s="27" t="s">
        <v>91</v>
      </c>
      <c r="B119" s="67">
        <v>-75</v>
      </c>
      <c r="C119" s="68">
        <v>-42</v>
      </c>
      <c r="D119" s="68">
        <v>-33</v>
      </c>
      <c r="E119" s="67">
        <v>77</v>
      </c>
      <c r="F119" s="68">
        <v>44</v>
      </c>
      <c r="G119" s="69">
        <v>33</v>
      </c>
      <c r="H119" s="68">
        <v>14</v>
      </c>
      <c r="I119" s="68">
        <v>4</v>
      </c>
      <c r="J119" s="68">
        <v>10</v>
      </c>
      <c r="K119" s="67">
        <v>12</v>
      </c>
      <c r="L119" s="79">
        <v>2</v>
      </c>
      <c r="M119" s="80">
        <v>10</v>
      </c>
    </row>
    <row r="120" spans="1:13">
      <c r="A120" s="27" t="s">
        <v>93</v>
      </c>
      <c r="B120" s="67">
        <v>-61</v>
      </c>
      <c r="C120" s="68">
        <v>-35</v>
      </c>
      <c r="D120" s="68">
        <v>-26</v>
      </c>
      <c r="E120" s="67">
        <v>59</v>
      </c>
      <c r="F120" s="68">
        <v>36</v>
      </c>
      <c r="G120" s="69">
        <v>23</v>
      </c>
      <c r="H120" s="68">
        <v>11</v>
      </c>
      <c r="I120" s="68">
        <v>2</v>
      </c>
      <c r="J120" s="68">
        <v>9</v>
      </c>
      <c r="K120" s="67">
        <v>13</v>
      </c>
      <c r="L120" s="79">
        <v>1</v>
      </c>
      <c r="M120" s="80">
        <v>12</v>
      </c>
    </row>
    <row r="121" spans="1:13">
      <c r="A121" s="27" t="s">
        <v>95</v>
      </c>
      <c r="B121" s="67">
        <v>-50</v>
      </c>
      <c r="C121" s="68">
        <v>-34</v>
      </c>
      <c r="D121" s="68">
        <v>-16</v>
      </c>
      <c r="E121" s="67">
        <v>52</v>
      </c>
      <c r="F121" s="68">
        <v>31</v>
      </c>
      <c r="G121" s="69">
        <v>21</v>
      </c>
      <c r="H121" s="68">
        <v>10</v>
      </c>
      <c r="I121" s="68">
        <v>1</v>
      </c>
      <c r="J121" s="68">
        <v>9</v>
      </c>
      <c r="K121" s="67">
        <v>8</v>
      </c>
      <c r="L121" s="79">
        <v>4</v>
      </c>
      <c r="M121" s="80">
        <v>4</v>
      </c>
    </row>
    <row r="122" spans="1:13">
      <c r="A122" s="27" t="s">
        <v>97</v>
      </c>
      <c r="B122" s="67">
        <v>-50</v>
      </c>
      <c r="C122" s="68">
        <v>-25</v>
      </c>
      <c r="D122" s="68">
        <v>-25</v>
      </c>
      <c r="E122" s="67">
        <v>51</v>
      </c>
      <c r="F122" s="68">
        <v>24</v>
      </c>
      <c r="G122" s="69">
        <v>27</v>
      </c>
      <c r="H122" s="68">
        <v>10</v>
      </c>
      <c r="I122" s="68">
        <v>2</v>
      </c>
      <c r="J122" s="68">
        <v>8</v>
      </c>
      <c r="K122" s="67">
        <v>9</v>
      </c>
      <c r="L122" s="79">
        <v>3</v>
      </c>
      <c r="M122" s="80">
        <v>6</v>
      </c>
    </row>
    <row r="123" spans="1:13" ht="21" customHeight="1">
      <c r="A123" s="38" t="s">
        <v>99</v>
      </c>
      <c r="B123" s="64">
        <v>-184</v>
      </c>
      <c r="C123" s="65">
        <v>-65</v>
      </c>
      <c r="D123" s="65">
        <v>-119</v>
      </c>
      <c r="E123" s="64">
        <v>194</v>
      </c>
      <c r="F123" s="65">
        <v>72</v>
      </c>
      <c r="G123" s="66">
        <v>122</v>
      </c>
      <c r="H123" s="65">
        <v>35</v>
      </c>
      <c r="I123" s="65">
        <v>13</v>
      </c>
      <c r="J123" s="65">
        <v>22</v>
      </c>
      <c r="K123" s="64">
        <v>25</v>
      </c>
      <c r="L123" s="77">
        <v>6</v>
      </c>
      <c r="M123" s="78">
        <v>19</v>
      </c>
    </row>
    <row r="124" spans="1:13">
      <c r="A124" s="27" t="s">
        <v>101</v>
      </c>
      <c r="B124" s="67">
        <v>-30</v>
      </c>
      <c r="C124" s="68">
        <v>-9</v>
      </c>
      <c r="D124" s="68">
        <v>-21</v>
      </c>
      <c r="E124" s="67">
        <v>33</v>
      </c>
      <c r="F124" s="68">
        <v>14</v>
      </c>
      <c r="G124" s="69">
        <v>19</v>
      </c>
      <c r="H124" s="68">
        <v>10</v>
      </c>
      <c r="I124" s="68">
        <v>6</v>
      </c>
      <c r="J124" s="68">
        <v>4</v>
      </c>
      <c r="K124" s="67">
        <v>7</v>
      </c>
      <c r="L124" s="79">
        <v>1</v>
      </c>
      <c r="M124" s="80">
        <v>6</v>
      </c>
    </row>
    <row r="125" spans="1:13">
      <c r="A125" s="27" t="s">
        <v>103</v>
      </c>
      <c r="B125" s="67">
        <v>-44</v>
      </c>
      <c r="C125" s="68">
        <v>-22</v>
      </c>
      <c r="D125" s="68">
        <v>-22</v>
      </c>
      <c r="E125" s="67">
        <v>46</v>
      </c>
      <c r="F125" s="68">
        <v>22</v>
      </c>
      <c r="G125" s="69">
        <v>24</v>
      </c>
      <c r="H125" s="68">
        <v>10</v>
      </c>
      <c r="I125" s="68">
        <v>1</v>
      </c>
      <c r="J125" s="68">
        <v>9</v>
      </c>
      <c r="K125" s="67">
        <v>8</v>
      </c>
      <c r="L125" s="79">
        <v>1</v>
      </c>
      <c r="M125" s="80">
        <v>7</v>
      </c>
    </row>
    <row r="126" spans="1:13">
      <c r="A126" s="27" t="s">
        <v>105</v>
      </c>
      <c r="B126" s="67">
        <v>-40</v>
      </c>
      <c r="C126" s="68">
        <v>-7</v>
      </c>
      <c r="D126" s="68">
        <v>-33</v>
      </c>
      <c r="E126" s="67">
        <v>46</v>
      </c>
      <c r="F126" s="68">
        <v>11</v>
      </c>
      <c r="G126" s="69">
        <v>35</v>
      </c>
      <c r="H126" s="68">
        <v>9</v>
      </c>
      <c r="I126" s="68">
        <v>4</v>
      </c>
      <c r="J126" s="68">
        <v>5</v>
      </c>
      <c r="K126" s="67">
        <v>3</v>
      </c>
      <c r="L126" s="79">
        <v>0</v>
      </c>
      <c r="M126" s="80">
        <v>3</v>
      </c>
    </row>
    <row r="127" spans="1:13">
      <c r="A127" s="27" t="s">
        <v>107</v>
      </c>
      <c r="B127" s="67">
        <v>-36</v>
      </c>
      <c r="C127" s="68">
        <v>-14</v>
      </c>
      <c r="D127" s="68">
        <v>-22</v>
      </c>
      <c r="E127" s="67">
        <v>36</v>
      </c>
      <c r="F127" s="68">
        <v>13</v>
      </c>
      <c r="G127" s="69">
        <v>23</v>
      </c>
      <c r="H127" s="68">
        <v>4</v>
      </c>
      <c r="I127" s="68">
        <v>1</v>
      </c>
      <c r="J127" s="68">
        <v>3</v>
      </c>
      <c r="K127" s="67">
        <v>4</v>
      </c>
      <c r="L127" s="79">
        <v>2</v>
      </c>
      <c r="M127" s="80">
        <v>2</v>
      </c>
    </row>
    <row r="128" spans="1:13">
      <c r="A128" s="27" t="s">
        <v>109</v>
      </c>
      <c r="B128" s="67">
        <v>-34</v>
      </c>
      <c r="C128" s="68">
        <v>-13</v>
      </c>
      <c r="D128" s="68">
        <v>-21</v>
      </c>
      <c r="E128" s="67">
        <v>33</v>
      </c>
      <c r="F128" s="68">
        <v>12</v>
      </c>
      <c r="G128" s="69">
        <v>21</v>
      </c>
      <c r="H128" s="68">
        <v>2</v>
      </c>
      <c r="I128" s="68">
        <v>1</v>
      </c>
      <c r="J128" s="68">
        <v>1</v>
      </c>
      <c r="K128" s="67">
        <v>3</v>
      </c>
      <c r="L128" s="79">
        <v>2</v>
      </c>
      <c r="M128" s="80">
        <v>1</v>
      </c>
    </row>
    <row r="129" spans="1:14" ht="21" customHeight="1">
      <c r="A129" s="38" t="s">
        <v>111</v>
      </c>
      <c r="B129" s="64">
        <v>-85</v>
      </c>
      <c r="C129" s="65">
        <v>-21</v>
      </c>
      <c r="D129" s="65">
        <v>-64</v>
      </c>
      <c r="E129" s="64">
        <v>82</v>
      </c>
      <c r="F129" s="65">
        <v>19</v>
      </c>
      <c r="G129" s="66">
        <v>63</v>
      </c>
      <c r="H129" s="65">
        <v>5</v>
      </c>
      <c r="I129" s="65">
        <v>0</v>
      </c>
      <c r="J129" s="65">
        <v>5</v>
      </c>
      <c r="K129" s="64">
        <v>8</v>
      </c>
      <c r="L129" s="77">
        <v>2</v>
      </c>
      <c r="M129" s="78">
        <v>6</v>
      </c>
    </row>
    <row r="130" spans="1:14">
      <c r="A130" s="27" t="s">
        <v>113</v>
      </c>
      <c r="B130" s="67">
        <v>-23</v>
      </c>
      <c r="C130" s="68">
        <v>-8</v>
      </c>
      <c r="D130" s="68">
        <v>-15</v>
      </c>
      <c r="E130" s="67">
        <v>24</v>
      </c>
      <c r="F130" s="68">
        <v>8</v>
      </c>
      <c r="G130" s="69">
        <v>16</v>
      </c>
      <c r="H130" s="68">
        <v>4</v>
      </c>
      <c r="I130" s="68">
        <v>0</v>
      </c>
      <c r="J130" s="68">
        <v>4</v>
      </c>
      <c r="K130" s="67">
        <v>3</v>
      </c>
      <c r="L130" s="79">
        <v>0</v>
      </c>
      <c r="M130" s="80">
        <v>3</v>
      </c>
    </row>
    <row r="131" spans="1:14">
      <c r="A131" s="27" t="s">
        <v>115</v>
      </c>
      <c r="B131" s="67">
        <v>-21</v>
      </c>
      <c r="C131" s="68">
        <v>-7</v>
      </c>
      <c r="D131" s="68">
        <v>-14</v>
      </c>
      <c r="E131" s="67">
        <v>18</v>
      </c>
      <c r="F131" s="68">
        <v>6</v>
      </c>
      <c r="G131" s="69">
        <v>12</v>
      </c>
      <c r="H131" s="68">
        <v>1</v>
      </c>
      <c r="I131" s="68">
        <v>0</v>
      </c>
      <c r="J131" s="68">
        <v>1</v>
      </c>
      <c r="K131" s="67">
        <v>4</v>
      </c>
      <c r="L131" s="79">
        <v>1</v>
      </c>
      <c r="M131" s="80">
        <v>3</v>
      </c>
    </row>
    <row r="132" spans="1:14">
      <c r="A132" s="27" t="s">
        <v>117</v>
      </c>
      <c r="B132" s="67">
        <v>-14</v>
      </c>
      <c r="C132" s="68">
        <v>-3</v>
      </c>
      <c r="D132" s="68">
        <v>-11</v>
      </c>
      <c r="E132" s="67">
        <v>13</v>
      </c>
      <c r="F132" s="68">
        <v>2</v>
      </c>
      <c r="G132" s="69">
        <v>11</v>
      </c>
      <c r="H132" s="68">
        <v>0</v>
      </c>
      <c r="I132" s="68">
        <v>0</v>
      </c>
      <c r="J132" s="68">
        <v>0</v>
      </c>
      <c r="K132" s="67">
        <v>1</v>
      </c>
      <c r="L132" s="79">
        <v>1</v>
      </c>
      <c r="M132" s="80">
        <v>0</v>
      </c>
    </row>
    <row r="133" spans="1:14">
      <c r="A133" s="27" t="s">
        <v>119</v>
      </c>
      <c r="B133" s="67">
        <v>-20</v>
      </c>
      <c r="C133" s="68">
        <v>-3</v>
      </c>
      <c r="D133" s="68">
        <v>-17</v>
      </c>
      <c r="E133" s="67">
        <v>20</v>
      </c>
      <c r="F133" s="68">
        <v>3</v>
      </c>
      <c r="G133" s="69">
        <v>17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7</v>
      </c>
      <c r="C134" s="68">
        <v>0</v>
      </c>
      <c r="D134" s="68">
        <v>-7</v>
      </c>
      <c r="E134" s="67">
        <v>7</v>
      </c>
      <c r="F134" s="68">
        <v>0</v>
      </c>
      <c r="G134" s="69">
        <v>7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24</v>
      </c>
      <c r="C135" s="40">
        <v>-2</v>
      </c>
      <c r="D135" s="40">
        <v>-22</v>
      </c>
      <c r="E135" s="42">
        <v>23</v>
      </c>
      <c r="F135" s="40">
        <v>2</v>
      </c>
      <c r="G135" s="43">
        <v>21</v>
      </c>
      <c r="H135" s="40">
        <v>0</v>
      </c>
      <c r="I135" s="40">
        <v>0</v>
      </c>
      <c r="J135" s="40">
        <v>0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99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8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69</v>
      </c>
      <c r="C5" s="62">
        <v>-88</v>
      </c>
      <c r="D5" s="62">
        <v>19</v>
      </c>
      <c r="E5" s="61">
        <v>915</v>
      </c>
      <c r="F5" s="62">
        <v>550</v>
      </c>
      <c r="G5" s="63">
        <v>365</v>
      </c>
      <c r="H5" s="62">
        <v>4384</v>
      </c>
      <c r="I5" s="62">
        <v>2562</v>
      </c>
      <c r="J5" s="62">
        <v>1822</v>
      </c>
      <c r="K5" s="61">
        <v>4002</v>
      </c>
      <c r="L5" s="75">
        <v>2318</v>
      </c>
      <c r="M5" s="76">
        <v>1684</v>
      </c>
    </row>
    <row r="6" spans="1:13" ht="23.25" customHeight="1">
      <c r="A6" s="36" t="s">
        <v>2</v>
      </c>
      <c r="B6" s="64">
        <v>572</v>
      </c>
      <c r="C6" s="65">
        <v>262</v>
      </c>
      <c r="D6" s="65">
        <v>310</v>
      </c>
      <c r="E6" s="64">
        <v>1</v>
      </c>
      <c r="F6" s="65">
        <v>0</v>
      </c>
      <c r="G6" s="66">
        <v>1</v>
      </c>
      <c r="H6" s="65">
        <v>346</v>
      </c>
      <c r="I6" s="65">
        <v>174</v>
      </c>
      <c r="J6" s="65">
        <v>172</v>
      </c>
      <c r="K6" s="64">
        <v>237</v>
      </c>
      <c r="L6" s="77">
        <v>130</v>
      </c>
      <c r="M6" s="78">
        <v>107</v>
      </c>
    </row>
    <row r="7" spans="1:13">
      <c r="A7" s="15" t="s">
        <v>4</v>
      </c>
      <c r="B7" s="67">
        <v>498</v>
      </c>
      <c r="C7" s="68">
        <v>235</v>
      </c>
      <c r="D7" s="68">
        <v>263</v>
      </c>
      <c r="E7" s="67">
        <v>1</v>
      </c>
      <c r="F7" s="68">
        <v>0</v>
      </c>
      <c r="G7" s="69">
        <v>1</v>
      </c>
      <c r="H7" s="68">
        <v>88</v>
      </c>
      <c r="I7" s="68">
        <v>45</v>
      </c>
      <c r="J7" s="68">
        <v>43</v>
      </c>
      <c r="K7" s="67">
        <v>53</v>
      </c>
      <c r="L7" s="79">
        <v>28</v>
      </c>
      <c r="M7" s="80">
        <v>25</v>
      </c>
    </row>
    <row r="8" spans="1:13">
      <c r="A8" s="15" t="s">
        <v>6</v>
      </c>
      <c r="B8" s="67">
        <v>25</v>
      </c>
      <c r="C8" s="68">
        <v>7</v>
      </c>
      <c r="D8" s="68">
        <v>18</v>
      </c>
      <c r="E8" s="67">
        <v>0</v>
      </c>
      <c r="F8" s="68">
        <v>0</v>
      </c>
      <c r="G8" s="69">
        <v>0</v>
      </c>
      <c r="H8" s="68">
        <v>80</v>
      </c>
      <c r="I8" s="68">
        <v>37</v>
      </c>
      <c r="J8" s="68">
        <v>43</v>
      </c>
      <c r="K8" s="67">
        <v>55</v>
      </c>
      <c r="L8" s="79">
        <v>30</v>
      </c>
      <c r="M8" s="80">
        <v>25</v>
      </c>
    </row>
    <row r="9" spans="1:13">
      <c r="A9" s="15" t="s">
        <v>8</v>
      </c>
      <c r="B9" s="67">
        <v>23</v>
      </c>
      <c r="C9" s="68">
        <v>3</v>
      </c>
      <c r="D9" s="68">
        <v>20</v>
      </c>
      <c r="E9" s="67">
        <v>0</v>
      </c>
      <c r="F9" s="68">
        <v>0</v>
      </c>
      <c r="G9" s="69">
        <v>0</v>
      </c>
      <c r="H9" s="68">
        <v>72</v>
      </c>
      <c r="I9" s="68">
        <v>35</v>
      </c>
      <c r="J9" s="68">
        <v>37</v>
      </c>
      <c r="K9" s="67">
        <v>49</v>
      </c>
      <c r="L9" s="79">
        <v>32</v>
      </c>
      <c r="M9" s="80">
        <v>17</v>
      </c>
    </row>
    <row r="10" spans="1:13">
      <c r="A10" s="15" t="s">
        <v>10</v>
      </c>
      <c r="B10" s="67">
        <v>11</v>
      </c>
      <c r="C10" s="68">
        <v>13</v>
      </c>
      <c r="D10" s="68">
        <v>-2</v>
      </c>
      <c r="E10" s="67">
        <v>0</v>
      </c>
      <c r="F10" s="68">
        <v>0</v>
      </c>
      <c r="G10" s="69">
        <v>0</v>
      </c>
      <c r="H10" s="68">
        <v>56</v>
      </c>
      <c r="I10" s="68">
        <v>34</v>
      </c>
      <c r="J10" s="68">
        <v>22</v>
      </c>
      <c r="K10" s="67">
        <v>45</v>
      </c>
      <c r="L10" s="79">
        <v>21</v>
      </c>
      <c r="M10" s="80">
        <v>24</v>
      </c>
    </row>
    <row r="11" spans="1:13">
      <c r="A11" s="15" t="s">
        <v>12</v>
      </c>
      <c r="B11" s="67">
        <v>15</v>
      </c>
      <c r="C11" s="68">
        <v>4</v>
      </c>
      <c r="D11" s="68">
        <v>11</v>
      </c>
      <c r="E11" s="67">
        <v>0</v>
      </c>
      <c r="F11" s="68">
        <v>0</v>
      </c>
      <c r="G11" s="69">
        <v>0</v>
      </c>
      <c r="H11" s="68">
        <v>50</v>
      </c>
      <c r="I11" s="68">
        <v>23</v>
      </c>
      <c r="J11" s="68">
        <v>27</v>
      </c>
      <c r="K11" s="67">
        <v>35</v>
      </c>
      <c r="L11" s="79">
        <v>19</v>
      </c>
      <c r="M11" s="80">
        <v>16</v>
      </c>
    </row>
    <row r="12" spans="1:13" ht="21" customHeight="1">
      <c r="A12" s="36" t="s">
        <v>14</v>
      </c>
      <c r="B12" s="64">
        <v>54</v>
      </c>
      <c r="C12" s="65">
        <v>21</v>
      </c>
      <c r="D12" s="65">
        <v>33</v>
      </c>
      <c r="E12" s="64">
        <v>0</v>
      </c>
      <c r="F12" s="65">
        <v>0</v>
      </c>
      <c r="G12" s="66">
        <v>0</v>
      </c>
      <c r="H12" s="65">
        <v>164</v>
      </c>
      <c r="I12" s="65">
        <v>77</v>
      </c>
      <c r="J12" s="65">
        <v>87</v>
      </c>
      <c r="K12" s="64">
        <v>110</v>
      </c>
      <c r="L12" s="77">
        <v>56</v>
      </c>
      <c r="M12" s="78">
        <v>54</v>
      </c>
    </row>
    <row r="13" spans="1:13">
      <c r="A13" s="15" t="s">
        <v>16</v>
      </c>
      <c r="B13" s="67">
        <v>6</v>
      </c>
      <c r="C13" s="68">
        <v>-4</v>
      </c>
      <c r="D13" s="68">
        <v>10</v>
      </c>
      <c r="E13" s="67">
        <v>0</v>
      </c>
      <c r="F13" s="68">
        <v>0</v>
      </c>
      <c r="G13" s="69">
        <v>0</v>
      </c>
      <c r="H13" s="68">
        <v>34</v>
      </c>
      <c r="I13" s="68">
        <v>12</v>
      </c>
      <c r="J13" s="68">
        <v>22</v>
      </c>
      <c r="K13" s="67">
        <v>28</v>
      </c>
      <c r="L13" s="79">
        <v>16</v>
      </c>
      <c r="M13" s="80">
        <v>12</v>
      </c>
    </row>
    <row r="14" spans="1:13">
      <c r="A14" s="15" t="s">
        <v>18</v>
      </c>
      <c r="B14" s="67">
        <v>19</v>
      </c>
      <c r="C14" s="68">
        <v>7</v>
      </c>
      <c r="D14" s="68">
        <v>12</v>
      </c>
      <c r="E14" s="67">
        <v>0</v>
      </c>
      <c r="F14" s="68">
        <v>0</v>
      </c>
      <c r="G14" s="69">
        <v>0</v>
      </c>
      <c r="H14" s="68">
        <v>49</v>
      </c>
      <c r="I14" s="68">
        <v>23</v>
      </c>
      <c r="J14" s="68">
        <v>26</v>
      </c>
      <c r="K14" s="67">
        <v>30</v>
      </c>
      <c r="L14" s="79">
        <v>16</v>
      </c>
      <c r="M14" s="80">
        <v>14</v>
      </c>
    </row>
    <row r="15" spans="1:13">
      <c r="A15" s="15" t="s">
        <v>20</v>
      </c>
      <c r="B15" s="67">
        <v>6</v>
      </c>
      <c r="C15" s="68">
        <v>5</v>
      </c>
      <c r="D15" s="68">
        <v>1</v>
      </c>
      <c r="E15" s="67">
        <v>0</v>
      </c>
      <c r="F15" s="68">
        <v>0</v>
      </c>
      <c r="G15" s="69">
        <v>0</v>
      </c>
      <c r="H15" s="68">
        <v>25</v>
      </c>
      <c r="I15" s="68">
        <v>14</v>
      </c>
      <c r="J15" s="68">
        <v>11</v>
      </c>
      <c r="K15" s="67">
        <v>19</v>
      </c>
      <c r="L15" s="79">
        <v>9</v>
      </c>
      <c r="M15" s="80">
        <v>10</v>
      </c>
    </row>
    <row r="16" spans="1:13">
      <c r="A16" s="15" t="s">
        <v>22</v>
      </c>
      <c r="B16" s="67">
        <v>14</v>
      </c>
      <c r="C16" s="68">
        <v>9</v>
      </c>
      <c r="D16" s="68">
        <v>5</v>
      </c>
      <c r="E16" s="67">
        <v>0</v>
      </c>
      <c r="F16" s="68">
        <v>0</v>
      </c>
      <c r="G16" s="69">
        <v>0</v>
      </c>
      <c r="H16" s="68">
        <v>32</v>
      </c>
      <c r="I16" s="68">
        <v>15</v>
      </c>
      <c r="J16" s="68">
        <v>17</v>
      </c>
      <c r="K16" s="67">
        <v>18</v>
      </c>
      <c r="L16" s="79">
        <v>6</v>
      </c>
      <c r="M16" s="80">
        <v>12</v>
      </c>
    </row>
    <row r="17" spans="1:13">
      <c r="A17" s="15" t="s">
        <v>24</v>
      </c>
      <c r="B17" s="67">
        <v>9</v>
      </c>
      <c r="C17" s="68">
        <v>4</v>
      </c>
      <c r="D17" s="68">
        <v>5</v>
      </c>
      <c r="E17" s="67">
        <v>0</v>
      </c>
      <c r="F17" s="68">
        <v>0</v>
      </c>
      <c r="G17" s="69">
        <v>0</v>
      </c>
      <c r="H17" s="68">
        <v>24</v>
      </c>
      <c r="I17" s="68">
        <v>13</v>
      </c>
      <c r="J17" s="68">
        <v>11</v>
      </c>
      <c r="K17" s="67">
        <v>15</v>
      </c>
      <c r="L17" s="79">
        <v>9</v>
      </c>
      <c r="M17" s="80">
        <v>6</v>
      </c>
    </row>
    <row r="18" spans="1:13" ht="21" customHeight="1">
      <c r="A18" s="36" t="s">
        <v>26</v>
      </c>
      <c r="B18" s="64">
        <v>9</v>
      </c>
      <c r="C18" s="65">
        <v>12</v>
      </c>
      <c r="D18" s="65">
        <v>-3</v>
      </c>
      <c r="E18" s="64">
        <v>0</v>
      </c>
      <c r="F18" s="65">
        <v>0</v>
      </c>
      <c r="G18" s="66">
        <v>0</v>
      </c>
      <c r="H18" s="65">
        <v>76</v>
      </c>
      <c r="I18" s="65">
        <v>49</v>
      </c>
      <c r="J18" s="65">
        <v>27</v>
      </c>
      <c r="K18" s="64">
        <v>67</v>
      </c>
      <c r="L18" s="77">
        <v>37</v>
      </c>
      <c r="M18" s="78">
        <v>30</v>
      </c>
    </row>
    <row r="19" spans="1:13">
      <c r="A19" s="15" t="s">
        <v>28</v>
      </c>
      <c r="B19" s="67">
        <v>3</v>
      </c>
      <c r="C19" s="68">
        <v>4</v>
      </c>
      <c r="D19" s="68">
        <v>-1</v>
      </c>
      <c r="E19" s="67">
        <v>0</v>
      </c>
      <c r="F19" s="68">
        <v>0</v>
      </c>
      <c r="G19" s="69">
        <v>0</v>
      </c>
      <c r="H19" s="68">
        <v>19</v>
      </c>
      <c r="I19" s="68">
        <v>14</v>
      </c>
      <c r="J19" s="68">
        <v>5</v>
      </c>
      <c r="K19" s="67">
        <v>16</v>
      </c>
      <c r="L19" s="79">
        <v>10</v>
      </c>
      <c r="M19" s="80">
        <v>6</v>
      </c>
    </row>
    <row r="20" spans="1:13">
      <c r="A20" s="15" t="s">
        <v>30</v>
      </c>
      <c r="B20" s="67">
        <v>3</v>
      </c>
      <c r="C20" s="68">
        <v>4</v>
      </c>
      <c r="D20" s="68">
        <v>-1</v>
      </c>
      <c r="E20" s="67">
        <v>0</v>
      </c>
      <c r="F20" s="68">
        <v>0</v>
      </c>
      <c r="G20" s="69">
        <v>0</v>
      </c>
      <c r="H20" s="68">
        <v>16</v>
      </c>
      <c r="I20" s="68">
        <v>10</v>
      </c>
      <c r="J20" s="68">
        <v>6</v>
      </c>
      <c r="K20" s="67">
        <v>13</v>
      </c>
      <c r="L20" s="79">
        <v>6</v>
      </c>
      <c r="M20" s="80">
        <v>7</v>
      </c>
    </row>
    <row r="21" spans="1:13">
      <c r="A21" s="15" t="s">
        <v>32</v>
      </c>
      <c r="B21" s="67">
        <v>12</v>
      </c>
      <c r="C21" s="68">
        <v>6</v>
      </c>
      <c r="D21" s="68">
        <v>6</v>
      </c>
      <c r="E21" s="67">
        <v>0</v>
      </c>
      <c r="F21" s="68">
        <v>0</v>
      </c>
      <c r="G21" s="69">
        <v>0</v>
      </c>
      <c r="H21" s="68">
        <v>20</v>
      </c>
      <c r="I21" s="68">
        <v>11</v>
      </c>
      <c r="J21" s="68">
        <v>9</v>
      </c>
      <c r="K21" s="67">
        <v>8</v>
      </c>
      <c r="L21" s="79">
        <v>5</v>
      </c>
      <c r="M21" s="80">
        <v>3</v>
      </c>
    </row>
    <row r="22" spans="1:13">
      <c r="A22" s="15" t="s">
        <v>34</v>
      </c>
      <c r="B22" s="67">
        <v>-8</v>
      </c>
      <c r="C22" s="68">
        <v>-4</v>
      </c>
      <c r="D22" s="68">
        <v>-4</v>
      </c>
      <c r="E22" s="67">
        <v>0</v>
      </c>
      <c r="F22" s="68">
        <v>0</v>
      </c>
      <c r="G22" s="69">
        <v>0</v>
      </c>
      <c r="H22" s="68">
        <v>7</v>
      </c>
      <c r="I22" s="68">
        <v>5</v>
      </c>
      <c r="J22" s="68">
        <v>2</v>
      </c>
      <c r="K22" s="67">
        <v>15</v>
      </c>
      <c r="L22" s="79">
        <v>9</v>
      </c>
      <c r="M22" s="80">
        <v>6</v>
      </c>
    </row>
    <row r="23" spans="1:13">
      <c r="A23" s="15" t="s">
        <v>36</v>
      </c>
      <c r="B23" s="67">
        <v>-1</v>
      </c>
      <c r="C23" s="68">
        <v>2</v>
      </c>
      <c r="D23" s="68">
        <v>-3</v>
      </c>
      <c r="E23" s="67">
        <v>0</v>
      </c>
      <c r="F23" s="68">
        <v>0</v>
      </c>
      <c r="G23" s="69">
        <v>0</v>
      </c>
      <c r="H23" s="68">
        <v>14</v>
      </c>
      <c r="I23" s="68">
        <v>9</v>
      </c>
      <c r="J23" s="68">
        <v>5</v>
      </c>
      <c r="K23" s="67">
        <v>15</v>
      </c>
      <c r="L23" s="79">
        <v>7</v>
      </c>
      <c r="M23" s="80">
        <v>8</v>
      </c>
    </row>
    <row r="24" spans="1:13" ht="21" customHeight="1">
      <c r="A24" s="36" t="s">
        <v>38</v>
      </c>
      <c r="B24" s="64">
        <v>19</v>
      </c>
      <c r="C24" s="65">
        <v>2</v>
      </c>
      <c r="D24" s="65">
        <v>17</v>
      </c>
      <c r="E24" s="64">
        <v>0</v>
      </c>
      <c r="F24" s="65">
        <v>0</v>
      </c>
      <c r="G24" s="66">
        <v>0</v>
      </c>
      <c r="H24" s="65">
        <v>154</v>
      </c>
      <c r="I24" s="65">
        <v>76</v>
      </c>
      <c r="J24" s="65">
        <v>78</v>
      </c>
      <c r="K24" s="64">
        <v>135</v>
      </c>
      <c r="L24" s="77">
        <v>74</v>
      </c>
      <c r="M24" s="78">
        <v>61</v>
      </c>
    </row>
    <row r="25" spans="1:13">
      <c r="A25" s="15" t="s">
        <v>40</v>
      </c>
      <c r="B25" s="67">
        <v>-2</v>
      </c>
      <c r="C25" s="68">
        <v>-4</v>
      </c>
      <c r="D25" s="68">
        <v>2</v>
      </c>
      <c r="E25" s="67">
        <v>0</v>
      </c>
      <c r="F25" s="68">
        <v>0</v>
      </c>
      <c r="G25" s="69">
        <v>0</v>
      </c>
      <c r="H25" s="68">
        <v>18</v>
      </c>
      <c r="I25" s="68">
        <v>7</v>
      </c>
      <c r="J25" s="68">
        <v>11</v>
      </c>
      <c r="K25" s="67">
        <v>20</v>
      </c>
      <c r="L25" s="79">
        <v>11</v>
      </c>
      <c r="M25" s="80">
        <v>9</v>
      </c>
    </row>
    <row r="26" spans="1:13">
      <c r="A26" s="15" t="s">
        <v>42</v>
      </c>
      <c r="B26" s="67">
        <v>-1</v>
      </c>
      <c r="C26" s="68">
        <v>1</v>
      </c>
      <c r="D26" s="68">
        <v>-2</v>
      </c>
      <c r="E26" s="67">
        <v>0</v>
      </c>
      <c r="F26" s="68">
        <v>0</v>
      </c>
      <c r="G26" s="69">
        <v>0</v>
      </c>
      <c r="H26" s="68">
        <v>16</v>
      </c>
      <c r="I26" s="68">
        <v>9</v>
      </c>
      <c r="J26" s="68">
        <v>7</v>
      </c>
      <c r="K26" s="67">
        <v>17</v>
      </c>
      <c r="L26" s="79">
        <v>8</v>
      </c>
      <c r="M26" s="80">
        <v>9</v>
      </c>
    </row>
    <row r="27" spans="1:13">
      <c r="A27" s="15" t="s">
        <v>44</v>
      </c>
      <c r="B27" s="67">
        <v>3</v>
      </c>
      <c r="C27" s="68">
        <v>1</v>
      </c>
      <c r="D27" s="68">
        <v>2</v>
      </c>
      <c r="E27" s="67">
        <v>0</v>
      </c>
      <c r="F27" s="68">
        <v>0</v>
      </c>
      <c r="G27" s="69">
        <v>0</v>
      </c>
      <c r="H27" s="68">
        <v>10</v>
      </c>
      <c r="I27" s="68">
        <v>2</v>
      </c>
      <c r="J27" s="68">
        <v>8</v>
      </c>
      <c r="K27" s="67">
        <v>7</v>
      </c>
      <c r="L27" s="79">
        <v>1</v>
      </c>
      <c r="M27" s="80">
        <v>6</v>
      </c>
    </row>
    <row r="28" spans="1:13">
      <c r="A28" s="15" t="s">
        <v>46</v>
      </c>
      <c r="B28" s="67">
        <v>15</v>
      </c>
      <c r="C28" s="68">
        <v>8</v>
      </c>
      <c r="D28" s="68">
        <v>7</v>
      </c>
      <c r="E28" s="67">
        <v>0</v>
      </c>
      <c r="F28" s="68">
        <v>0</v>
      </c>
      <c r="G28" s="69">
        <v>0</v>
      </c>
      <c r="H28" s="68">
        <v>58</v>
      </c>
      <c r="I28" s="68">
        <v>26</v>
      </c>
      <c r="J28" s="68">
        <v>32</v>
      </c>
      <c r="K28" s="67">
        <v>43</v>
      </c>
      <c r="L28" s="79">
        <v>18</v>
      </c>
      <c r="M28" s="80">
        <v>25</v>
      </c>
    </row>
    <row r="29" spans="1:13">
      <c r="A29" s="15" t="s">
        <v>48</v>
      </c>
      <c r="B29" s="67">
        <v>4</v>
      </c>
      <c r="C29" s="68">
        <v>-4</v>
      </c>
      <c r="D29" s="68">
        <v>8</v>
      </c>
      <c r="E29" s="67">
        <v>0</v>
      </c>
      <c r="F29" s="68">
        <v>0</v>
      </c>
      <c r="G29" s="69">
        <v>0</v>
      </c>
      <c r="H29" s="68">
        <v>52</v>
      </c>
      <c r="I29" s="68">
        <v>32</v>
      </c>
      <c r="J29" s="68">
        <v>20</v>
      </c>
      <c r="K29" s="67">
        <v>48</v>
      </c>
      <c r="L29" s="79">
        <v>36</v>
      </c>
      <c r="M29" s="80">
        <v>12</v>
      </c>
    </row>
    <row r="30" spans="1:13" ht="21" customHeight="1">
      <c r="A30" s="36" t="s">
        <v>50</v>
      </c>
      <c r="B30" s="64">
        <v>54</v>
      </c>
      <c r="C30" s="65">
        <v>68</v>
      </c>
      <c r="D30" s="65">
        <v>-14</v>
      </c>
      <c r="E30" s="64">
        <v>1</v>
      </c>
      <c r="F30" s="65">
        <v>1</v>
      </c>
      <c r="G30" s="66">
        <v>0</v>
      </c>
      <c r="H30" s="65">
        <v>670</v>
      </c>
      <c r="I30" s="65">
        <v>401</v>
      </c>
      <c r="J30" s="65">
        <v>269</v>
      </c>
      <c r="K30" s="64">
        <v>615</v>
      </c>
      <c r="L30" s="77">
        <v>332</v>
      </c>
      <c r="M30" s="78">
        <v>283</v>
      </c>
    </row>
    <row r="31" spans="1:13">
      <c r="A31" s="15" t="s">
        <v>52</v>
      </c>
      <c r="B31" s="67">
        <v>-10</v>
      </c>
      <c r="C31" s="68">
        <v>8</v>
      </c>
      <c r="D31" s="68">
        <v>-18</v>
      </c>
      <c r="E31" s="67">
        <v>0</v>
      </c>
      <c r="F31" s="68">
        <v>0</v>
      </c>
      <c r="G31" s="69">
        <v>0</v>
      </c>
      <c r="H31" s="68">
        <v>66</v>
      </c>
      <c r="I31" s="68">
        <v>41</v>
      </c>
      <c r="J31" s="68">
        <v>25</v>
      </c>
      <c r="K31" s="67">
        <v>76</v>
      </c>
      <c r="L31" s="79">
        <v>33</v>
      </c>
      <c r="M31" s="80">
        <v>43</v>
      </c>
    </row>
    <row r="32" spans="1:13">
      <c r="A32" s="15" t="s">
        <v>54</v>
      </c>
      <c r="B32" s="67">
        <v>11</v>
      </c>
      <c r="C32" s="68">
        <v>11</v>
      </c>
      <c r="D32" s="68">
        <v>0</v>
      </c>
      <c r="E32" s="67">
        <v>1</v>
      </c>
      <c r="F32" s="68">
        <v>1</v>
      </c>
      <c r="G32" s="69">
        <v>0</v>
      </c>
      <c r="H32" s="68">
        <v>96</v>
      </c>
      <c r="I32" s="68">
        <v>54</v>
      </c>
      <c r="J32" s="68">
        <v>42</v>
      </c>
      <c r="K32" s="67">
        <v>84</v>
      </c>
      <c r="L32" s="79">
        <v>42</v>
      </c>
      <c r="M32" s="80">
        <v>42</v>
      </c>
    </row>
    <row r="33" spans="1:13">
      <c r="A33" s="15" t="s">
        <v>56</v>
      </c>
      <c r="B33" s="67">
        <v>5</v>
      </c>
      <c r="C33" s="68">
        <v>19</v>
      </c>
      <c r="D33" s="68">
        <v>-14</v>
      </c>
      <c r="E33" s="67">
        <v>0</v>
      </c>
      <c r="F33" s="68">
        <v>0</v>
      </c>
      <c r="G33" s="69">
        <v>0</v>
      </c>
      <c r="H33" s="68">
        <v>174</v>
      </c>
      <c r="I33" s="68">
        <v>104</v>
      </c>
      <c r="J33" s="68">
        <v>70</v>
      </c>
      <c r="K33" s="67">
        <v>169</v>
      </c>
      <c r="L33" s="79">
        <v>85</v>
      </c>
      <c r="M33" s="80">
        <v>84</v>
      </c>
    </row>
    <row r="34" spans="1:13">
      <c r="A34" s="15" t="s">
        <v>58</v>
      </c>
      <c r="B34" s="67">
        <v>8</v>
      </c>
      <c r="C34" s="68">
        <v>5</v>
      </c>
      <c r="D34" s="68">
        <v>3</v>
      </c>
      <c r="E34" s="67">
        <v>0</v>
      </c>
      <c r="F34" s="68">
        <v>0</v>
      </c>
      <c r="G34" s="69">
        <v>0</v>
      </c>
      <c r="H34" s="68">
        <v>141</v>
      </c>
      <c r="I34" s="68">
        <v>82</v>
      </c>
      <c r="J34" s="68">
        <v>59</v>
      </c>
      <c r="K34" s="67">
        <v>133</v>
      </c>
      <c r="L34" s="79">
        <v>77</v>
      </c>
      <c r="M34" s="80">
        <v>56</v>
      </c>
    </row>
    <row r="35" spans="1:13">
      <c r="A35" s="15" t="s">
        <v>60</v>
      </c>
      <c r="B35" s="67">
        <v>40</v>
      </c>
      <c r="C35" s="68">
        <v>25</v>
      </c>
      <c r="D35" s="68">
        <v>15</v>
      </c>
      <c r="E35" s="67">
        <v>0</v>
      </c>
      <c r="F35" s="68">
        <v>0</v>
      </c>
      <c r="G35" s="69">
        <v>0</v>
      </c>
      <c r="H35" s="68">
        <v>193</v>
      </c>
      <c r="I35" s="68">
        <v>120</v>
      </c>
      <c r="J35" s="68">
        <v>73</v>
      </c>
      <c r="K35" s="67">
        <v>153</v>
      </c>
      <c r="L35" s="79">
        <v>95</v>
      </c>
      <c r="M35" s="80">
        <v>58</v>
      </c>
    </row>
    <row r="36" spans="1:13" ht="21" customHeight="1">
      <c r="A36" s="36" t="s">
        <v>62</v>
      </c>
      <c r="B36" s="64">
        <v>89</v>
      </c>
      <c r="C36" s="65">
        <v>41</v>
      </c>
      <c r="D36" s="65">
        <v>48</v>
      </c>
      <c r="E36" s="64">
        <v>1</v>
      </c>
      <c r="F36" s="65">
        <v>0</v>
      </c>
      <c r="G36" s="66">
        <v>1</v>
      </c>
      <c r="H36" s="65">
        <v>804</v>
      </c>
      <c r="I36" s="65">
        <v>456</v>
      </c>
      <c r="J36" s="65">
        <v>348</v>
      </c>
      <c r="K36" s="64">
        <v>714</v>
      </c>
      <c r="L36" s="77">
        <v>415</v>
      </c>
      <c r="M36" s="78">
        <v>299</v>
      </c>
    </row>
    <row r="37" spans="1:13">
      <c r="A37" s="15" t="s">
        <v>64</v>
      </c>
      <c r="B37" s="67">
        <v>19</v>
      </c>
      <c r="C37" s="68">
        <v>8</v>
      </c>
      <c r="D37" s="68">
        <v>11</v>
      </c>
      <c r="E37" s="67">
        <v>0</v>
      </c>
      <c r="F37" s="68">
        <v>0</v>
      </c>
      <c r="G37" s="69">
        <v>0</v>
      </c>
      <c r="H37" s="68">
        <v>178</v>
      </c>
      <c r="I37" s="68">
        <v>103</v>
      </c>
      <c r="J37" s="68">
        <v>75</v>
      </c>
      <c r="K37" s="67">
        <v>159</v>
      </c>
      <c r="L37" s="79">
        <v>95</v>
      </c>
      <c r="M37" s="80">
        <v>64</v>
      </c>
    </row>
    <row r="38" spans="1:13">
      <c r="A38" s="15" t="s">
        <v>66</v>
      </c>
      <c r="B38" s="67">
        <v>-24</v>
      </c>
      <c r="C38" s="68">
        <v>-14</v>
      </c>
      <c r="D38" s="68">
        <v>-10</v>
      </c>
      <c r="E38" s="67">
        <v>1</v>
      </c>
      <c r="F38" s="68">
        <v>0</v>
      </c>
      <c r="G38" s="69">
        <v>1</v>
      </c>
      <c r="H38" s="68">
        <v>152</v>
      </c>
      <c r="I38" s="68">
        <v>87</v>
      </c>
      <c r="J38" s="68">
        <v>65</v>
      </c>
      <c r="K38" s="67">
        <v>175</v>
      </c>
      <c r="L38" s="79">
        <v>101</v>
      </c>
      <c r="M38" s="80">
        <v>74</v>
      </c>
    </row>
    <row r="39" spans="1:13">
      <c r="A39" s="15" t="s">
        <v>68</v>
      </c>
      <c r="B39" s="67">
        <v>18</v>
      </c>
      <c r="C39" s="68">
        <v>16</v>
      </c>
      <c r="D39" s="68">
        <v>2</v>
      </c>
      <c r="E39" s="67">
        <v>0</v>
      </c>
      <c r="F39" s="68">
        <v>0</v>
      </c>
      <c r="G39" s="69">
        <v>0</v>
      </c>
      <c r="H39" s="68">
        <v>156</v>
      </c>
      <c r="I39" s="68">
        <v>92</v>
      </c>
      <c r="J39" s="68">
        <v>64</v>
      </c>
      <c r="K39" s="67">
        <v>138</v>
      </c>
      <c r="L39" s="79">
        <v>76</v>
      </c>
      <c r="M39" s="80">
        <v>62</v>
      </c>
    </row>
    <row r="40" spans="1:13">
      <c r="A40" s="15" t="s">
        <v>70</v>
      </c>
      <c r="B40" s="67">
        <v>24</v>
      </c>
      <c r="C40" s="68">
        <v>5</v>
      </c>
      <c r="D40" s="68">
        <v>19</v>
      </c>
      <c r="E40" s="67">
        <v>0</v>
      </c>
      <c r="F40" s="68">
        <v>0</v>
      </c>
      <c r="G40" s="69">
        <v>0</v>
      </c>
      <c r="H40" s="68">
        <v>146</v>
      </c>
      <c r="I40" s="68">
        <v>81</v>
      </c>
      <c r="J40" s="68">
        <v>65</v>
      </c>
      <c r="K40" s="67">
        <v>122</v>
      </c>
      <c r="L40" s="79">
        <v>76</v>
      </c>
      <c r="M40" s="80">
        <v>46</v>
      </c>
    </row>
    <row r="41" spans="1:13">
      <c r="A41" s="15" t="s">
        <v>72</v>
      </c>
      <c r="B41" s="67">
        <v>52</v>
      </c>
      <c r="C41" s="68">
        <v>26</v>
      </c>
      <c r="D41" s="68">
        <v>26</v>
      </c>
      <c r="E41" s="67">
        <v>0</v>
      </c>
      <c r="F41" s="68">
        <v>0</v>
      </c>
      <c r="G41" s="69">
        <v>0</v>
      </c>
      <c r="H41" s="68">
        <v>172</v>
      </c>
      <c r="I41" s="68">
        <v>93</v>
      </c>
      <c r="J41" s="68">
        <v>79</v>
      </c>
      <c r="K41" s="67">
        <v>120</v>
      </c>
      <c r="L41" s="79">
        <v>67</v>
      </c>
      <c r="M41" s="80">
        <v>53</v>
      </c>
    </row>
    <row r="42" spans="1:13" ht="21" customHeight="1">
      <c r="A42" s="36" t="s">
        <v>74</v>
      </c>
      <c r="B42" s="64">
        <v>87</v>
      </c>
      <c r="C42" s="65">
        <v>54</v>
      </c>
      <c r="D42" s="65">
        <v>33</v>
      </c>
      <c r="E42" s="64">
        <v>0</v>
      </c>
      <c r="F42" s="65">
        <v>0</v>
      </c>
      <c r="G42" s="66">
        <v>0</v>
      </c>
      <c r="H42" s="65">
        <v>598</v>
      </c>
      <c r="I42" s="65">
        <v>371</v>
      </c>
      <c r="J42" s="65">
        <v>227</v>
      </c>
      <c r="K42" s="64">
        <v>511</v>
      </c>
      <c r="L42" s="77">
        <v>317</v>
      </c>
      <c r="M42" s="78">
        <v>194</v>
      </c>
    </row>
    <row r="43" spans="1:13">
      <c r="A43" s="15" t="s">
        <v>76</v>
      </c>
      <c r="B43" s="67">
        <v>17</v>
      </c>
      <c r="C43" s="68">
        <v>10</v>
      </c>
      <c r="D43" s="68">
        <v>7</v>
      </c>
      <c r="E43" s="67">
        <v>0</v>
      </c>
      <c r="F43" s="68">
        <v>0</v>
      </c>
      <c r="G43" s="69">
        <v>0</v>
      </c>
      <c r="H43" s="68">
        <v>143</v>
      </c>
      <c r="I43" s="68">
        <v>86</v>
      </c>
      <c r="J43" s="68">
        <v>57</v>
      </c>
      <c r="K43" s="67">
        <v>126</v>
      </c>
      <c r="L43" s="79">
        <v>76</v>
      </c>
      <c r="M43" s="80">
        <v>50</v>
      </c>
    </row>
    <row r="44" spans="1:13">
      <c r="A44" s="15" t="s">
        <v>78</v>
      </c>
      <c r="B44" s="67">
        <v>19</v>
      </c>
      <c r="C44" s="68">
        <v>19</v>
      </c>
      <c r="D44" s="68">
        <v>0</v>
      </c>
      <c r="E44" s="67">
        <v>0</v>
      </c>
      <c r="F44" s="68">
        <v>0</v>
      </c>
      <c r="G44" s="69">
        <v>0</v>
      </c>
      <c r="H44" s="68">
        <v>133</v>
      </c>
      <c r="I44" s="68">
        <v>84</v>
      </c>
      <c r="J44" s="68">
        <v>49</v>
      </c>
      <c r="K44" s="67">
        <v>114</v>
      </c>
      <c r="L44" s="79">
        <v>65</v>
      </c>
      <c r="M44" s="80">
        <v>49</v>
      </c>
    </row>
    <row r="45" spans="1:13">
      <c r="A45" s="15" t="s">
        <v>80</v>
      </c>
      <c r="B45" s="67">
        <v>24</v>
      </c>
      <c r="C45" s="68">
        <v>12</v>
      </c>
      <c r="D45" s="68">
        <v>12</v>
      </c>
      <c r="E45" s="67">
        <v>0</v>
      </c>
      <c r="F45" s="68">
        <v>0</v>
      </c>
      <c r="G45" s="69">
        <v>0</v>
      </c>
      <c r="H45" s="68">
        <v>118</v>
      </c>
      <c r="I45" s="68">
        <v>75</v>
      </c>
      <c r="J45" s="68">
        <v>43</v>
      </c>
      <c r="K45" s="67">
        <v>94</v>
      </c>
      <c r="L45" s="79">
        <v>63</v>
      </c>
      <c r="M45" s="80">
        <v>31</v>
      </c>
    </row>
    <row r="46" spans="1:13">
      <c r="A46" s="15" t="s">
        <v>82</v>
      </c>
      <c r="B46" s="67">
        <v>6</v>
      </c>
      <c r="C46" s="68">
        <v>3</v>
      </c>
      <c r="D46" s="68">
        <v>3</v>
      </c>
      <c r="E46" s="67">
        <v>0</v>
      </c>
      <c r="F46" s="68">
        <v>0</v>
      </c>
      <c r="G46" s="69">
        <v>0</v>
      </c>
      <c r="H46" s="68">
        <v>111</v>
      </c>
      <c r="I46" s="68">
        <v>70</v>
      </c>
      <c r="J46" s="68">
        <v>41</v>
      </c>
      <c r="K46" s="67">
        <v>105</v>
      </c>
      <c r="L46" s="79">
        <v>67</v>
      </c>
      <c r="M46" s="80">
        <v>38</v>
      </c>
    </row>
    <row r="47" spans="1:13">
      <c r="A47" s="15" t="s">
        <v>84</v>
      </c>
      <c r="B47" s="67">
        <v>21</v>
      </c>
      <c r="C47" s="68">
        <v>10</v>
      </c>
      <c r="D47" s="68">
        <v>11</v>
      </c>
      <c r="E47" s="67">
        <v>0</v>
      </c>
      <c r="F47" s="68">
        <v>0</v>
      </c>
      <c r="G47" s="69">
        <v>0</v>
      </c>
      <c r="H47" s="68">
        <v>93</v>
      </c>
      <c r="I47" s="68">
        <v>56</v>
      </c>
      <c r="J47" s="68">
        <v>37</v>
      </c>
      <c r="K47" s="67">
        <v>72</v>
      </c>
      <c r="L47" s="79">
        <v>46</v>
      </c>
      <c r="M47" s="80">
        <v>26</v>
      </c>
    </row>
    <row r="48" spans="1:13" ht="21" customHeight="1">
      <c r="A48" s="36" t="s">
        <v>86</v>
      </c>
      <c r="B48" s="64">
        <v>110</v>
      </c>
      <c r="C48" s="65">
        <v>49</v>
      </c>
      <c r="D48" s="65">
        <v>61</v>
      </c>
      <c r="E48" s="64">
        <v>2</v>
      </c>
      <c r="F48" s="65">
        <v>1</v>
      </c>
      <c r="G48" s="66">
        <v>1</v>
      </c>
      <c r="H48" s="65">
        <v>438</v>
      </c>
      <c r="I48" s="65">
        <v>268</v>
      </c>
      <c r="J48" s="65">
        <v>170</v>
      </c>
      <c r="K48" s="64">
        <v>326</v>
      </c>
      <c r="L48" s="77">
        <v>218</v>
      </c>
      <c r="M48" s="78">
        <v>108</v>
      </c>
    </row>
    <row r="49" spans="1:13">
      <c r="A49" s="15" t="s">
        <v>88</v>
      </c>
      <c r="B49" s="67">
        <v>24</v>
      </c>
      <c r="C49" s="68">
        <v>8</v>
      </c>
      <c r="D49" s="68">
        <v>16</v>
      </c>
      <c r="E49" s="67">
        <v>1</v>
      </c>
      <c r="F49" s="68">
        <v>0</v>
      </c>
      <c r="G49" s="69">
        <v>1</v>
      </c>
      <c r="H49" s="68">
        <v>102</v>
      </c>
      <c r="I49" s="68">
        <v>60</v>
      </c>
      <c r="J49" s="68">
        <v>42</v>
      </c>
      <c r="K49" s="67">
        <v>77</v>
      </c>
      <c r="L49" s="79">
        <v>52</v>
      </c>
      <c r="M49" s="80">
        <v>25</v>
      </c>
    </row>
    <row r="50" spans="1:13">
      <c r="A50" s="15" t="s">
        <v>90</v>
      </c>
      <c r="B50" s="67">
        <v>9</v>
      </c>
      <c r="C50" s="68">
        <v>-5</v>
      </c>
      <c r="D50" s="68">
        <v>14</v>
      </c>
      <c r="E50" s="67">
        <v>0</v>
      </c>
      <c r="F50" s="68">
        <v>0</v>
      </c>
      <c r="G50" s="69">
        <v>0</v>
      </c>
      <c r="H50" s="68">
        <v>80</v>
      </c>
      <c r="I50" s="68">
        <v>46</v>
      </c>
      <c r="J50" s="68">
        <v>34</v>
      </c>
      <c r="K50" s="67">
        <v>71</v>
      </c>
      <c r="L50" s="79">
        <v>51</v>
      </c>
      <c r="M50" s="80">
        <v>20</v>
      </c>
    </row>
    <row r="51" spans="1:13">
      <c r="A51" s="15" t="s">
        <v>92</v>
      </c>
      <c r="B51" s="67">
        <v>28</v>
      </c>
      <c r="C51" s="68">
        <v>17</v>
      </c>
      <c r="D51" s="68">
        <v>11</v>
      </c>
      <c r="E51" s="67">
        <v>0</v>
      </c>
      <c r="F51" s="68">
        <v>0</v>
      </c>
      <c r="G51" s="69">
        <v>0</v>
      </c>
      <c r="H51" s="68">
        <v>91</v>
      </c>
      <c r="I51" s="68">
        <v>61</v>
      </c>
      <c r="J51" s="68">
        <v>30</v>
      </c>
      <c r="K51" s="67">
        <v>63</v>
      </c>
      <c r="L51" s="79">
        <v>44</v>
      </c>
      <c r="M51" s="80">
        <v>19</v>
      </c>
    </row>
    <row r="52" spans="1:13">
      <c r="A52" s="15" t="s">
        <v>94</v>
      </c>
      <c r="B52" s="67">
        <v>25</v>
      </c>
      <c r="C52" s="68">
        <v>10</v>
      </c>
      <c r="D52" s="68">
        <v>15</v>
      </c>
      <c r="E52" s="67">
        <v>1</v>
      </c>
      <c r="F52" s="68">
        <v>1</v>
      </c>
      <c r="G52" s="69">
        <v>0</v>
      </c>
      <c r="H52" s="68">
        <v>82</v>
      </c>
      <c r="I52" s="68">
        <v>44</v>
      </c>
      <c r="J52" s="68">
        <v>38</v>
      </c>
      <c r="K52" s="67">
        <v>56</v>
      </c>
      <c r="L52" s="79">
        <v>33</v>
      </c>
      <c r="M52" s="80">
        <v>23</v>
      </c>
    </row>
    <row r="53" spans="1:13">
      <c r="A53" s="15" t="s">
        <v>96</v>
      </c>
      <c r="B53" s="67">
        <v>24</v>
      </c>
      <c r="C53" s="68">
        <v>19</v>
      </c>
      <c r="D53" s="68">
        <v>5</v>
      </c>
      <c r="E53" s="67">
        <v>0</v>
      </c>
      <c r="F53" s="68">
        <v>0</v>
      </c>
      <c r="G53" s="69">
        <v>0</v>
      </c>
      <c r="H53" s="68">
        <v>83</v>
      </c>
      <c r="I53" s="68">
        <v>57</v>
      </c>
      <c r="J53" s="68">
        <v>26</v>
      </c>
      <c r="K53" s="67">
        <v>59</v>
      </c>
      <c r="L53" s="79">
        <v>38</v>
      </c>
      <c r="M53" s="80">
        <v>21</v>
      </c>
    </row>
    <row r="54" spans="1:13" ht="21" customHeight="1">
      <c r="A54" s="36" t="s">
        <v>98</v>
      </c>
      <c r="B54" s="64">
        <v>-25</v>
      </c>
      <c r="C54" s="65">
        <v>-17</v>
      </c>
      <c r="D54" s="65">
        <v>-8</v>
      </c>
      <c r="E54" s="64">
        <v>2</v>
      </c>
      <c r="F54" s="65">
        <v>1</v>
      </c>
      <c r="G54" s="66">
        <v>1</v>
      </c>
      <c r="H54" s="65">
        <v>248</v>
      </c>
      <c r="I54" s="65">
        <v>166</v>
      </c>
      <c r="J54" s="65">
        <v>82</v>
      </c>
      <c r="K54" s="64">
        <v>271</v>
      </c>
      <c r="L54" s="77">
        <v>182</v>
      </c>
      <c r="M54" s="78">
        <v>89</v>
      </c>
    </row>
    <row r="55" spans="1:13">
      <c r="A55" s="15" t="s">
        <v>100</v>
      </c>
      <c r="B55" s="67">
        <v>-20</v>
      </c>
      <c r="C55" s="68">
        <v>-19</v>
      </c>
      <c r="D55" s="68">
        <v>-1</v>
      </c>
      <c r="E55" s="67">
        <v>0</v>
      </c>
      <c r="F55" s="68">
        <v>0</v>
      </c>
      <c r="G55" s="69">
        <v>0</v>
      </c>
      <c r="H55" s="68">
        <v>47</v>
      </c>
      <c r="I55" s="68">
        <v>30</v>
      </c>
      <c r="J55" s="68">
        <v>17</v>
      </c>
      <c r="K55" s="67">
        <v>67</v>
      </c>
      <c r="L55" s="79">
        <v>49</v>
      </c>
      <c r="M55" s="80">
        <v>18</v>
      </c>
    </row>
    <row r="56" spans="1:13">
      <c r="A56" s="15" t="s">
        <v>102</v>
      </c>
      <c r="B56" s="67">
        <v>-1</v>
      </c>
      <c r="C56" s="68">
        <v>-1</v>
      </c>
      <c r="D56" s="68">
        <v>0</v>
      </c>
      <c r="E56" s="67">
        <v>0</v>
      </c>
      <c r="F56" s="68">
        <v>0</v>
      </c>
      <c r="G56" s="69">
        <v>0</v>
      </c>
      <c r="H56" s="68">
        <v>52</v>
      </c>
      <c r="I56" s="68">
        <v>31</v>
      </c>
      <c r="J56" s="68">
        <v>21</v>
      </c>
      <c r="K56" s="67">
        <v>53</v>
      </c>
      <c r="L56" s="79">
        <v>32</v>
      </c>
      <c r="M56" s="80">
        <v>21</v>
      </c>
    </row>
    <row r="57" spans="1:13">
      <c r="A57" s="15" t="s">
        <v>104</v>
      </c>
      <c r="B57" s="67">
        <v>-7</v>
      </c>
      <c r="C57" s="68">
        <v>-2</v>
      </c>
      <c r="D57" s="68">
        <v>-5</v>
      </c>
      <c r="E57" s="67">
        <v>0</v>
      </c>
      <c r="F57" s="68">
        <v>0</v>
      </c>
      <c r="G57" s="69">
        <v>0</v>
      </c>
      <c r="H57" s="68">
        <v>40</v>
      </c>
      <c r="I57" s="68">
        <v>28</v>
      </c>
      <c r="J57" s="68">
        <v>12</v>
      </c>
      <c r="K57" s="67">
        <v>47</v>
      </c>
      <c r="L57" s="79">
        <v>30</v>
      </c>
      <c r="M57" s="80">
        <v>17</v>
      </c>
    </row>
    <row r="58" spans="1:13">
      <c r="A58" s="15" t="s">
        <v>106</v>
      </c>
      <c r="B58" s="67">
        <v>10</v>
      </c>
      <c r="C58" s="68">
        <v>6</v>
      </c>
      <c r="D58" s="68">
        <v>4</v>
      </c>
      <c r="E58" s="67">
        <v>2</v>
      </c>
      <c r="F58" s="68">
        <v>1</v>
      </c>
      <c r="G58" s="69">
        <v>1</v>
      </c>
      <c r="H58" s="68">
        <v>59</v>
      </c>
      <c r="I58" s="68">
        <v>37</v>
      </c>
      <c r="J58" s="68">
        <v>22</v>
      </c>
      <c r="K58" s="67">
        <v>47</v>
      </c>
      <c r="L58" s="79">
        <v>30</v>
      </c>
      <c r="M58" s="80">
        <v>17</v>
      </c>
    </row>
    <row r="59" spans="1:13">
      <c r="A59" s="15" t="s">
        <v>108</v>
      </c>
      <c r="B59" s="67">
        <v>-7</v>
      </c>
      <c r="C59" s="68">
        <v>-1</v>
      </c>
      <c r="D59" s="68">
        <v>-6</v>
      </c>
      <c r="E59" s="67">
        <v>0</v>
      </c>
      <c r="F59" s="68">
        <v>0</v>
      </c>
      <c r="G59" s="69">
        <v>0</v>
      </c>
      <c r="H59" s="68">
        <v>50</v>
      </c>
      <c r="I59" s="68">
        <v>40</v>
      </c>
      <c r="J59" s="68">
        <v>10</v>
      </c>
      <c r="K59" s="67">
        <v>57</v>
      </c>
      <c r="L59" s="79">
        <v>41</v>
      </c>
      <c r="M59" s="80">
        <v>16</v>
      </c>
    </row>
    <row r="60" spans="1:13" ht="21" customHeight="1">
      <c r="A60" s="36" t="s">
        <v>110</v>
      </c>
      <c r="B60" s="64">
        <v>22</v>
      </c>
      <c r="C60" s="65">
        <v>8</v>
      </c>
      <c r="D60" s="65">
        <v>14</v>
      </c>
      <c r="E60" s="64">
        <v>12</v>
      </c>
      <c r="F60" s="65">
        <v>4</v>
      </c>
      <c r="G60" s="66">
        <v>8</v>
      </c>
      <c r="H60" s="65">
        <v>280</v>
      </c>
      <c r="I60" s="65">
        <v>187</v>
      </c>
      <c r="J60" s="65">
        <v>93</v>
      </c>
      <c r="K60" s="64">
        <v>246</v>
      </c>
      <c r="L60" s="77">
        <v>175</v>
      </c>
      <c r="M60" s="78">
        <v>71</v>
      </c>
    </row>
    <row r="61" spans="1:13">
      <c r="A61" s="15" t="s">
        <v>112</v>
      </c>
      <c r="B61" s="67">
        <v>25</v>
      </c>
      <c r="C61" s="68">
        <v>13</v>
      </c>
      <c r="D61" s="68">
        <v>12</v>
      </c>
      <c r="E61" s="67">
        <v>1</v>
      </c>
      <c r="F61" s="68">
        <v>1</v>
      </c>
      <c r="G61" s="69">
        <v>0</v>
      </c>
      <c r="H61" s="68">
        <v>76</v>
      </c>
      <c r="I61" s="68">
        <v>46</v>
      </c>
      <c r="J61" s="68">
        <v>30</v>
      </c>
      <c r="K61" s="67">
        <v>50</v>
      </c>
      <c r="L61" s="79">
        <v>32</v>
      </c>
      <c r="M61" s="80">
        <v>18</v>
      </c>
    </row>
    <row r="62" spans="1:13">
      <c r="A62" s="15" t="s">
        <v>114</v>
      </c>
      <c r="B62" s="67">
        <v>18</v>
      </c>
      <c r="C62" s="68">
        <v>8</v>
      </c>
      <c r="D62" s="68">
        <v>10</v>
      </c>
      <c r="E62" s="67">
        <v>2</v>
      </c>
      <c r="F62" s="68">
        <v>0</v>
      </c>
      <c r="G62" s="69">
        <v>2</v>
      </c>
      <c r="H62" s="68">
        <v>60</v>
      </c>
      <c r="I62" s="68">
        <v>41</v>
      </c>
      <c r="J62" s="68">
        <v>19</v>
      </c>
      <c r="K62" s="67">
        <v>40</v>
      </c>
      <c r="L62" s="79">
        <v>33</v>
      </c>
      <c r="M62" s="80">
        <v>7</v>
      </c>
    </row>
    <row r="63" spans="1:13">
      <c r="A63" s="15" t="s">
        <v>116</v>
      </c>
      <c r="B63" s="67">
        <v>7</v>
      </c>
      <c r="C63" s="68">
        <v>0</v>
      </c>
      <c r="D63" s="68">
        <v>7</v>
      </c>
      <c r="E63" s="67">
        <v>4</v>
      </c>
      <c r="F63" s="68">
        <v>2</v>
      </c>
      <c r="G63" s="69">
        <v>2</v>
      </c>
      <c r="H63" s="68">
        <v>57</v>
      </c>
      <c r="I63" s="68">
        <v>38</v>
      </c>
      <c r="J63" s="68">
        <v>19</v>
      </c>
      <c r="K63" s="67">
        <v>46</v>
      </c>
      <c r="L63" s="79">
        <v>36</v>
      </c>
      <c r="M63" s="80">
        <v>10</v>
      </c>
    </row>
    <row r="64" spans="1:13">
      <c r="A64" s="15" t="s">
        <v>118</v>
      </c>
      <c r="B64" s="67">
        <v>-14</v>
      </c>
      <c r="C64" s="68">
        <v>-5</v>
      </c>
      <c r="D64" s="68">
        <v>-9</v>
      </c>
      <c r="E64" s="67">
        <v>2</v>
      </c>
      <c r="F64" s="68">
        <v>0</v>
      </c>
      <c r="G64" s="69">
        <v>2</v>
      </c>
      <c r="H64" s="68">
        <v>43</v>
      </c>
      <c r="I64" s="68">
        <v>29</v>
      </c>
      <c r="J64" s="68">
        <v>14</v>
      </c>
      <c r="K64" s="67">
        <v>55</v>
      </c>
      <c r="L64" s="79">
        <v>34</v>
      </c>
      <c r="M64" s="80">
        <v>21</v>
      </c>
    </row>
    <row r="65" spans="1:13">
      <c r="A65" s="19" t="s">
        <v>120</v>
      </c>
      <c r="B65" s="70">
        <v>-14</v>
      </c>
      <c r="C65" s="71">
        <v>-8</v>
      </c>
      <c r="D65" s="71">
        <v>-6</v>
      </c>
      <c r="E65" s="70">
        <v>3</v>
      </c>
      <c r="F65" s="71">
        <v>1</v>
      </c>
      <c r="G65" s="72">
        <v>2</v>
      </c>
      <c r="H65" s="71">
        <v>44</v>
      </c>
      <c r="I65" s="71">
        <v>33</v>
      </c>
      <c r="J65" s="71">
        <v>11</v>
      </c>
      <c r="K65" s="70">
        <v>55</v>
      </c>
      <c r="L65" s="81">
        <v>40</v>
      </c>
      <c r="M65" s="82">
        <v>1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464</v>
      </c>
      <c r="C69" s="50">
        <v>218</v>
      </c>
      <c r="D69" s="84">
        <v>246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99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32</v>
      </c>
      <c r="C75" s="65">
        <v>-14</v>
      </c>
      <c r="D75" s="65">
        <v>-18</v>
      </c>
      <c r="E75" s="64">
        <v>23</v>
      </c>
      <c r="F75" s="65">
        <v>20</v>
      </c>
      <c r="G75" s="66">
        <v>3</v>
      </c>
      <c r="H75" s="65">
        <v>196</v>
      </c>
      <c r="I75" s="65">
        <v>132</v>
      </c>
      <c r="J75" s="65">
        <v>64</v>
      </c>
      <c r="K75" s="64">
        <v>205</v>
      </c>
      <c r="L75" s="77">
        <v>126</v>
      </c>
      <c r="M75" s="78">
        <v>79</v>
      </c>
    </row>
    <row r="76" spans="1:13">
      <c r="A76" s="27" t="s">
        <v>5</v>
      </c>
      <c r="B76" s="67">
        <v>4</v>
      </c>
      <c r="C76" s="68">
        <v>10</v>
      </c>
      <c r="D76" s="68">
        <v>-6</v>
      </c>
      <c r="E76" s="67">
        <v>3</v>
      </c>
      <c r="F76" s="68">
        <v>3</v>
      </c>
      <c r="G76" s="69">
        <v>0</v>
      </c>
      <c r="H76" s="68">
        <v>50</v>
      </c>
      <c r="I76" s="68">
        <v>40</v>
      </c>
      <c r="J76" s="68">
        <v>10</v>
      </c>
      <c r="K76" s="67">
        <v>43</v>
      </c>
      <c r="L76" s="79">
        <v>27</v>
      </c>
      <c r="M76" s="80">
        <v>16</v>
      </c>
    </row>
    <row r="77" spans="1:13">
      <c r="A77" s="27" t="s">
        <v>7</v>
      </c>
      <c r="B77" s="67">
        <v>-11</v>
      </c>
      <c r="C77" s="68">
        <v>0</v>
      </c>
      <c r="D77" s="68">
        <v>-11</v>
      </c>
      <c r="E77" s="67">
        <v>6</v>
      </c>
      <c r="F77" s="68">
        <v>5</v>
      </c>
      <c r="G77" s="69">
        <v>1</v>
      </c>
      <c r="H77" s="68">
        <v>56</v>
      </c>
      <c r="I77" s="68">
        <v>40</v>
      </c>
      <c r="J77" s="68">
        <v>16</v>
      </c>
      <c r="K77" s="67">
        <v>61</v>
      </c>
      <c r="L77" s="79">
        <v>35</v>
      </c>
      <c r="M77" s="80">
        <v>26</v>
      </c>
    </row>
    <row r="78" spans="1:13">
      <c r="A78" s="27" t="s">
        <v>9</v>
      </c>
      <c r="B78" s="67">
        <v>-10</v>
      </c>
      <c r="C78" s="68">
        <v>-7</v>
      </c>
      <c r="D78" s="68">
        <v>-3</v>
      </c>
      <c r="E78" s="67">
        <v>4</v>
      </c>
      <c r="F78" s="68">
        <v>3</v>
      </c>
      <c r="G78" s="69">
        <v>1</v>
      </c>
      <c r="H78" s="68">
        <v>30</v>
      </c>
      <c r="I78" s="68">
        <v>18</v>
      </c>
      <c r="J78" s="68">
        <v>12</v>
      </c>
      <c r="K78" s="67">
        <v>36</v>
      </c>
      <c r="L78" s="79">
        <v>22</v>
      </c>
      <c r="M78" s="80">
        <v>14</v>
      </c>
    </row>
    <row r="79" spans="1:13">
      <c r="A79" s="27" t="s">
        <v>11</v>
      </c>
      <c r="B79" s="67">
        <v>-14</v>
      </c>
      <c r="C79" s="68">
        <v>-14</v>
      </c>
      <c r="D79" s="68">
        <v>0</v>
      </c>
      <c r="E79" s="67">
        <v>4</v>
      </c>
      <c r="F79" s="68">
        <v>4</v>
      </c>
      <c r="G79" s="69">
        <v>0</v>
      </c>
      <c r="H79" s="68">
        <v>29</v>
      </c>
      <c r="I79" s="68">
        <v>16</v>
      </c>
      <c r="J79" s="68">
        <v>13</v>
      </c>
      <c r="K79" s="67">
        <v>39</v>
      </c>
      <c r="L79" s="79">
        <v>26</v>
      </c>
      <c r="M79" s="80">
        <v>13</v>
      </c>
    </row>
    <row r="80" spans="1:13">
      <c r="A80" s="27" t="s">
        <v>13</v>
      </c>
      <c r="B80" s="67">
        <v>-1</v>
      </c>
      <c r="C80" s="68">
        <v>-3</v>
      </c>
      <c r="D80" s="68">
        <v>2</v>
      </c>
      <c r="E80" s="67">
        <v>6</v>
      </c>
      <c r="F80" s="68">
        <v>5</v>
      </c>
      <c r="G80" s="69">
        <v>1</v>
      </c>
      <c r="H80" s="68">
        <v>31</v>
      </c>
      <c r="I80" s="68">
        <v>18</v>
      </c>
      <c r="J80" s="68">
        <v>13</v>
      </c>
      <c r="K80" s="67">
        <v>26</v>
      </c>
      <c r="L80" s="79">
        <v>16</v>
      </c>
      <c r="M80" s="80">
        <v>10</v>
      </c>
    </row>
    <row r="81" spans="1:13" ht="21" customHeight="1">
      <c r="A81" s="38" t="s">
        <v>15</v>
      </c>
      <c r="B81" s="64">
        <v>-10</v>
      </c>
      <c r="C81" s="65">
        <v>-7</v>
      </c>
      <c r="D81" s="65">
        <v>-3</v>
      </c>
      <c r="E81" s="64">
        <v>18</v>
      </c>
      <c r="F81" s="65">
        <v>14</v>
      </c>
      <c r="G81" s="66">
        <v>4</v>
      </c>
      <c r="H81" s="65">
        <v>125</v>
      </c>
      <c r="I81" s="65">
        <v>72</v>
      </c>
      <c r="J81" s="65">
        <v>53</v>
      </c>
      <c r="K81" s="64">
        <v>117</v>
      </c>
      <c r="L81" s="77">
        <v>65</v>
      </c>
      <c r="M81" s="78">
        <v>52</v>
      </c>
    </row>
    <row r="82" spans="1:13">
      <c r="A82" s="27" t="s">
        <v>17</v>
      </c>
      <c r="B82" s="67">
        <v>-10</v>
      </c>
      <c r="C82" s="68">
        <v>-7</v>
      </c>
      <c r="D82" s="68">
        <v>-3</v>
      </c>
      <c r="E82" s="67">
        <v>3</v>
      </c>
      <c r="F82" s="68">
        <v>2</v>
      </c>
      <c r="G82" s="69">
        <v>1</v>
      </c>
      <c r="H82" s="68">
        <v>20</v>
      </c>
      <c r="I82" s="68">
        <v>14</v>
      </c>
      <c r="J82" s="68">
        <v>6</v>
      </c>
      <c r="K82" s="67">
        <v>27</v>
      </c>
      <c r="L82" s="79">
        <v>19</v>
      </c>
      <c r="M82" s="80">
        <v>8</v>
      </c>
    </row>
    <row r="83" spans="1:13">
      <c r="A83" s="27" t="s">
        <v>19</v>
      </c>
      <c r="B83" s="67">
        <v>1</v>
      </c>
      <c r="C83" s="68">
        <v>2</v>
      </c>
      <c r="D83" s="68">
        <v>-1</v>
      </c>
      <c r="E83" s="67">
        <v>2</v>
      </c>
      <c r="F83" s="68">
        <v>1</v>
      </c>
      <c r="G83" s="69">
        <v>1</v>
      </c>
      <c r="H83" s="68">
        <v>20</v>
      </c>
      <c r="I83" s="68">
        <v>11</v>
      </c>
      <c r="J83" s="68">
        <v>9</v>
      </c>
      <c r="K83" s="67">
        <v>17</v>
      </c>
      <c r="L83" s="79">
        <v>8</v>
      </c>
      <c r="M83" s="80">
        <v>9</v>
      </c>
    </row>
    <row r="84" spans="1:13">
      <c r="A84" s="27" t="s">
        <v>21</v>
      </c>
      <c r="B84" s="67">
        <v>1</v>
      </c>
      <c r="C84" s="68">
        <v>0</v>
      </c>
      <c r="D84" s="68">
        <v>1</v>
      </c>
      <c r="E84" s="67">
        <v>3</v>
      </c>
      <c r="F84" s="68">
        <v>3</v>
      </c>
      <c r="G84" s="69">
        <v>0</v>
      </c>
      <c r="H84" s="68">
        <v>29</v>
      </c>
      <c r="I84" s="68">
        <v>16</v>
      </c>
      <c r="J84" s="68">
        <v>13</v>
      </c>
      <c r="K84" s="67">
        <v>25</v>
      </c>
      <c r="L84" s="79">
        <v>13</v>
      </c>
      <c r="M84" s="80">
        <v>12</v>
      </c>
    </row>
    <row r="85" spans="1:13">
      <c r="A85" s="27" t="s">
        <v>23</v>
      </c>
      <c r="B85" s="67">
        <v>0</v>
      </c>
      <c r="C85" s="68">
        <v>0</v>
      </c>
      <c r="D85" s="68">
        <v>0</v>
      </c>
      <c r="E85" s="67">
        <v>4</v>
      </c>
      <c r="F85" s="68">
        <v>2</v>
      </c>
      <c r="G85" s="69">
        <v>2</v>
      </c>
      <c r="H85" s="68">
        <v>28</v>
      </c>
      <c r="I85" s="68">
        <v>14</v>
      </c>
      <c r="J85" s="68">
        <v>14</v>
      </c>
      <c r="K85" s="67">
        <v>24</v>
      </c>
      <c r="L85" s="79">
        <v>12</v>
      </c>
      <c r="M85" s="80">
        <v>12</v>
      </c>
    </row>
    <row r="86" spans="1:13">
      <c r="A86" s="27" t="s">
        <v>25</v>
      </c>
      <c r="B86" s="67">
        <v>-2</v>
      </c>
      <c r="C86" s="68">
        <v>-2</v>
      </c>
      <c r="D86" s="68">
        <v>0</v>
      </c>
      <c r="E86" s="67">
        <v>6</v>
      </c>
      <c r="F86" s="68">
        <v>6</v>
      </c>
      <c r="G86" s="69">
        <v>0</v>
      </c>
      <c r="H86" s="68">
        <v>28</v>
      </c>
      <c r="I86" s="68">
        <v>17</v>
      </c>
      <c r="J86" s="68">
        <v>11</v>
      </c>
      <c r="K86" s="67">
        <v>24</v>
      </c>
      <c r="L86" s="79">
        <v>13</v>
      </c>
      <c r="M86" s="80">
        <v>11</v>
      </c>
    </row>
    <row r="87" spans="1:13" ht="21" customHeight="1">
      <c r="A87" s="38" t="s">
        <v>27</v>
      </c>
      <c r="B87" s="64">
        <v>-62</v>
      </c>
      <c r="C87" s="65">
        <v>-32</v>
      </c>
      <c r="D87" s="65">
        <v>-30</v>
      </c>
      <c r="E87" s="64">
        <v>30</v>
      </c>
      <c r="F87" s="65">
        <v>24</v>
      </c>
      <c r="G87" s="66">
        <v>6</v>
      </c>
      <c r="H87" s="65">
        <v>55</v>
      </c>
      <c r="I87" s="65">
        <v>32</v>
      </c>
      <c r="J87" s="65">
        <v>23</v>
      </c>
      <c r="K87" s="64">
        <v>87</v>
      </c>
      <c r="L87" s="77">
        <v>40</v>
      </c>
      <c r="M87" s="78">
        <v>47</v>
      </c>
    </row>
    <row r="88" spans="1:13">
      <c r="A88" s="27" t="s">
        <v>29</v>
      </c>
      <c r="B88" s="67">
        <v>0</v>
      </c>
      <c r="C88" s="68">
        <v>-1</v>
      </c>
      <c r="D88" s="68">
        <v>1</v>
      </c>
      <c r="E88" s="67">
        <v>5</v>
      </c>
      <c r="F88" s="68">
        <v>4</v>
      </c>
      <c r="G88" s="69">
        <v>1</v>
      </c>
      <c r="H88" s="68">
        <v>19</v>
      </c>
      <c r="I88" s="68">
        <v>11</v>
      </c>
      <c r="J88" s="68">
        <v>8</v>
      </c>
      <c r="K88" s="67">
        <v>14</v>
      </c>
      <c r="L88" s="79">
        <v>8</v>
      </c>
      <c r="M88" s="80">
        <v>6</v>
      </c>
    </row>
    <row r="89" spans="1:13">
      <c r="A89" s="27" t="s">
        <v>31</v>
      </c>
      <c r="B89" s="67">
        <v>-16</v>
      </c>
      <c r="C89" s="68">
        <v>-8</v>
      </c>
      <c r="D89" s="68">
        <v>-8</v>
      </c>
      <c r="E89" s="67">
        <v>6</v>
      </c>
      <c r="F89" s="68">
        <v>3</v>
      </c>
      <c r="G89" s="69">
        <v>3</v>
      </c>
      <c r="H89" s="68">
        <v>10</v>
      </c>
      <c r="I89" s="68">
        <v>6</v>
      </c>
      <c r="J89" s="68">
        <v>4</v>
      </c>
      <c r="K89" s="67">
        <v>20</v>
      </c>
      <c r="L89" s="79">
        <v>11</v>
      </c>
      <c r="M89" s="80">
        <v>9</v>
      </c>
    </row>
    <row r="90" spans="1:13">
      <c r="A90" s="27" t="s">
        <v>33</v>
      </c>
      <c r="B90" s="67">
        <v>-18</v>
      </c>
      <c r="C90" s="68">
        <v>-10</v>
      </c>
      <c r="D90" s="68">
        <v>-8</v>
      </c>
      <c r="E90" s="67">
        <v>5</v>
      </c>
      <c r="F90" s="68">
        <v>5</v>
      </c>
      <c r="G90" s="69">
        <v>0</v>
      </c>
      <c r="H90" s="68">
        <v>8</v>
      </c>
      <c r="I90" s="68">
        <v>5</v>
      </c>
      <c r="J90" s="68">
        <v>3</v>
      </c>
      <c r="K90" s="67">
        <v>21</v>
      </c>
      <c r="L90" s="79">
        <v>10</v>
      </c>
      <c r="M90" s="80">
        <v>11</v>
      </c>
    </row>
    <row r="91" spans="1:13">
      <c r="A91" s="27" t="s">
        <v>35</v>
      </c>
      <c r="B91" s="67">
        <v>-10</v>
      </c>
      <c r="C91" s="68">
        <v>-8</v>
      </c>
      <c r="D91" s="68">
        <v>-2</v>
      </c>
      <c r="E91" s="67">
        <v>6</v>
      </c>
      <c r="F91" s="68">
        <v>5</v>
      </c>
      <c r="G91" s="69">
        <v>1</v>
      </c>
      <c r="H91" s="68">
        <v>6</v>
      </c>
      <c r="I91" s="68">
        <v>1</v>
      </c>
      <c r="J91" s="68">
        <v>5</v>
      </c>
      <c r="K91" s="67">
        <v>10</v>
      </c>
      <c r="L91" s="79">
        <v>4</v>
      </c>
      <c r="M91" s="80">
        <v>6</v>
      </c>
    </row>
    <row r="92" spans="1:13">
      <c r="A92" s="27" t="s">
        <v>37</v>
      </c>
      <c r="B92" s="67">
        <v>-18</v>
      </c>
      <c r="C92" s="68">
        <v>-5</v>
      </c>
      <c r="D92" s="68">
        <v>-13</v>
      </c>
      <c r="E92" s="67">
        <v>8</v>
      </c>
      <c r="F92" s="68">
        <v>7</v>
      </c>
      <c r="G92" s="69">
        <v>1</v>
      </c>
      <c r="H92" s="68">
        <v>12</v>
      </c>
      <c r="I92" s="68">
        <v>9</v>
      </c>
      <c r="J92" s="68">
        <v>3</v>
      </c>
      <c r="K92" s="67">
        <v>22</v>
      </c>
      <c r="L92" s="79">
        <v>7</v>
      </c>
      <c r="M92" s="80">
        <v>15</v>
      </c>
    </row>
    <row r="93" spans="1:13" ht="21" customHeight="1">
      <c r="A93" s="38" t="s">
        <v>39</v>
      </c>
      <c r="B93" s="64">
        <v>-95</v>
      </c>
      <c r="C93" s="65">
        <v>-51</v>
      </c>
      <c r="D93" s="65">
        <v>-44</v>
      </c>
      <c r="E93" s="64">
        <v>39</v>
      </c>
      <c r="F93" s="65">
        <v>26</v>
      </c>
      <c r="G93" s="66">
        <v>13</v>
      </c>
      <c r="H93" s="65">
        <v>36</v>
      </c>
      <c r="I93" s="65">
        <v>18</v>
      </c>
      <c r="J93" s="65">
        <v>18</v>
      </c>
      <c r="K93" s="64">
        <v>92</v>
      </c>
      <c r="L93" s="77">
        <v>43</v>
      </c>
      <c r="M93" s="78">
        <v>49</v>
      </c>
    </row>
    <row r="94" spans="1:13">
      <c r="A94" s="27" t="s">
        <v>41</v>
      </c>
      <c r="B94" s="67">
        <v>-18</v>
      </c>
      <c r="C94" s="68">
        <v>-11</v>
      </c>
      <c r="D94" s="68">
        <v>-7</v>
      </c>
      <c r="E94" s="67">
        <v>5</v>
      </c>
      <c r="F94" s="68">
        <v>5</v>
      </c>
      <c r="G94" s="69">
        <v>0</v>
      </c>
      <c r="H94" s="68">
        <v>7</v>
      </c>
      <c r="I94" s="68">
        <v>5</v>
      </c>
      <c r="J94" s="68">
        <v>2</v>
      </c>
      <c r="K94" s="67">
        <v>20</v>
      </c>
      <c r="L94" s="79">
        <v>11</v>
      </c>
      <c r="M94" s="80">
        <v>9</v>
      </c>
    </row>
    <row r="95" spans="1:13">
      <c r="A95" s="27" t="s">
        <v>43</v>
      </c>
      <c r="B95" s="67">
        <v>-12</v>
      </c>
      <c r="C95" s="68">
        <v>-8</v>
      </c>
      <c r="D95" s="68">
        <v>-4</v>
      </c>
      <c r="E95" s="67">
        <v>6</v>
      </c>
      <c r="F95" s="68">
        <v>5</v>
      </c>
      <c r="G95" s="69">
        <v>1</v>
      </c>
      <c r="H95" s="68">
        <v>10</v>
      </c>
      <c r="I95" s="68">
        <v>5</v>
      </c>
      <c r="J95" s="68">
        <v>5</v>
      </c>
      <c r="K95" s="67">
        <v>16</v>
      </c>
      <c r="L95" s="79">
        <v>8</v>
      </c>
      <c r="M95" s="80">
        <v>8</v>
      </c>
    </row>
    <row r="96" spans="1:13">
      <c r="A96" s="27" t="s">
        <v>45</v>
      </c>
      <c r="B96" s="67">
        <v>-24</v>
      </c>
      <c r="C96" s="68">
        <v>-5</v>
      </c>
      <c r="D96" s="68">
        <v>-19</v>
      </c>
      <c r="E96" s="67">
        <v>7</v>
      </c>
      <c r="F96" s="68">
        <v>2</v>
      </c>
      <c r="G96" s="69">
        <v>5</v>
      </c>
      <c r="H96" s="68">
        <v>3</v>
      </c>
      <c r="I96" s="68">
        <v>3</v>
      </c>
      <c r="J96" s="68">
        <v>0</v>
      </c>
      <c r="K96" s="67">
        <v>20</v>
      </c>
      <c r="L96" s="79">
        <v>6</v>
      </c>
      <c r="M96" s="80">
        <v>14</v>
      </c>
    </row>
    <row r="97" spans="1:13">
      <c r="A97" s="27" t="s">
        <v>47</v>
      </c>
      <c r="B97" s="67">
        <v>-24</v>
      </c>
      <c r="C97" s="68">
        <v>-12</v>
      </c>
      <c r="D97" s="68">
        <v>-12</v>
      </c>
      <c r="E97" s="67">
        <v>9</v>
      </c>
      <c r="F97" s="68">
        <v>5</v>
      </c>
      <c r="G97" s="69">
        <v>4</v>
      </c>
      <c r="H97" s="68">
        <v>6</v>
      </c>
      <c r="I97" s="68">
        <v>2</v>
      </c>
      <c r="J97" s="68">
        <v>4</v>
      </c>
      <c r="K97" s="67">
        <v>21</v>
      </c>
      <c r="L97" s="79">
        <v>9</v>
      </c>
      <c r="M97" s="80">
        <v>12</v>
      </c>
    </row>
    <row r="98" spans="1:13">
      <c r="A98" s="27" t="s">
        <v>49</v>
      </c>
      <c r="B98" s="67">
        <v>-17</v>
      </c>
      <c r="C98" s="68">
        <v>-15</v>
      </c>
      <c r="D98" s="68">
        <v>-2</v>
      </c>
      <c r="E98" s="67">
        <v>12</v>
      </c>
      <c r="F98" s="68">
        <v>9</v>
      </c>
      <c r="G98" s="69">
        <v>3</v>
      </c>
      <c r="H98" s="68">
        <v>10</v>
      </c>
      <c r="I98" s="68">
        <v>3</v>
      </c>
      <c r="J98" s="68">
        <v>7</v>
      </c>
      <c r="K98" s="67">
        <v>15</v>
      </c>
      <c r="L98" s="79">
        <v>9</v>
      </c>
      <c r="M98" s="80">
        <v>6</v>
      </c>
    </row>
    <row r="99" spans="1:13" ht="21" customHeight="1">
      <c r="A99" s="38" t="s">
        <v>51</v>
      </c>
      <c r="B99" s="64">
        <v>-135</v>
      </c>
      <c r="C99" s="65">
        <v>-83</v>
      </c>
      <c r="D99" s="65">
        <v>-52</v>
      </c>
      <c r="E99" s="64">
        <v>99</v>
      </c>
      <c r="F99" s="65">
        <v>66</v>
      </c>
      <c r="G99" s="66">
        <v>33</v>
      </c>
      <c r="H99" s="65">
        <v>54</v>
      </c>
      <c r="I99" s="65">
        <v>30</v>
      </c>
      <c r="J99" s="65">
        <v>24</v>
      </c>
      <c r="K99" s="64">
        <v>90</v>
      </c>
      <c r="L99" s="77">
        <v>47</v>
      </c>
      <c r="M99" s="78">
        <v>43</v>
      </c>
    </row>
    <row r="100" spans="1:13">
      <c r="A100" s="27" t="s">
        <v>53</v>
      </c>
      <c r="B100" s="67">
        <v>-25</v>
      </c>
      <c r="C100" s="68">
        <v>-14</v>
      </c>
      <c r="D100" s="68">
        <v>-11</v>
      </c>
      <c r="E100" s="67">
        <v>17</v>
      </c>
      <c r="F100" s="68">
        <v>10</v>
      </c>
      <c r="G100" s="69">
        <v>7</v>
      </c>
      <c r="H100" s="68">
        <v>8</v>
      </c>
      <c r="I100" s="68">
        <v>7</v>
      </c>
      <c r="J100" s="68">
        <v>1</v>
      </c>
      <c r="K100" s="67">
        <v>16</v>
      </c>
      <c r="L100" s="79">
        <v>11</v>
      </c>
      <c r="M100" s="80">
        <v>5</v>
      </c>
    </row>
    <row r="101" spans="1:13">
      <c r="A101" s="27" t="s">
        <v>55</v>
      </c>
      <c r="B101" s="67">
        <v>-20</v>
      </c>
      <c r="C101" s="68">
        <v>-13</v>
      </c>
      <c r="D101" s="68">
        <v>-7</v>
      </c>
      <c r="E101" s="67">
        <v>14</v>
      </c>
      <c r="F101" s="68">
        <v>11</v>
      </c>
      <c r="G101" s="69">
        <v>3</v>
      </c>
      <c r="H101" s="68">
        <v>12</v>
      </c>
      <c r="I101" s="68">
        <v>5</v>
      </c>
      <c r="J101" s="68">
        <v>7</v>
      </c>
      <c r="K101" s="67">
        <v>18</v>
      </c>
      <c r="L101" s="79">
        <v>7</v>
      </c>
      <c r="M101" s="80">
        <v>11</v>
      </c>
    </row>
    <row r="102" spans="1:13">
      <c r="A102" s="27" t="s">
        <v>57</v>
      </c>
      <c r="B102" s="67">
        <v>-24</v>
      </c>
      <c r="C102" s="68">
        <v>-16</v>
      </c>
      <c r="D102" s="68">
        <v>-8</v>
      </c>
      <c r="E102" s="67">
        <v>21</v>
      </c>
      <c r="F102" s="68">
        <v>16</v>
      </c>
      <c r="G102" s="69">
        <v>5</v>
      </c>
      <c r="H102" s="68">
        <v>12</v>
      </c>
      <c r="I102" s="68">
        <v>7</v>
      </c>
      <c r="J102" s="68">
        <v>5</v>
      </c>
      <c r="K102" s="67">
        <v>15</v>
      </c>
      <c r="L102" s="79">
        <v>7</v>
      </c>
      <c r="M102" s="80">
        <v>8</v>
      </c>
    </row>
    <row r="103" spans="1:13">
      <c r="A103" s="27" t="s">
        <v>59</v>
      </c>
      <c r="B103" s="67">
        <v>-25</v>
      </c>
      <c r="C103" s="68">
        <v>-17</v>
      </c>
      <c r="D103" s="68">
        <v>-8</v>
      </c>
      <c r="E103" s="67">
        <v>23</v>
      </c>
      <c r="F103" s="68">
        <v>12</v>
      </c>
      <c r="G103" s="69">
        <v>11</v>
      </c>
      <c r="H103" s="68">
        <v>15</v>
      </c>
      <c r="I103" s="68">
        <v>7</v>
      </c>
      <c r="J103" s="68">
        <v>8</v>
      </c>
      <c r="K103" s="67">
        <v>17</v>
      </c>
      <c r="L103" s="79">
        <v>12</v>
      </c>
      <c r="M103" s="80">
        <v>5</v>
      </c>
    </row>
    <row r="104" spans="1:13">
      <c r="A104" s="27" t="s">
        <v>61</v>
      </c>
      <c r="B104" s="67">
        <v>-41</v>
      </c>
      <c r="C104" s="68">
        <v>-23</v>
      </c>
      <c r="D104" s="68">
        <v>-18</v>
      </c>
      <c r="E104" s="67">
        <v>24</v>
      </c>
      <c r="F104" s="68">
        <v>17</v>
      </c>
      <c r="G104" s="69">
        <v>7</v>
      </c>
      <c r="H104" s="68">
        <v>7</v>
      </c>
      <c r="I104" s="68">
        <v>4</v>
      </c>
      <c r="J104" s="68">
        <v>3</v>
      </c>
      <c r="K104" s="67">
        <v>24</v>
      </c>
      <c r="L104" s="79">
        <v>10</v>
      </c>
      <c r="M104" s="80">
        <v>14</v>
      </c>
    </row>
    <row r="105" spans="1:13" ht="21" customHeight="1">
      <c r="A105" s="38" t="s">
        <v>63</v>
      </c>
      <c r="B105" s="64">
        <v>-150</v>
      </c>
      <c r="C105" s="65">
        <v>-86</v>
      </c>
      <c r="D105" s="65">
        <v>-64</v>
      </c>
      <c r="E105" s="64">
        <v>120</v>
      </c>
      <c r="F105" s="65">
        <v>82</v>
      </c>
      <c r="G105" s="66">
        <v>38</v>
      </c>
      <c r="H105" s="65">
        <v>43</v>
      </c>
      <c r="I105" s="65">
        <v>22</v>
      </c>
      <c r="J105" s="65">
        <v>21</v>
      </c>
      <c r="K105" s="64">
        <v>73</v>
      </c>
      <c r="L105" s="77">
        <v>26</v>
      </c>
      <c r="M105" s="78">
        <v>47</v>
      </c>
    </row>
    <row r="106" spans="1:13">
      <c r="A106" s="27" t="s">
        <v>65</v>
      </c>
      <c r="B106" s="67">
        <v>-23</v>
      </c>
      <c r="C106" s="68">
        <v>-9</v>
      </c>
      <c r="D106" s="68">
        <v>-14</v>
      </c>
      <c r="E106" s="67">
        <v>13</v>
      </c>
      <c r="F106" s="68">
        <v>9</v>
      </c>
      <c r="G106" s="69">
        <v>4</v>
      </c>
      <c r="H106" s="68">
        <v>5</v>
      </c>
      <c r="I106" s="68">
        <v>3</v>
      </c>
      <c r="J106" s="68">
        <v>2</v>
      </c>
      <c r="K106" s="67">
        <v>15</v>
      </c>
      <c r="L106" s="79">
        <v>3</v>
      </c>
      <c r="M106" s="80">
        <v>12</v>
      </c>
    </row>
    <row r="107" spans="1:13">
      <c r="A107" s="27" t="s">
        <v>67</v>
      </c>
      <c r="B107" s="67">
        <v>-27</v>
      </c>
      <c r="C107" s="68">
        <v>-18</v>
      </c>
      <c r="D107" s="68">
        <v>-9</v>
      </c>
      <c r="E107" s="67">
        <v>21</v>
      </c>
      <c r="F107" s="68">
        <v>17</v>
      </c>
      <c r="G107" s="69">
        <v>4</v>
      </c>
      <c r="H107" s="68">
        <v>6</v>
      </c>
      <c r="I107" s="68">
        <v>2</v>
      </c>
      <c r="J107" s="68">
        <v>4</v>
      </c>
      <c r="K107" s="67">
        <v>12</v>
      </c>
      <c r="L107" s="79">
        <v>3</v>
      </c>
      <c r="M107" s="80">
        <v>9</v>
      </c>
    </row>
    <row r="108" spans="1:13">
      <c r="A108" s="27" t="s">
        <v>69</v>
      </c>
      <c r="B108" s="67">
        <v>-28</v>
      </c>
      <c r="C108" s="68">
        <v>-15</v>
      </c>
      <c r="D108" s="68">
        <v>-13</v>
      </c>
      <c r="E108" s="67">
        <v>27</v>
      </c>
      <c r="F108" s="68">
        <v>16</v>
      </c>
      <c r="G108" s="69">
        <v>11</v>
      </c>
      <c r="H108" s="68">
        <v>12</v>
      </c>
      <c r="I108" s="68">
        <v>7</v>
      </c>
      <c r="J108" s="68">
        <v>5</v>
      </c>
      <c r="K108" s="67">
        <v>13</v>
      </c>
      <c r="L108" s="79">
        <v>6</v>
      </c>
      <c r="M108" s="80">
        <v>7</v>
      </c>
    </row>
    <row r="109" spans="1:13">
      <c r="A109" s="27" t="s">
        <v>71</v>
      </c>
      <c r="B109" s="67">
        <v>-32</v>
      </c>
      <c r="C109" s="68">
        <v>-23</v>
      </c>
      <c r="D109" s="68">
        <v>-9</v>
      </c>
      <c r="E109" s="67">
        <v>23</v>
      </c>
      <c r="F109" s="68">
        <v>19</v>
      </c>
      <c r="G109" s="69">
        <v>4</v>
      </c>
      <c r="H109" s="68">
        <v>7</v>
      </c>
      <c r="I109" s="68">
        <v>3</v>
      </c>
      <c r="J109" s="68">
        <v>4</v>
      </c>
      <c r="K109" s="67">
        <v>16</v>
      </c>
      <c r="L109" s="79">
        <v>7</v>
      </c>
      <c r="M109" s="80">
        <v>9</v>
      </c>
    </row>
    <row r="110" spans="1:13">
      <c r="A110" s="27" t="s">
        <v>73</v>
      </c>
      <c r="B110" s="67">
        <v>-40</v>
      </c>
      <c r="C110" s="68">
        <v>-21</v>
      </c>
      <c r="D110" s="68">
        <v>-19</v>
      </c>
      <c r="E110" s="67">
        <v>36</v>
      </c>
      <c r="F110" s="68">
        <v>21</v>
      </c>
      <c r="G110" s="69">
        <v>15</v>
      </c>
      <c r="H110" s="68">
        <v>13</v>
      </c>
      <c r="I110" s="68">
        <v>7</v>
      </c>
      <c r="J110" s="68">
        <v>6</v>
      </c>
      <c r="K110" s="67">
        <v>17</v>
      </c>
      <c r="L110" s="79">
        <v>7</v>
      </c>
      <c r="M110" s="80">
        <v>10</v>
      </c>
    </row>
    <row r="111" spans="1:13" ht="21" customHeight="1">
      <c r="A111" s="38" t="s">
        <v>75</v>
      </c>
      <c r="B111" s="64">
        <v>-200</v>
      </c>
      <c r="C111" s="65">
        <v>-118</v>
      </c>
      <c r="D111" s="65">
        <v>-82</v>
      </c>
      <c r="E111" s="64">
        <v>189</v>
      </c>
      <c r="F111" s="65">
        <v>117</v>
      </c>
      <c r="G111" s="66">
        <v>72</v>
      </c>
      <c r="H111" s="65">
        <v>37</v>
      </c>
      <c r="I111" s="65">
        <v>14</v>
      </c>
      <c r="J111" s="65">
        <v>23</v>
      </c>
      <c r="K111" s="64">
        <v>48</v>
      </c>
      <c r="L111" s="77">
        <v>15</v>
      </c>
      <c r="M111" s="78">
        <v>33</v>
      </c>
    </row>
    <row r="112" spans="1:13">
      <c r="A112" s="27" t="s">
        <v>77</v>
      </c>
      <c r="B112" s="67">
        <v>-42</v>
      </c>
      <c r="C112" s="68">
        <v>-23</v>
      </c>
      <c r="D112" s="68">
        <v>-19</v>
      </c>
      <c r="E112" s="67">
        <v>35</v>
      </c>
      <c r="F112" s="68">
        <v>24</v>
      </c>
      <c r="G112" s="69">
        <v>11</v>
      </c>
      <c r="H112" s="68">
        <v>8</v>
      </c>
      <c r="I112" s="68">
        <v>3</v>
      </c>
      <c r="J112" s="68">
        <v>5</v>
      </c>
      <c r="K112" s="67">
        <v>15</v>
      </c>
      <c r="L112" s="79">
        <v>2</v>
      </c>
      <c r="M112" s="80">
        <v>13</v>
      </c>
    </row>
    <row r="113" spans="1:13">
      <c r="A113" s="27" t="s">
        <v>79</v>
      </c>
      <c r="B113" s="67">
        <v>-37</v>
      </c>
      <c r="C113" s="68">
        <v>-24</v>
      </c>
      <c r="D113" s="68">
        <v>-13</v>
      </c>
      <c r="E113" s="67">
        <v>40</v>
      </c>
      <c r="F113" s="68">
        <v>24</v>
      </c>
      <c r="G113" s="69">
        <v>16</v>
      </c>
      <c r="H113" s="68">
        <v>9</v>
      </c>
      <c r="I113" s="68">
        <v>2</v>
      </c>
      <c r="J113" s="68">
        <v>7</v>
      </c>
      <c r="K113" s="67">
        <v>6</v>
      </c>
      <c r="L113" s="79">
        <v>2</v>
      </c>
      <c r="M113" s="80">
        <v>4</v>
      </c>
    </row>
    <row r="114" spans="1:13">
      <c r="A114" s="27" t="s">
        <v>81</v>
      </c>
      <c r="B114" s="67">
        <v>-47</v>
      </c>
      <c r="C114" s="68">
        <v>-33</v>
      </c>
      <c r="D114" s="68">
        <v>-14</v>
      </c>
      <c r="E114" s="67">
        <v>45</v>
      </c>
      <c r="F114" s="68">
        <v>28</v>
      </c>
      <c r="G114" s="69">
        <v>17</v>
      </c>
      <c r="H114" s="68">
        <v>9</v>
      </c>
      <c r="I114" s="68">
        <v>4</v>
      </c>
      <c r="J114" s="68">
        <v>5</v>
      </c>
      <c r="K114" s="67">
        <v>11</v>
      </c>
      <c r="L114" s="79">
        <v>9</v>
      </c>
      <c r="M114" s="80">
        <v>2</v>
      </c>
    </row>
    <row r="115" spans="1:13">
      <c r="A115" s="27" t="s">
        <v>83</v>
      </c>
      <c r="B115" s="67">
        <v>-45</v>
      </c>
      <c r="C115" s="68">
        <v>-21</v>
      </c>
      <c r="D115" s="68">
        <v>-24</v>
      </c>
      <c r="E115" s="67">
        <v>40</v>
      </c>
      <c r="F115" s="68">
        <v>22</v>
      </c>
      <c r="G115" s="69">
        <v>18</v>
      </c>
      <c r="H115" s="68">
        <v>5</v>
      </c>
      <c r="I115" s="68">
        <v>1</v>
      </c>
      <c r="J115" s="68">
        <v>4</v>
      </c>
      <c r="K115" s="67">
        <v>10</v>
      </c>
      <c r="L115" s="79">
        <v>0</v>
      </c>
      <c r="M115" s="80">
        <v>10</v>
      </c>
    </row>
    <row r="116" spans="1:13">
      <c r="A116" s="27" t="s">
        <v>85</v>
      </c>
      <c r="B116" s="67">
        <v>-29</v>
      </c>
      <c r="C116" s="68">
        <v>-17</v>
      </c>
      <c r="D116" s="68">
        <v>-12</v>
      </c>
      <c r="E116" s="67">
        <v>29</v>
      </c>
      <c r="F116" s="68">
        <v>19</v>
      </c>
      <c r="G116" s="69">
        <v>10</v>
      </c>
      <c r="H116" s="68">
        <v>6</v>
      </c>
      <c r="I116" s="68">
        <v>4</v>
      </c>
      <c r="J116" s="68">
        <v>2</v>
      </c>
      <c r="K116" s="67">
        <v>6</v>
      </c>
      <c r="L116" s="79">
        <v>2</v>
      </c>
      <c r="M116" s="80">
        <v>4</v>
      </c>
    </row>
    <row r="117" spans="1:13" ht="21" customHeight="1">
      <c r="A117" s="38" t="s">
        <v>87</v>
      </c>
      <c r="B117" s="64">
        <v>-182</v>
      </c>
      <c r="C117" s="65">
        <v>-116</v>
      </c>
      <c r="D117" s="65">
        <v>-66</v>
      </c>
      <c r="E117" s="64">
        <v>183</v>
      </c>
      <c r="F117" s="65">
        <v>114</v>
      </c>
      <c r="G117" s="66">
        <v>69</v>
      </c>
      <c r="H117" s="65">
        <v>36</v>
      </c>
      <c r="I117" s="65">
        <v>11</v>
      </c>
      <c r="J117" s="65">
        <v>25</v>
      </c>
      <c r="K117" s="64">
        <v>35</v>
      </c>
      <c r="L117" s="77">
        <v>13</v>
      </c>
      <c r="M117" s="78">
        <v>22</v>
      </c>
    </row>
    <row r="118" spans="1:13">
      <c r="A118" s="27" t="s">
        <v>89</v>
      </c>
      <c r="B118" s="67">
        <v>-29</v>
      </c>
      <c r="C118" s="68">
        <v>-18</v>
      </c>
      <c r="D118" s="68">
        <v>-11</v>
      </c>
      <c r="E118" s="67">
        <v>29</v>
      </c>
      <c r="F118" s="68">
        <v>15</v>
      </c>
      <c r="G118" s="69">
        <v>14</v>
      </c>
      <c r="H118" s="68">
        <v>7</v>
      </c>
      <c r="I118" s="68">
        <v>1</v>
      </c>
      <c r="J118" s="68">
        <v>6</v>
      </c>
      <c r="K118" s="67">
        <v>7</v>
      </c>
      <c r="L118" s="79">
        <v>4</v>
      </c>
      <c r="M118" s="80">
        <v>3</v>
      </c>
    </row>
    <row r="119" spans="1:13">
      <c r="A119" s="27" t="s">
        <v>91</v>
      </c>
      <c r="B119" s="67">
        <v>-40</v>
      </c>
      <c r="C119" s="68">
        <v>-24</v>
      </c>
      <c r="D119" s="68">
        <v>-16</v>
      </c>
      <c r="E119" s="67">
        <v>46</v>
      </c>
      <c r="F119" s="68">
        <v>28</v>
      </c>
      <c r="G119" s="69">
        <v>18</v>
      </c>
      <c r="H119" s="68">
        <v>14</v>
      </c>
      <c r="I119" s="68">
        <v>5</v>
      </c>
      <c r="J119" s="68">
        <v>9</v>
      </c>
      <c r="K119" s="67">
        <v>8</v>
      </c>
      <c r="L119" s="79">
        <v>1</v>
      </c>
      <c r="M119" s="80">
        <v>7</v>
      </c>
    </row>
    <row r="120" spans="1:13">
      <c r="A120" s="27" t="s">
        <v>93</v>
      </c>
      <c r="B120" s="67">
        <v>-38</v>
      </c>
      <c r="C120" s="68">
        <v>-27</v>
      </c>
      <c r="D120" s="68">
        <v>-11</v>
      </c>
      <c r="E120" s="67">
        <v>32</v>
      </c>
      <c r="F120" s="68">
        <v>24</v>
      </c>
      <c r="G120" s="69">
        <v>8</v>
      </c>
      <c r="H120" s="68">
        <v>2</v>
      </c>
      <c r="I120" s="68">
        <v>1</v>
      </c>
      <c r="J120" s="68">
        <v>1</v>
      </c>
      <c r="K120" s="67">
        <v>8</v>
      </c>
      <c r="L120" s="79">
        <v>4</v>
      </c>
      <c r="M120" s="80">
        <v>4</v>
      </c>
    </row>
    <row r="121" spans="1:13">
      <c r="A121" s="27" t="s">
        <v>95</v>
      </c>
      <c r="B121" s="67">
        <v>-46</v>
      </c>
      <c r="C121" s="68">
        <v>-33</v>
      </c>
      <c r="D121" s="68">
        <v>-13</v>
      </c>
      <c r="E121" s="67">
        <v>45</v>
      </c>
      <c r="F121" s="68">
        <v>31</v>
      </c>
      <c r="G121" s="69">
        <v>14</v>
      </c>
      <c r="H121" s="68">
        <v>4</v>
      </c>
      <c r="I121" s="68">
        <v>1</v>
      </c>
      <c r="J121" s="68">
        <v>3</v>
      </c>
      <c r="K121" s="67">
        <v>5</v>
      </c>
      <c r="L121" s="79">
        <v>3</v>
      </c>
      <c r="M121" s="80">
        <v>2</v>
      </c>
    </row>
    <row r="122" spans="1:13">
      <c r="A122" s="27" t="s">
        <v>97</v>
      </c>
      <c r="B122" s="67">
        <v>-29</v>
      </c>
      <c r="C122" s="68">
        <v>-14</v>
      </c>
      <c r="D122" s="68">
        <v>-15</v>
      </c>
      <c r="E122" s="67">
        <v>31</v>
      </c>
      <c r="F122" s="68">
        <v>16</v>
      </c>
      <c r="G122" s="69">
        <v>15</v>
      </c>
      <c r="H122" s="68">
        <v>9</v>
      </c>
      <c r="I122" s="68">
        <v>3</v>
      </c>
      <c r="J122" s="68">
        <v>6</v>
      </c>
      <c r="K122" s="67">
        <v>7</v>
      </c>
      <c r="L122" s="79">
        <v>1</v>
      </c>
      <c r="M122" s="80">
        <v>6</v>
      </c>
    </row>
    <row r="123" spans="1:13" ht="21" customHeight="1">
      <c r="A123" s="38" t="s">
        <v>99</v>
      </c>
      <c r="B123" s="64">
        <v>-125</v>
      </c>
      <c r="C123" s="65">
        <v>-66</v>
      </c>
      <c r="D123" s="65">
        <v>-59</v>
      </c>
      <c r="E123" s="64">
        <v>122</v>
      </c>
      <c r="F123" s="65">
        <v>62</v>
      </c>
      <c r="G123" s="66">
        <v>60</v>
      </c>
      <c r="H123" s="65">
        <v>15</v>
      </c>
      <c r="I123" s="65">
        <v>2</v>
      </c>
      <c r="J123" s="65">
        <v>13</v>
      </c>
      <c r="K123" s="64">
        <v>18</v>
      </c>
      <c r="L123" s="77">
        <v>6</v>
      </c>
      <c r="M123" s="78">
        <v>12</v>
      </c>
    </row>
    <row r="124" spans="1:13">
      <c r="A124" s="27" t="s">
        <v>101</v>
      </c>
      <c r="B124" s="67">
        <v>-34</v>
      </c>
      <c r="C124" s="68">
        <v>-21</v>
      </c>
      <c r="D124" s="68">
        <v>-13</v>
      </c>
      <c r="E124" s="67">
        <v>30</v>
      </c>
      <c r="F124" s="68">
        <v>17</v>
      </c>
      <c r="G124" s="69">
        <v>13</v>
      </c>
      <c r="H124" s="68">
        <v>2</v>
      </c>
      <c r="I124" s="68">
        <v>0</v>
      </c>
      <c r="J124" s="68">
        <v>2</v>
      </c>
      <c r="K124" s="67">
        <v>6</v>
      </c>
      <c r="L124" s="79">
        <v>4</v>
      </c>
      <c r="M124" s="80">
        <v>2</v>
      </c>
    </row>
    <row r="125" spans="1:13">
      <c r="A125" s="27" t="s">
        <v>103</v>
      </c>
      <c r="B125" s="67">
        <v>-32</v>
      </c>
      <c r="C125" s="68">
        <v>-18</v>
      </c>
      <c r="D125" s="68">
        <v>-14</v>
      </c>
      <c r="E125" s="67">
        <v>32</v>
      </c>
      <c r="F125" s="68">
        <v>17</v>
      </c>
      <c r="G125" s="69">
        <v>15</v>
      </c>
      <c r="H125" s="68">
        <v>4</v>
      </c>
      <c r="I125" s="68">
        <v>0</v>
      </c>
      <c r="J125" s="68">
        <v>4</v>
      </c>
      <c r="K125" s="67">
        <v>4</v>
      </c>
      <c r="L125" s="79">
        <v>1</v>
      </c>
      <c r="M125" s="80">
        <v>3</v>
      </c>
    </row>
    <row r="126" spans="1:13">
      <c r="A126" s="27" t="s">
        <v>105</v>
      </c>
      <c r="B126" s="67">
        <v>-17</v>
      </c>
      <c r="C126" s="68">
        <v>-6</v>
      </c>
      <c r="D126" s="68">
        <v>-11</v>
      </c>
      <c r="E126" s="67">
        <v>18</v>
      </c>
      <c r="F126" s="68">
        <v>8</v>
      </c>
      <c r="G126" s="69">
        <v>10</v>
      </c>
      <c r="H126" s="68">
        <v>4</v>
      </c>
      <c r="I126" s="68">
        <v>2</v>
      </c>
      <c r="J126" s="68">
        <v>2</v>
      </c>
      <c r="K126" s="67">
        <v>3</v>
      </c>
      <c r="L126" s="79">
        <v>0</v>
      </c>
      <c r="M126" s="80">
        <v>3</v>
      </c>
    </row>
    <row r="127" spans="1:13">
      <c r="A127" s="27" t="s">
        <v>107</v>
      </c>
      <c r="B127" s="67">
        <v>-23</v>
      </c>
      <c r="C127" s="68">
        <v>-10</v>
      </c>
      <c r="D127" s="68">
        <v>-13</v>
      </c>
      <c r="E127" s="67">
        <v>23</v>
      </c>
      <c r="F127" s="68">
        <v>9</v>
      </c>
      <c r="G127" s="69">
        <v>14</v>
      </c>
      <c r="H127" s="68">
        <v>1</v>
      </c>
      <c r="I127" s="68">
        <v>0</v>
      </c>
      <c r="J127" s="68">
        <v>1</v>
      </c>
      <c r="K127" s="67">
        <v>1</v>
      </c>
      <c r="L127" s="79">
        <v>1</v>
      </c>
      <c r="M127" s="80">
        <v>0</v>
      </c>
    </row>
    <row r="128" spans="1:13">
      <c r="A128" s="27" t="s">
        <v>109</v>
      </c>
      <c r="B128" s="67">
        <v>-19</v>
      </c>
      <c r="C128" s="68">
        <v>-11</v>
      </c>
      <c r="D128" s="68">
        <v>-8</v>
      </c>
      <c r="E128" s="67">
        <v>19</v>
      </c>
      <c r="F128" s="68">
        <v>11</v>
      </c>
      <c r="G128" s="69">
        <v>8</v>
      </c>
      <c r="H128" s="68">
        <v>4</v>
      </c>
      <c r="I128" s="68">
        <v>0</v>
      </c>
      <c r="J128" s="68">
        <v>4</v>
      </c>
      <c r="K128" s="67">
        <v>4</v>
      </c>
      <c r="L128" s="79">
        <v>0</v>
      </c>
      <c r="M128" s="80">
        <v>4</v>
      </c>
    </row>
    <row r="129" spans="1:14" ht="21" customHeight="1">
      <c r="A129" s="38" t="s">
        <v>111</v>
      </c>
      <c r="B129" s="64">
        <v>-51</v>
      </c>
      <c r="C129" s="65">
        <v>-13</v>
      </c>
      <c r="D129" s="65">
        <v>-38</v>
      </c>
      <c r="E129" s="64">
        <v>53</v>
      </c>
      <c r="F129" s="65">
        <v>15</v>
      </c>
      <c r="G129" s="66">
        <v>38</v>
      </c>
      <c r="H129" s="65">
        <v>7</v>
      </c>
      <c r="I129" s="65">
        <v>3</v>
      </c>
      <c r="J129" s="65">
        <v>4</v>
      </c>
      <c r="K129" s="64">
        <v>5</v>
      </c>
      <c r="L129" s="77">
        <v>1</v>
      </c>
      <c r="M129" s="78">
        <v>4</v>
      </c>
    </row>
    <row r="130" spans="1:14">
      <c r="A130" s="27" t="s">
        <v>113</v>
      </c>
      <c r="B130" s="67">
        <v>-14</v>
      </c>
      <c r="C130" s="68">
        <v>-5</v>
      </c>
      <c r="D130" s="68">
        <v>-9</v>
      </c>
      <c r="E130" s="67">
        <v>13</v>
      </c>
      <c r="F130" s="68">
        <v>5</v>
      </c>
      <c r="G130" s="69">
        <v>8</v>
      </c>
      <c r="H130" s="68">
        <v>1</v>
      </c>
      <c r="I130" s="68">
        <v>0</v>
      </c>
      <c r="J130" s="68">
        <v>1</v>
      </c>
      <c r="K130" s="67">
        <v>2</v>
      </c>
      <c r="L130" s="79">
        <v>0</v>
      </c>
      <c r="M130" s="80">
        <v>2</v>
      </c>
    </row>
    <row r="131" spans="1:14">
      <c r="A131" s="27" t="s">
        <v>115</v>
      </c>
      <c r="B131" s="67">
        <v>-18</v>
      </c>
      <c r="C131" s="68">
        <v>-3</v>
      </c>
      <c r="D131" s="68">
        <v>-15</v>
      </c>
      <c r="E131" s="67">
        <v>20</v>
      </c>
      <c r="F131" s="68">
        <v>5</v>
      </c>
      <c r="G131" s="69">
        <v>15</v>
      </c>
      <c r="H131" s="68">
        <v>3</v>
      </c>
      <c r="I131" s="68">
        <v>2</v>
      </c>
      <c r="J131" s="68">
        <v>1</v>
      </c>
      <c r="K131" s="67">
        <v>1</v>
      </c>
      <c r="L131" s="79">
        <v>0</v>
      </c>
      <c r="M131" s="80">
        <v>1</v>
      </c>
    </row>
    <row r="132" spans="1:14">
      <c r="A132" s="27" t="s">
        <v>117</v>
      </c>
      <c r="B132" s="67">
        <v>-6</v>
      </c>
      <c r="C132" s="68">
        <v>-2</v>
      </c>
      <c r="D132" s="68">
        <v>-4</v>
      </c>
      <c r="E132" s="67">
        <v>9</v>
      </c>
      <c r="F132" s="68">
        <v>3</v>
      </c>
      <c r="G132" s="69">
        <v>6</v>
      </c>
      <c r="H132" s="68">
        <v>3</v>
      </c>
      <c r="I132" s="68">
        <v>1</v>
      </c>
      <c r="J132" s="68">
        <v>2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6</v>
      </c>
      <c r="C133" s="68">
        <v>-1</v>
      </c>
      <c r="D133" s="68">
        <v>-5</v>
      </c>
      <c r="E133" s="67">
        <v>6</v>
      </c>
      <c r="F133" s="68">
        <v>1</v>
      </c>
      <c r="G133" s="69">
        <v>5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7</v>
      </c>
      <c r="C134" s="68">
        <v>-2</v>
      </c>
      <c r="D134" s="68">
        <v>-5</v>
      </c>
      <c r="E134" s="67">
        <v>5</v>
      </c>
      <c r="F134" s="68">
        <v>1</v>
      </c>
      <c r="G134" s="69">
        <v>4</v>
      </c>
      <c r="H134" s="68">
        <v>0</v>
      </c>
      <c r="I134" s="68">
        <v>0</v>
      </c>
      <c r="J134" s="68">
        <v>0</v>
      </c>
      <c r="K134" s="67">
        <v>2</v>
      </c>
      <c r="L134" s="79">
        <v>1</v>
      </c>
      <c r="M134" s="80">
        <v>1</v>
      </c>
    </row>
    <row r="135" spans="1:14" ht="21" customHeight="1">
      <c r="A135" s="39" t="s">
        <v>122</v>
      </c>
      <c r="B135" s="42">
        <v>-18</v>
      </c>
      <c r="C135" s="40">
        <v>-2</v>
      </c>
      <c r="D135" s="40">
        <v>-16</v>
      </c>
      <c r="E135" s="42">
        <v>20</v>
      </c>
      <c r="F135" s="40">
        <v>3</v>
      </c>
      <c r="G135" s="43">
        <v>17</v>
      </c>
      <c r="H135" s="40">
        <v>2</v>
      </c>
      <c r="I135" s="40">
        <v>1</v>
      </c>
      <c r="J135" s="40">
        <v>1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0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89</v>
      </c>
      <c r="C5" s="62">
        <v>-86</v>
      </c>
      <c r="D5" s="62">
        <v>-3</v>
      </c>
      <c r="E5" s="61">
        <v>476</v>
      </c>
      <c r="F5" s="62">
        <v>264</v>
      </c>
      <c r="G5" s="63">
        <v>212</v>
      </c>
      <c r="H5" s="62">
        <v>1875</v>
      </c>
      <c r="I5" s="62">
        <v>1115</v>
      </c>
      <c r="J5" s="62">
        <v>760</v>
      </c>
      <c r="K5" s="61">
        <v>1672</v>
      </c>
      <c r="L5" s="75">
        <v>1034</v>
      </c>
      <c r="M5" s="76">
        <v>638</v>
      </c>
    </row>
    <row r="6" spans="1:13" ht="23.25" customHeight="1">
      <c r="A6" s="36" t="s">
        <v>2</v>
      </c>
      <c r="B6" s="64">
        <v>221</v>
      </c>
      <c r="C6" s="65">
        <v>127</v>
      </c>
      <c r="D6" s="65">
        <v>94</v>
      </c>
      <c r="E6" s="64">
        <v>0</v>
      </c>
      <c r="F6" s="65">
        <v>0</v>
      </c>
      <c r="G6" s="66">
        <v>0</v>
      </c>
      <c r="H6" s="65">
        <v>107</v>
      </c>
      <c r="I6" s="65">
        <v>62</v>
      </c>
      <c r="J6" s="65">
        <v>45</v>
      </c>
      <c r="K6" s="64">
        <v>70</v>
      </c>
      <c r="L6" s="77">
        <v>32</v>
      </c>
      <c r="M6" s="78">
        <v>38</v>
      </c>
    </row>
    <row r="7" spans="1:13">
      <c r="A7" s="15" t="s">
        <v>4</v>
      </c>
      <c r="B7" s="67">
        <v>182</v>
      </c>
      <c r="C7" s="68">
        <v>98</v>
      </c>
      <c r="D7" s="68">
        <v>84</v>
      </c>
      <c r="E7" s="67">
        <v>0</v>
      </c>
      <c r="F7" s="68">
        <v>0</v>
      </c>
      <c r="G7" s="69">
        <v>0</v>
      </c>
      <c r="H7" s="68">
        <v>14</v>
      </c>
      <c r="I7" s="68">
        <v>8</v>
      </c>
      <c r="J7" s="68">
        <v>6</v>
      </c>
      <c r="K7" s="67">
        <v>16</v>
      </c>
      <c r="L7" s="79">
        <v>7</v>
      </c>
      <c r="M7" s="80">
        <v>9</v>
      </c>
    </row>
    <row r="8" spans="1:13">
      <c r="A8" s="15" t="s">
        <v>6</v>
      </c>
      <c r="B8" s="67">
        <v>12</v>
      </c>
      <c r="C8" s="68">
        <v>6</v>
      </c>
      <c r="D8" s="68">
        <v>6</v>
      </c>
      <c r="E8" s="67">
        <v>0</v>
      </c>
      <c r="F8" s="68">
        <v>0</v>
      </c>
      <c r="G8" s="69">
        <v>0</v>
      </c>
      <c r="H8" s="68">
        <v>25</v>
      </c>
      <c r="I8" s="68">
        <v>13</v>
      </c>
      <c r="J8" s="68">
        <v>12</v>
      </c>
      <c r="K8" s="67">
        <v>13</v>
      </c>
      <c r="L8" s="79">
        <v>7</v>
      </c>
      <c r="M8" s="80">
        <v>6</v>
      </c>
    </row>
    <row r="9" spans="1:13">
      <c r="A9" s="15" t="s">
        <v>8</v>
      </c>
      <c r="B9" s="67">
        <v>12</v>
      </c>
      <c r="C9" s="68">
        <v>11</v>
      </c>
      <c r="D9" s="68">
        <v>1</v>
      </c>
      <c r="E9" s="67">
        <v>0</v>
      </c>
      <c r="F9" s="68">
        <v>0</v>
      </c>
      <c r="G9" s="69">
        <v>0</v>
      </c>
      <c r="H9" s="68">
        <v>25</v>
      </c>
      <c r="I9" s="68">
        <v>18</v>
      </c>
      <c r="J9" s="68">
        <v>7</v>
      </c>
      <c r="K9" s="67">
        <v>13</v>
      </c>
      <c r="L9" s="79">
        <v>7</v>
      </c>
      <c r="M9" s="80">
        <v>6</v>
      </c>
    </row>
    <row r="10" spans="1:13">
      <c r="A10" s="15" t="s">
        <v>10</v>
      </c>
      <c r="B10" s="67">
        <v>5</v>
      </c>
      <c r="C10" s="68">
        <v>6</v>
      </c>
      <c r="D10" s="68">
        <v>-1</v>
      </c>
      <c r="E10" s="67">
        <v>0</v>
      </c>
      <c r="F10" s="68">
        <v>0</v>
      </c>
      <c r="G10" s="69">
        <v>0</v>
      </c>
      <c r="H10" s="68">
        <v>24</v>
      </c>
      <c r="I10" s="68">
        <v>11</v>
      </c>
      <c r="J10" s="68">
        <v>13</v>
      </c>
      <c r="K10" s="67">
        <v>19</v>
      </c>
      <c r="L10" s="79">
        <v>5</v>
      </c>
      <c r="M10" s="80">
        <v>14</v>
      </c>
    </row>
    <row r="11" spans="1:13">
      <c r="A11" s="15" t="s">
        <v>12</v>
      </c>
      <c r="B11" s="67">
        <v>10</v>
      </c>
      <c r="C11" s="68">
        <v>6</v>
      </c>
      <c r="D11" s="68">
        <v>4</v>
      </c>
      <c r="E11" s="67">
        <v>0</v>
      </c>
      <c r="F11" s="68">
        <v>0</v>
      </c>
      <c r="G11" s="69">
        <v>0</v>
      </c>
      <c r="H11" s="68">
        <v>19</v>
      </c>
      <c r="I11" s="68">
        <v>12</v>
      </c>
      <c r="J11" s="68">
        <v>7</v>
      </c>
      <c r="K11" s="67">
        <v>9</v>
      </c>
      <c r="L11" s="79">
        <v>6</v>
      </c>
      <c r="M11" s="80">
        <v>3</v>
      </c>
    </row>
    <row r="12" spans="1:13" ht="21" customHeight="1">
      <c r="A12" s="36" t="s">
        <v>14</v>
      </c>
      <c r="B12" s="64">
        <v>21</v>
      </c>
      <c r="C12" s="65">
        <v>-3</v>
      </c>
      <c r="D12" s="65">
        <v>24</v>
      </c>
      <c r="E12" s="64">
        <v>0</v>
      </c>
      <c r="F12" s="65">
        <v>0</v>
      </c>
      <c r="G12" s="66">
        <v>0</v>
      </c>
      <c r="H12" s="65">
        <v>67</v>
      </c>
      <c r="I12" s="65">
        <v>24</v>
      </c>
      <c r="J12" s="65">
        <v>43</v>
      </c>
      <c r="K12" s="64">
        <v>46</v>
      </c>
      <c r="L12" s="77">
        <v>27</v>
      </c>
      <c r="M12" s="78">
        <v>19</v>
      </c>
    </row>
    <row r="13" spans="1:13">
      <c r="A13" s="15" t="s">
        <v>16</v>
      </c>
      <c r="B13" s="67">
        <v>-1</v>
      </c>
      <c r="C13" s="68">
        <v>-7</v>
      </c>
      <c r="D13" s="68">
        <v>6</v>
      </c>
      <c r="E13" s="67">
        <v>0</v>
      </c>
      <c r="F13" s="68">
        <v>0</v>
      </c>
      <c r="G13" s="69">
        <v>0</v>
      </c>
      <c r="H13" s="68">
        <v>15</v>
      </c>
      <c r="I13" s="68">
        <v>4</v>
      </c>
      <c r="J13" s="68">
        <v>11</v>
      </c>
      <c r="K13" s="67">
        <v>16</v>
      </c>
      <c r="L13" s="79">
        <v>11</v>
      </c>
      <c r="M13" s="80">
        <v>5</v>
      </c>
    </row>
    <row r="14" spans="1:13">
      <c r="A14" s="15" t="s">
        <v>18</v>
      </c>
      <c r="B14" s="67">
        <v>16</v>
      </c>
      <c r="C14" s="68">
        <v>7</v>
      </c>
      <c r="D14" s="68">
        <v>9</v>
      </c>
      <c r="E14" s="67">
        <v>0</v>
      </c>
      <c r="F14" s="68">
        <v>0</v>
      </c>
      <c r="G14" s="69">
        <v>0</v>
      </c>
      <c r="H14" s="68">
        <v>22</v>
      </c>
      <c r="I14" s="68">
        <v>9</v>
      </c>
      <c r="J14" s="68">
        <v>13</v>
      </c>
      <c r="K14" s="67">
        <v>6</v>
      </c>
      <c r="L14" s="79">
        <v>2</v>
      </c>
      <c r="M14" s="80">
        <v>4</v>
      </c>
    </row>
    <row r="15" spans="1:13">
      <c r="A15" s="15" t="s">
        <v>20</v>
      </c>
      <c r="B15" s="67">
        <v>5</v>
      </c>
      <c r="C15" s="68">
        <v>1</v>
      </c>
      <c r="D15" s="68">
        <v>4</v>
      </c>
      <c r="E15" s="67">
        <v>0</v>
      </c>
      <c r="F15" s="68">
        <v>0</v>
      </c>
      <c r="G15" s="69">
        <v>0</v>
      </c>
      <c r="H15" s="68">
        <v>14</v>
      </c>
      <c r="I15" s="68">
        <v>6</v>
      </c>
      <c r="J15" s="68">
        <v>8</v>
      </c>
      <c r="K15" s="67">
        <v>9</v>
      </c>
      <c r="L15" s="79">
        <v>5</v>
      </c>
      <c r="M15" s="80">
        <v>4</v>
      </c>
    </row>
    <row r="16" spans="1:13">
      <c r="A16" s="15" t="s">
        <v>22</v>
      </c>
      <c r="B16" s="67">
        <v>2</v>
      </c>
      <c r="C16" s="68">
        <v>-1</v>
      </c>
      <c r="D16" s="68">
        <v>3</v>
      </c>
      <c r="E16" s="67">
        <v>0</v>
      </c>
      <c r="F16" s="68">
        <v>0</v>
      </c>
      <c r="G16" s="69">
        <v>0</v>
      </c>
      <c r="H16" s="68">
        <v>9</v>
      </c>
      <c r="I16" s="68">
        <v>4</v>
      </c>
      <c r="J16" s="68">
        <v>5</v>
      </c>
      <c r="K16" s="67">
        <v>7</v>
      </c>
      <c r="L16" s="79">
        <v>5</v>
      </c>
      <c r="M16" s="80">
        <v>2</v>
      </c>
    </row>
    <row r="17" spans="1:13">
      <c r="A17" s="15" t="s">
        <v>24</v>
      </c>
      <c r="B17" s="67">
        <v>-1</v>
      </c>
      <c r="C17" s="68">
        <v>-3</v>
      </c>
      <c r="D17" s="68">
        <v>2</v>
      </c>
      <c r="E17" s="67">
        <v>0</v>
      </c>
      <c r="F17" s="68">
        <v>0</v>
      </c>
      <c r="G17" s="69">
        <v>0</v>
      </c>
      <c r="H17" s="68">
        <v>7</v>
      </c>
      <c r="I17" s="68">
        <v>1</v>
      </c>
      <c r="J17" s="68">
        <v>6</v>
      </c>
      <c r="K17" s="67">
        <v>8</v>
      </c>
      <c r="L17" s="79">
        <v>4</v>
      </c>
      <c r="M17" s="80">
        <v>4</v>
      </c>
    </row>
    <row r="18" spans="1:13" ht="21" customHeight="1">
      <c r="A18" s="36" t="s">
        <v>26</v>
      </c>
      <c r="B18" s="64">
        <v>6</v>
      </c>
      <c r="C18" s="65">
        <v>8</v>
      </c>
      <c r="D18" s="65">
        <v>-2</v>
      </c>
      <c r="E18" s="64">
        <v>0</v>
      </c>
      <c r="F18" s="65">
        <v>0</v>
      </c>
      <c r="G18" s="66">
        <v>0</v>
      </c>
      <c r="H18" s="65">
        <v>34</v>
      </c>
      <c r="I18" s="65">
        <v>20</v>
      </c>
      <c r="J18" s="65">
        <v>14</v>
      </c>
      <c r="K18" s="64">
        <v>28</v>
      </c>
      <c r="L18" s="77">
        <v>12</v>
      </c>
      <c r="M18" s="78">
        <v>16</v>
      </c>
    </row>
    <row r="19" spans="1:13">
      <c r="A19" s="15" t="s">
        <v>28</v>
      </c>
      <c r="B19" s="67">
        <v>3</v>
      </c>
      <c r="C19" s="68">
        <v>1</v>
      </c>
      <c r="D19" s="68">
        <v>2</v>
      </c>
      <c r="E19" s="67">
        <v>0</v>
      </c>
      <c r="F19" s="68">
        <v>0</v>
      </c>
      <c r="G19" s="69">
        <v>0</v>
      </c>
      <c r="H19" s="68">
        <v>10</v>
      </c>
      <c r="I19" s="68">
        <v>6</v>
      </c>
      <c r="J19" s="68">
        <v>4</v>
      </c>
      <c r="K19" s="67">
        <v>7</v>
      </c>
      <c r="L19" s="79">
        <v>5</v>
      </c>
      <c r="M19" s="80">
        <v>2</v>
      </c>
    </row>
    <row r="20" spans="1:13">
      <c r="A20" s="15" t="s">
        <v>30</v>
      </c>
      <c r="B20" s="67">
        <v>0</v>
      </c>
      <c r="C20" s="68">
        <v>0</v>
      </c>
      <c r="D20" s="68">
        <v>0</v>
      </c>
      <c r="E20" s="67">
        <v>0</v>
      </c>
      <c r="F20" s="68">
        <v>0</v>
      </c>
      <c r="G20" s="69">
        <v>0</v>
      </c>
      <c r="H20" s="68">
        <v>3</v>
      </c>
      <c r="I20" s="68">
        <v>2</v>
      </c>
      <c r="J20" s="68">
        <v>1</v>
      </c>
      <c r="K20" s="67">
        <v>3</v>
      </c>
      <c r="L20" s="79">
        <v>2</v>
      </c>
      <c r="M20" s="80">
        <v>1</v>
      </c>
    </row>
    <row r="21" spans="1:13">
      <c r="A21" s="15" t="s">
        <v>32</v>
      </c>
      <c r="B21" s="67">
        <v>1</v>
      </c>
      <c r="C21" s="68">
        <v>2</v>
      </c>
      <c r="D21" s="68">
        <v>-1</v>
      </c>
      <c r="E21" s="67">
        <v>0</v>
      </c>
      <c r="F21" s="68">
        <v>0</v>
      </c>
      <c r="G21" s="69">
        <v>0</v>
      </c>
      <c r="H21" s="68">
        <v>4</v>
      </c>
      <c r="I21" s="68">
        <v>3</v>
      </c>
      <c r="J21" s="68">
        <v>1</v>
      </c>
      <c r="K21" s="67">
        <v>3</v>
      </c>
      <c r="L21" s="79">
        <v>1</v>
      </c>
      <c r="M21" s="80">
        <v>2</v>
      </c>
    </row>
    <row r="22" spans="1:13">
      <c r="A22" s="15" t="s">
        <v>34</v>
      </c>
      <c r="B22" s="67">
        <v>3</v>
      </c>
      <c r="C22" s="68">
        <v>5</v>
      </c>
      <c r="D22" s="68">
        <v>-2</v>
      </c>
      <c r="E22" s="67">
        <v>0</v>
      </c>
      <c r="F22" s="68">
        <v>0</v>
      </c>
      <c r="G22" s="69">
        <v>0</v>
      </c>
      <c r="H22" s="68">
        <v>13</v>
      </c>
      <c r="I22" s="68">
        <v>8</v>
      </c>
      <c r="J22" s="68">
        <v>5</v>
      </c>
      <c r="K22" s="67">
        <v>10</v>
      </c>
      <c r="L22" s="79">
        <v>3</v>
      </c>
      <c r="M22" s="80">
        <v>7</v>
      </c>
    </row>
    <row r="23" spans="1:13">
      <c r="A23" s="15" t="s">
        <v>36</v>
      </c>
      <c r="B23" s="67">
        <v>-1</v>
      </c>
      <c r="C23" s="68">
        <v>0</v>
      </c>
      <c r="D23" s="68">
        <v>-1</v>
      </c>
      <c r="E23" s="67">
        <v>0</v>
      </c>
      <c r="F23" s="68">
        <v>0</v>
      </c>
      <c r="G23" s="69">
        <v>0</v>
      </c>
      <c r="H23" s="68">
        <v>4</v>
      </c>
      <c r="I23" s="68">
        <v>1</v>
      </c>
      <c r="J23" s="68">
        <v>3</v>
      </c>
      <c r="K23" s="67">
        <v>5</v>
      </c>
      <c r="L23" s="79">
        <v>1</v>
      </c>
      <c r="M23" s="80">
        <v>4</v>
      </c>
    </row>
    <row r="24" spans="1:13" ht="21" customHeight="1">
      <c r="A24" s="36" t="s">
        <v>38</v>
      </c>
      <c r="B24" s="64">
        <v>-4</v>
      </c>
      <c r="C24" s="65">
        <v>-9</v>
      </c>
      <c r="D24" s="65">
        <v>5</v>
      </c>
      <c r="E24" s="64">
        <v>1</v>
      </c>
      <c r="F24" s="65">
        <v>1</v>
      </c>
      <c r="G24" s="66">
        <v>0</v>
      </c>
      <c r="H24" s="65">
        <v>67</v>
      </c>
      <c r="I24" s="65">
        <v>39</v>
      </c>
      <c r="J24" s="65">
        <v>28</v>
      </c>
      <c r="K24" s="64">
        <v>70</v>
      </c>
      <c r="L24" s="77">
        <v>47</v>
      </c>
      <c r="M24" s="78">
        <v>23</v>
      </c>
    </row>
    <row r="25" spans="1:13">
      <c r="A25" s="15" t="s">
        <v>40</v>
      </c>
      <c r="B25" s="67">
        <v>-2</v>
      </c>
      <c r="C25" s="68">
        <v>-3</v>
      </c>
      <c r="D25" s="68">
        <v>1</v>
      </c>
      <c r="E25" s="67">
        <v>0</v>
      </c>
      <c r="F25" s="68">
        <v>0</v>
      </c>
      <c r="G25" s="69">
        <v>0</v>
      </c>
      <c r="H25" s="68">
        <v>6</v>
      </c>
      <c r="I25" s="68">
        <v>2</v>
      </c>
      <c r="J25" s="68">
        <v>4</v>
      </c>
      <c r="K25" s="67">
        <v>8</v>
      </c>
      <c r="L25" s="79">
        <v>5</v>
      </c>
      <c r="M25" s="80">
        <v>3</v>
      </c>
    </row>
    <row r="26" spans="1:13">
      <c r="A26" s="15" t="s">
        <v>42</v>
      </c>
      <c r="B26" s="67">
        <v>1</v>
      </c>
      <c r="C26" s="68">
        <v>-4</v>
      </c>
      <c r="D26" s="68">
        <v>5</v>
      </c>
      <c r="E26" s="67">
        <v>0</v>
      </c>
      <c r="F26" s="68">
        <v>0</v>
      </c>
      <c r="G26" s="69">
        <v>0</v>
      </c>
      <c r="H26" s="68">
        <v>9</v>
      </c>
      <c r="I26" s="68">
        <v>2</v>
      </c>
      <c r="J26" s="68">
        <v>7</v>
      </c>
      <c r="K26" s="67">
        <v>8</v>
      </c>
      <c r="L26" s="79">
        <v>6</v>
      </c>
      <c r="M26" s="80">
        <v>2</v>
      </c>
    </row>
    <row r="27" spans="1:13">
      <c r="A27" s="15" t="s">
        <v>44</v>
      </c>
      <c r="B27" s="67">
        <v>-6</v>
      </c>
      <c r="C27" s="68">
        <v>-2</v>
      </c>
      <c r="D27" s="68">
        <v>-4</v>
      </c>
      <c r="E27" s="67">
        <v>1</v>
      </c>
      <c r="F27" s="68">
        <v>1</v>
      </c>
      <c r="G27" s="69">
        <v>0</v>
      </c>
      <c r="H27" s="68">
        <v>7</v>
      </c>
      <c r="I27" s="68">
        <v>5</v>
      </c>
      <c r="J27" s="68">
        <v>2</v>
      </c>
      <c r="K27" s="67">
        <v>12</v>
      </c>
      <c r="L27" s="79">
        <v>6</v>
      </c>
      <c r="M27" s="80">
        <v>6</v>
      </c>
    </row>
    <row r="28" spans="1:13">
      <c r="A28" s="15" t="s">
        <v>46</v>
      </c>
      <c r="B28" s="67">
        <v>2</v>
      </c>
      <c r="C28" s="68">
        <v>2</v>
      </c>
      <c r="D28" s="68">
        <v>0</v>
      </c>
      <c r="E28" s="67">
        <v>0</v>
      </c>
      <c r="F28" s="68">
        <v>0</v>
      </c>
      <c r="G28" s="69">
        <v>0</v>
      </c>
      <c r="H28" s="68">
        <v>11</v>
      </c>
      <c r="I28" s="68">
        <v>6</v>
      </c>
      <c r="J28" s="68">
        <v>5</v>
      </c>
      <c r="K28" s="67">
        <v>9</v>
      </c>
      <c r="L28" s="79">
        <v>4</v>
      </c>
      <c r="M28" s="80">
        <v>5</v>
      </c>
    </row>
    <row r="29" spans="1:13">
      <c r="A29" s="15" t="s">
        <v>48</v>
      </c>
      <c r="B29" s="67">
        <v>1</v>
      </c>
      <c r="C29" s="68">
        <v>-2</v>
      </c>
      <c r="D29" s="68">
        <v>3</v>
      </c>
      <c r="E29" s="67">
        <v>0</v>
      </c>
      <c r="F29" s="68">
        <v>0</v>
      </c>
      <c r="G29" s="69">
        <v>0</v>
      </c>
      <c r="H29" s="68">
        <v>34</v>
      </c>
      <c r="I29" s="68">
        <v>24</v>
      </c>
      <c r="J29" s="68">
        <v>10</v>
      </c>
      <c r="K29" s="67">
        <v>33</v>
      </c>
      <c r="L29" s="79">
        <v>26</v>
      </c>
      <c r="M29" s="80">
        <v>7</v>
      </c>
    </row>
    <row r="30" spans="1:13" ht="21" customHeight="1">
      <c r="A30" s="36" t="s">
        <v>50</v>
      </c>
      <c r="B30" s="64">
        <v>23</v>
      </c>
      <c r="C30" s="65">
        <v>10</v>
      </c>
      <c r="D30" s="65">
        <v>13</v>
      </c>
      <c r="E30" s="64">
        <v>0</v>
      </c>
      <c r="F30" s="65">
        <v>0</v>
      </c>
      <c r="G30" s="66">
        <v>0</v>
      </c>
      <c r="H30" s="65">
        <v>329</v>
      </c>
      <c r="I30" s="65">
        <v>191</v>
      </c>
      <c r="J30" s="65">
        <v>138</v>
      </c>
      <c r="K30" s="64">
        <v>306</v>
      </c>
      <c r="L30" s="77">
        <v>181</v>
      </c>
      <c r="M30" s="78">
        <v>125</v>
      </c>
    </row>
    <row r="31" spans="1:13">
      <c r="A31" s="15" t="s">
        <v>52</v>
      </c>
      <c r="B31" s="67">
        <v>3</v>
      </c>
      <c r="C31" s="68">
        <v>-6</v>
      </c>
      <c r="D31" s="68">
        <v>9</v>
      </c>
      <c r="E31" s="67">
        <v>0</v>
      </c>
      <c r="F31" s="68">
        <v>0</v>
      </c>
      <c r="G31" s="69">
        <v>0</v>
      </c>
      <c r="H31" s="68">
        <v>25</v>
      </c>
      <c r="I31" s="68">
        <v>11</v>
      </c>
      <c r="J31" s="68">
        <v>14</v>
      </c>
      <c r="K31" s="67">
        <v>22</v>
      </c>
      <c r="L31" s="79">
        <v>17</v>
      </c>
      <c r="M31" s="80">
        <v>5</v>
      </c>
    </row>
    <row r="32" spans="1:13">
      <c r="A32" s="15" t="s">
        <v>54</v>
      </c>
      <c r="B32" s="67">
        <v>6</v>
      </c>
      <c r="C32" s="68">
        <v>13</v>
      </c>
      <c r="D32" s="68">
        <v>-7</v>
      </c>
      <c r="E32" s="67">
        <v>0</v>
      </c>
      <c r="F32" s="68">
        <v>0</v>
      </c>
      <c r="G32" s="69">
        <v>0</v>
      </c>
      <c r="H32" s="68">
        <v>56</v>
      </c>
      <c r="I32" s="68">
        <v>34</v>
      </c>
      <c r="J32" s="68">
        <v>22</v>
      </c>
      <c r="K32" s="67">
        <v>50</v>
      </c>
      <c r="L32" s="79">
        <v>21</v>
      </c>
      <c r="M32" s="80">
        <v>29</v>
      </c>
    </row>
    <row r="33" spans="1:13">
      <c r="A33" s="15" t="s">
        <v>56</v>
      </c>
      <c r="B33" s="67">
        <v>4</v>
      </c>
      <c r="C33" s="68">
        <v>-2</v>
      </c>
      <c r="D33" s="68">
        <v>6</v>
      </c>
      <c r="E33" s="67">
        <v>0</v>
      </c>
      <c r="F33" s="68">
        <v>0</v>
      </c>
      <c r="G33" s="69">
        <v>0</v>
      </c>
      <c r="H33" s="68">
        <v>69</v>
      </c>
      <c r="I33" s="68">
        <v>37</v>
      </c>
      <c r="J33" s="68">
        <v>32</v>
      </c>
      <c r="K33" s="67">
        <v>65</v>
      </c>
      <c r="L33" s="79">
        <v>39</v>
      </c>
      <c r="M33" s="80">
        <v>26</v>
      </c>
    </row>
    <row r="34" spans="1:13">
      <c r="A34" s="15" t="s">
        <v>58</v>
      </c>
      <c r="B34" s="67">
        <v>-11</v>
      </c>
      <c r="C34" s="68">
        <v>-9</v>
      </c>
      <c r="D34" s="68">
        <v>-2</v>
      </c>
      <c r="E34" s="67">
        <v>0</v>
      </c>
      <c r="F34" s="68">
        <v>0</v>
      </c>
      <c r="G34" s="69">
        <v>0</v>
      </c>
      <c r="H34" s="68">
        <v>87</v>
      </c>
      <c r="I34" s="68">
        <v>50</v>
      </c>
      <c r="J34" s="68">
        <v>37</v>
      </c>
      <c r="K34" s="67">
        <v>98</v>
      </c>
      <c r="L34" s="79">
        <v>59</v>
      </c>
      <c r="M34" s="80">
        <v>39</v>
      </c>
    </row>
    <row r="35" spans="1:13">
      <c r="A35" s="15" t="s">
        <v>60</v>
      </c>
      <c r="B35" s="67">
        <v>21</v>
      </c>
      <c r="C35" s="68">
        <v>14</v>
      </c>
      <c r="D35" s="68">
        <v>7</v>
      </c>
      <c r="E35" s="67">
        <v>0</v>
      </c>
      <c r="F35" s="68">
        <v>0</v>
      </c>
      <c r="G35" s="69">
        <v>0</v>
      </c>
      <c r="H35" s="68">
        <v>92</v>
      </c>
      <c r="I35" s="68">
        <v>59</v>
      </c>
      <c r="J35" s="68">
        <v>33</v>
      </c>
      <c r="K35" s="67">
        <v>71</v>
      </c>
      <c r="L35" s="79">
        <v>45</v>
      </c>
      <c r="M35" s="80">
        <v>26</v>
      </c>
    </row>
    <row r="36" spans="1:13" ht="21" customHeight="1">
      <c r="A36" s="36" t="s">
        <v>62</v>
      </c>
      <c r="B36" s="64">
        <v>52</v>
      </c>
      <c r="C36" s="65">
        <v>40</v>
      </c>
      <c r="D36" s="65">
        <v>12</v>
      </c>
      <c r="E36" s="64">
        <v>2</v>
      </c>
      <c r="F36" s="65">
        <v>2</v>
      </c>
      <c r="G36" s="66">
        <v>0</v>
      </c>
      <c r="H36" s="65">
        <v>409</v>
      </c>
      <c r="I36" s="65">
        <v>268</v>
      </c>
      <c r="J36" s="65">
        <v>141</v>
      </c>
      <c r="K36" s="64">
        <v>355</v>
      </c>
      <c r="L36" s="77">
        <v>226</v>
      </c>
      <c r="M36" s="78">
        <v>129</v>
      </c>
    </row>
    <row r="37" spans="1:13">
      <c r="A37" s="15" t="s">
        <v>64</v>
      </c>
      <c r="B37" s="67">
        <v>19</v>
      </c>
      <c r="C37" s="68">
        <v>15</v>
      </c>
      <c r="D37" s="68">
        <v>4</v>
      </c>
      <c r="E37" s="67">
        <v>1</v>
      </c>
      <c r="F37" s="68">
        <v>1</v>
      </c>
      <c r="G37" s="69">
        <v>0</v>
      </c>
      <c r="H37" s="68">
        <v>106</v>
      </c>
      <c r="I37" s="68">
        <v>66</v>
      </c>
      <c r="J37" s="68">
        <v>40</v>
      </c>
      <c r="K37" s="67">
        <v>86</v>
      </c>
      <c r="L37" s="79">
        <v>50</v>
      </c>
      <c r="M37" s="80">
        <v>36</v>
      </c>
    </row>
    <row r="38" spans="1:13">
      <c r="A38" s="15" t="s">
        <v>66</v>
      </c>
      <c r="B38" s="67">
        <v>17</v>
      </c>
      <c r="C38" s="68">
        <v>7</v>
      </c>
      <c r="D38" s="68">
        <v>10</v>
      </c>
      <c r="E38" s="67">
        <v>0</v>
      </c>
      <c r="F38" s="68">
        <v>0</v>
      </c>
      <c r="G38" s="69">
        <v>0</v>
      </c>
      <c r="H38" s="68">
        <v>95</v>
      </c>
      <c r="I38" s="68">
        <v>61</v>
      </c>
      <c r="J38" s="68">
        <v>34</v>
      </c>
      <c r="K38" s="67">
        <v>78</v>
      </c>
      <c r="L38" s="79">
        <v>54</v>
      </c>
      <c r="M38" s="80">
        <v>24</v>
      </c>
    </row>
    <row r="39" spans="1:13">
      <c r="A39" s="15" t="s">
        <v>68</v>
      </c>
      <c r="B39" s="67">
        <v>10</v>
      </c>
      <c r="C39" s="68">
        <v>3</v>
      </c>
      <c r="D39" s="68">
        <v>7</v>
      </c>
      <c r="E39" s="67">
        <v>0</v>
      </c>
      <c r="F39" s="68">
        <v>0</v>
      </c>
      <c r="G39" s="69">
        <v>0</v>
      </c>
      <c r="H39" s="68">
        <v>74</v>
      </c>
      <c r="I39" s="68">
        <v>50</v>
      </c>
      <c r="J39" s="68">
        <v>24</v>
      </c>
      <c r="K39" s="67">
        <v>64</v>
      </c>
      <c r="L39" s="79">
        <v>47</v>
      </c>
      <c r="M39" s="80">
        <v>17</v>
      </c>
    </row>
    <row r="40" spans="1:13">
      <c r="A40" s="15" t="s">
        <v>70</v>
      </c>
      <c r="B40" s="67">
        <v>-4</v>
      </c>
      <c r="C40" s="68">
        <v>3</v>
      </c>
      <c r="D40" s="68">
        <v>-7</v>
      </c>
      <c r="E40" s="67">
        <v>1</v>
      </c>
      <c r="F40" s="68">
        <v>1</v>
      </c>
      <c r="G40" s="69">
        <v>0</v>
      </c>
      <c r="H40" s="68">
        <v>64</v>
      </c>
      <c r="I40" s="68">
        <v>44</v>
      </c>
      <c r="J40" s="68">
        <v>20</v>
      </c>
      <c r="K40" s="67">
        <v>67</v>
      </c>
      <c r="L40" s="79">
        <v>40</v>
      </c>
      <c r="M40" s="80">
        <v>27</v>
      </c>
    </row>
    <row r="41" spans="1:13">
      <c r="A41" s="15" t="s">
        <v>72</v>
      </c>
      <c r="B41" s="67">
        <v>10</v>
      </c>
      <c r="C41" s="68">
        <v>12</v>
      </c>
      <c r="D41" s="68">
        <v>-2</v>
      </c>
      <c r="E41" s="67">
        <v>0</v>
      </c>
      <c r="F41" s="68">
        <v>0</v>
      </c>
      <c r="G41" s="69">
        <v>0</v>
      </c>
      <c r="H41" s="68">
        <v>70</v>
      </c>
      <c r="I41" s="68">
        <v>47</v>
      </c>
      <c r="J41" s="68">
        <v>23</v>
      </c>
      <c r="K41" s="67">
        <v>60</v>
      </c>
      <c r="L41" s="79">
        <v>35</v>
      </c>
      <c r="M41" s="80">
        <v>25</v>
      </c>
    </row>
    <row r="42" spans="1:13" ht="21" customHeight="1">
      <c r="A42" s="36" t="s">
        <v>74</v>
      </c>
      <c r="B42" s="64">
        <v>-22</v>
      </c>
      <c r="C42" s="65">
        <v>-36</v>
      </c>
      <c r="D42" s="65">
        <v>14</v>
      </c>
      <c r="E42" s="64">
        <v>0</v>
      </c>
      <c r="F42" s="65">
        <v>0</v>
      </c>
      <c r="G42" s="66">
        <v>0</v>
      </c>
      <c r="H42" s="65">
        <v>205</v>
      </c>
      <c r="I42" s="65">
        <v>120</v>
      </c>
      <c r="J42" s="65">
        <v>85</v>
      </c>
      <c r="K42" s="64">
        <v>227</v>
      </c>
      <c r="L42" s="77">
        <v>156</v>
      </c>
      <c r="M42" s="78">
        <v>71</v>
      </c>
    </row>
    <row r="43" spans="1:13">
      <c r="A43" s="15" t="s">
        <v>76</v>
      </c>
      <c r="B43" s="67">
        <v>-10</v>
      </c>
      <c r="C43" s="68">
        <v>-11</v>
      </c>
      <c r="D43" s="68">
        <v>1</v>
      </c>
      <c r="E43" s="67">
        <v>0</v>
      </c>
      <c r="F43" s="68">
        <v>0</v>
      </c>
      <c r="G43" s="69">
        <v>0</v>
      </c>
      <c r="H43" s="68">
        <v>44</v>
      </c>
      <c r="I43" s="68">
        <v>26</v>
      </c>
      <c r="J43" s="68">
        <v>18</v>
      </c>
      <c r="K43" s="67">
        <v>54</v>
      </c>
      <c r="L43" s="79">
        <v>37</v>
      </c>
      <c r="M43" s="80">
        <v>17</v>
      </c>
    </row>
    <row r="44" spans="1:13">
      <c r="A44" s="15" t="s">
        <v>78</v>
      </c>
      <c r="B44" s="67">
        <v>-7</v>
      </c>
      <c r="C44" s="68">
        <v>-12</v>
      </c>
      <c r="D44" s="68">
        <v>5</v>
      </c>
      <c r="E44" s="67">
        <v>0</v>
      </c>
      <c r="F44" s="68">
        <v>0</v>
      </c>
      <c r="G44" s="69">
        <v>0</v>
      </c>
      <c r="H44" s="68">
        <v>43</v>
      </c>
      <c r="I44" s="68">
        <v>21</v>
      </c>
      <c r="J44" s="68">
        <v>22</v>
      </c>
      <c r="K44" s="67">
        <v>50</v>
      </c>
      <c r="L44" s="79">
        <v>33</v>
      </c>
      <c r="M44" s="80">
        <v>17</v>
      </c>
    </row>
    <row r="45" spans="1:13">
      <c r="A45" s="15" t="s">
        <v>80</v>
      </c>
      <c r="B45" s="67">
        <v>0</v>
      </c>
      <c r="C45" s="68">
        <v>-2</v>
      </c>
      <c r="D45" s="68">
        <v>2</v>
      </c>
      <c r="E45" s="67">
        <v>0</v>
      </c>
      <c r="F45" s="68">
        <v>0</v>
      </c>
      <c r="G45" s="69">
        <v>0</v>
      </c>
      <c r="H45" s="68">
        <v>43</v>
      </c>
      <c r="I45" s="68">
        <v>26</v>
      </c>
      <c r="J45" s="68">
        <v>17</v>
      </c>
      <c r="K45" s="67">
        <v>43</v>
      </c>
      <c r="L45" s="79">
        <v>28</v>
      </c>
      <c r="M45" s="80">
        <v>15</v>
      </c>
    </row>
    <row r="46" spans="1:13">
      <c r="A46" s="15" t="s">
        <v>82</v>
      </c>
      <c r="B46" s="67">
        <v>3</v>
      </c>
      <c r="C46" s="68">
        <v>-6</v>
      </c>
      <c r="D46" s="68">
        <v>9</v>
      </c>
      <c r="E46" s="67">
        <v>0</v>
      </c>
      <c r="F46" s="68">
        <v>0</v>
      </c>
      <c r="G46" s="69">
        <v>0</v>
      </c>
      <c r="H46" s="68">
        <v>44</v>
      </c>
      <c r="I46" s="68">
        <v>24</v>
      </c>
      <c r="J46" s="68">
        <v>20</v>
      </c>
      <c r="K46" s="67">
        <v>41</v>
      </c>
      <c r="L46" s="79">
        <v>30</v>
      </c>
      <c r="M46" s="80">
        <v>11</v>
      </c>
    </row>
    <row r="47" spans="1:13">
      <c r="A47" s="15" t="s">
        <v>84</v>
      </c>
      <c r="B47" s="67">
        <v>-8</v>
      </c>
      <c r="C47" s="68">
        <v>-5</v>
      </c>
      <c r="D47" s="68">
        <v>-3</v>
      </c>
      <c r="E47" s="67">
        <v>0</v>
      </c>
      <c r="F47" s="68">
        <v>0</v>
      </c>
      <c r="G47" s="69">
        <v>0</v>
      </c>
      <c r="H47" s="68">
        <v>31</v>
      </c>
      <c r="I47" s="68">
        <v>23</v>
      </c>
      <c r="J47" s="68">
        <v>8</v>
      </c>
      <c r="K47" s="67">
        <v>39</v>
      </c>
      <c r="L47" s="79">
        <v>28</v>
      </c>
      <c r="M47" s="80">
        <v>11</v>
      </c>
    </row>
    <row r="48" spans="1:13" ht="21" customHeight="1">
      <c r="A48" s="36" t="s">
        <v>86</v>
      </c>
      <c r="B48" s="64">
        <v>8</v>
      </c>
      <c r="C48" s="65">
        <v>-3</v>
      </c>
      <c r="D48" s="65">
        <v>11</v>
      </c>
      <c r="E48" s="64">
        <v>1</v>
      </c>
      <c r="F48" s="65">
        <v>1</v>
      </c>
      <c r="G48" s="66">
        <v>0</v>
      </c>
      <c r="H48" s="65">
        <v>140</v>
      </c>
      <c r="I48" s="65">
        <v>90</v>
      </c>
      <c r="J48" s="65">
        <v>50</v>
      </c>
      <c r="K48" s="64">
        <v>131</v>
      </c>
      <c r="L48" s="77">
        <v>92</v>
      </c>
      <c r="M48" s="78">
        <v>39</v>
      </c>
    </row>
    <row r="49" spans="1:13">
      <c r="A49" s="15" t="s">
        <v>88</v>
      </c>
      <c r="B49" s="67">
        <v>-3</v>
      </c>
      <c r="C49" s="68">
        <v>-2</v>
      </c>
      <c r="D49" s="68">
        <v>-1</v>
      </c>
      <c r="E49" s="67">
        <v>0</v>
      </c>
      <c r="F49" s="68">
        <v>0</v>
      </c>
      <c r="G49" s="69">
        <v>0</v>
      </c>
      <c r="H49" s="68">
        <v>26</v>
      </c>
      <c r="I49" s="68">
        <v>14</v>
      </c>
      <c r="J49" s="68">
        <v>12</v>
      </c>
      <c r="K49" s="67">
        <v>29</v>
      </c>
      <c r="L49" s="79">
        <v>16</v>
      </c>
      <c r="M49" s="80">
        <v>13</v>
      </c>
    </row>
    <row r="50" spans="1:13">
      <c r="A50" s="15" t="s">
        <v>90</v>
      </c>
      <c r="B50" s="67">
        <v>-12</v>
      </c>
      <c r="C50" s="68">
        <v>-15</v>
      </c>
      <c r="D50" s="68">
        <v>3</v>
      </c>
      <c r="E50" s="67">
        <v>0</v>
      </c>
      <c r="F50" s="68">
        <v>0</v>
      </c>
      <c r="G50" s="69">
        <v>0</v>
      </c>
      <c r="H50" s="68">
        <v>23</v>
      </c>
      <c r="I50" s="68">
        <v>15</v>
      </c>
      <c r="J50" s="68">
        <v>8</v>
      </c>
      <c r="K50" s="67">
        <v>35</v>
      </c>
      <c r="L50" s="79">
        <v>30</v>
      </c>
      <c r="M50" s="80">
        <v>5</v>
      </c>
    </row>
    <row r="51" spans="1:13">
      <c r="A51" s="15" t="s">
        <v>92</v>
      </c>
      <c r="B51" s="67">
        <v>6</v>
      </c>
      <c r="C51" s="68">
        <v>2</v>
      </c>
      <c r="D51" s="68">
        <v>4</v>
      </c>
      <c r="E51" s="67">
        <v>0</v>
      </c>
      <c r="F51" s="68">
        <v>0</v>
      </c>
      <c r="G51" s="69">
        <v>0</v>
      </c>
      <c r="H51" s="68">
        <v>23</v>
      </c>
      <c r="I51" s="68">
        <v>14</v>
      </c>
      <c r="J51" s="68">
        <v>9</v>
      </c>
      <c r="K51" s="67">
        <v>17</v>
      </c>
      <c r="L51" s="79">
        <v>12</v>
      </c>
      <c r="M51" s="80">
        <v>5</v>
      </c>
    </row>
    <row r="52" spans="1:13">
      <c r="A52" s="15" t="s">
        <v>94</v>
      </c>
      <c r="B52" s="67">
        <v>6</v>
      </c>
      <c r="C52" s="68">
        <v>4</v>
      </c>
      <c r="D52" s="68">
        <v>2</v>
      </c>
      <c r="E52" s="67">
        <v>1</v>
      </c>
      <c r="F52" s="68">
        <v>1</v>
      </c>
      <c r="G52" s="69">
        <v>0</v>
      </c>
      <c r="H52" s="68">
        <v>37</v>
      </c>
      <c r="I52" s="68">
        <v>25</v>
      </c>
      <c r="J52" s="68">
        <v>12</v>
      </c>
      <c r="K52" s="67">
        <v>30</v>
      </c>
      <c r="L52" s="79">
        <v>20</v>
      </c>
      <c r="M52" s="80">
        <v>10</v>
      </c>
    </row>
    <row r="53" spans="1:13">
      <c r="A53" s="15" t="s">
        <v>96</v>
      </c>
      <c r="B53" s="67">
        <v>11</v>
      </c>
      <c r="C53" s="68">
        <v>8</v>
      </c>
      <c r="D53" s="68">
        <v>3</v>
      </c>
      <c r="E53" s="67">
        <v>0</v>
      </c>
      <c r="F53" s="68">
        <v>0</v>
      </c>
      <c r="G53" s="69">
        <v>0</v>
      </c>
      <c r="H53" s="68">
        <v>31</v>
      </c>
      <c r="I53" s="68">
        <v>22</v>
      </c>
      <c r="J53" s="68">
        <v>9</v>
      </c>
      <c r="K53" s="67">
        <v>20</v>
      </c>
      <c r="L53" s="79">
        <v>14</v>
      </c>
      <c r="M53" s="80">
        <v>6</v>
      </c>
    </row>
    <row r="54" spans="1:13" ht="21" customHeight="1">
      <c r="A54" s="36" t="s">
        <v>98</v>
      </c>
      <c r="B54" s="64">
        <v>24</v>
      </c>
      <c r="C54" s="65">
        <v>5</v>
      </c>
      <c r="D54" s="65">
        <v>19</v>
      </c>
      <c r="E54" s="64">
        <v>3</v>
      </c>
      <c r="F54" s="65">
        <v>3</v>
      </c>
      <c r="G54" s="66">
        <v>0</v>
      </c>
      <c r="H54" s="65">
        <v>118</v>
      </c>
      <c r="I54" s="65">
        <v>68</v>
      </c>
      <c r="J54" s="65">
        <v>50</v>
      </c>
      <c r="K54" s="64">
        <v>91</v>
      </c>
      <c r="L54" s="77">
        <v>60</v>
      </c>
      <c r="M54" s="78">
        <v>31</v>
      </c>
    </row>
    <row r="55" spans="1:13">
      <c r="A55" s="15" t="s">
        <v>100</v>
      </c>
      <c r="B55" s="67">
        <v>2</v>
      </c>
      <c r="C55" s="68">
        <v>-2</v>
      </c>
      <c r="D55" s="68">
        <v>4</v>
      </c>
      <c r="E55" s="67">
        <v>0</v>
      </c>
      <c r="F55" s="68">
        <v>0</v>
      </c>
      <c r="G55" s="69">
        <v>0</v>
      </c>
      <c r="H55" s="68">
        <v>22</v>
      </c>
      <c r="I55" s="68">
        <v>15</v>
      </c>
      <c r="J55" s="68">
        <v>7</v>
      </c>
      <c r="K55" s="67">
        <v>20</v>
      </c>
      <c r="L55" s="79">
        <v>17</v>
      </c>
      <c r="M55" s="80">
        <v>3</v>
      </c>
    </row>
    <row r="56" spans="1:13">
      <c r="A56" s="15" t="s">
        <v>102</v>
      </c>
      <c r="B56" s="67">
        <v>11</v>
      </c>
      <c r="C56" s="68">
        <v>7</v>
      </c>
      <c r="D56" s="68">
        <v>4</v>
      </c>
      <c r="E56" s="67">
        <v>0</v>
      </c>
      <c r="F56" s="68">
        <v>0</v>
      </c>
      <c r="G56" s="69">
        <v>0</v>
      </c>
      <c r="H56" s="68">
        <v>31</v>
      </c>
      <c r="I56" s="68">
        <v>19</v>
      </c>
      <c r="J56" s="68">
        <v>12</v>
      </c>
      <c r="K56" s="67">
        <v>20</v>
      </c>
      <c r="L56" s="79">
        <v>12</v>
      </c>
      <c r="M56" s="80">
        <v>8</v>
      </c>
    </row>
    <row r="57" spans="1:13">
      <c r="A57" s="15" t="s">
        <v>104</v>
      </c>
      <c r="B57" s="67">
        <v>-4</v>
      </c>
      <c r="C57" s="68">
        <v>-1</v>
      </c>
      <c r="D57" s="68">
        <v>-3</v>
      </c>
      <c r="E57" s="67">
        <v>1</v>
      </c>
      <c r="F57" s="68">
        <v>1</v>
      </c>
      <c r="G57" s="69">
        <v>0</v>
      </c>
      <c r="H57" s="68">
        <v>17</v>
      </c>
      <c r="I57" s="68">
        <v>11</v>
      </c>
      <c r="J57" s="68">
        <v>6</v>
      </c>
      <c r="K57" s="67">
        <v>20</v>
      </c>
      <c r="L57" s="79">
        <v>11</v>
      </c>
      <c r="M57" s="80">
        <v>9</v>
      </c>
    </row>
    <row r="58" spans="1:13">
      <c r="A58" s="15" t="s">
        <v>106</v>
      </c>
      <c r="B58" s="67">
        <v>8</v>
      </c>
      <c r="C58" s="68">
        <v>0</v>
      </c>
      <c r="D58" s="68">
        <v>8</v>
      </c>
      <c r="E58" s="67">
        <v>2</v>
      </c>
      <c r="F58" s="68">
        <v>2</v>
      </c>
      <c r="G58" s="69">
        <v>0</v>
      </c>
      <c r="H58" s="68">
        <v>26</v>
      </c>
      <c r="I58" s="68">
        <v>13</v>
      </c>
      <c r="J58" s="68">
        <v>13</v>
      </c>
      <c r="K58" s="67">
        <v>16</v>
      </c>
      <c r="L58" s="79">
        <v>11</v>
      </c>
      <c r="M58" s="80">
        <v>5</v>
      </c>
    </row>
    <row r="59" spans="1:13">
      <c r="A59" s="15" t="s">
        <v>108</v>
      </c>
      <c r="B59" s="67">
        <v>7</v>
      </c>
      <c r="C59" s="68">
        <v>1</v>
      </c>
      <c r="D59" s="68">
        <v>6</v>
      </c>
      <c r="E59" s="67">
        <v>0</v>
      </c>
      <c r="F59" s="68">
        <v>0</v>
      </c>
      <c r="G59" s="69">
        <v>0</v>
      </c>
      <c r="H59" s="68">
        <v>22</v>
      </c>
      <c r="I59" s="68">
        <v>10</v>
      </c>
      <c r="J59" s="68">
        <v>12</v>
      </c>
      <c r="K59" s="67">
        <v>15</v>
      </c>
      <c r="L59" s="79">
        <v>9</v>
      </c>
      <c r="M59" s="80">
        <v>6</v>
      </c>
    </row>
    <row r="60" spans="1:13" ht="21" customHeight="1">
      <c r="A60" s="36" t="s">
        <v>110</v>
      </c>
      <c r="B60" s="64">
        <v>-4</v>
      </c>
      <c r="C60" s="65">
        <v>-11</v>
      </c>
      <c r="D60" s="65">
        <v>7</v>
      </c>
      <c r="E60" s="64">
        <v>5</v>
      </c>
      <c r="F60" s="65">
        <v>4</v>
      </c>
      <c r="G60" s="66">
        <v>1</v>
      </c>
      <c r="H60" s="65">
        <v>83</v>
      </c>
      <c r="I60" s="65">
        <v>42</v>
      </c>
      <c r="J60" s="65">
        <v>41</v>
      </c>
      <c r="K60" s="64">
        <v>82</v>
      </c>
      <c r="L60" s="77">
        <v>49</v>
      </c>
      <c r="M60" s="78">
        <v>33</v>
      </c>
    </row>
    <row r="61" spans="1:13">
      <c r="A61" s="15" t="s">
        <v>112</v>
      </c>
      <c r="B61" s="67">
        <v>-2</v>
      </c>
      <c r="C61" s="68">
        <v>-3</v>
      </c>
      <c r="D61" s="68">
        <v>1</v>
      </c>
      <c r="E61" s="67">
        <v>1</v>
      </c>
      <c r="F61" s="68">
        <v>0</v>
      </c>
      <c r="G61" s="69">
        <v>1</v>
      </c>
      <c r="H61" s="68">
        <v>15</v>
      </c>
      <c r="I61" s="68">
        <v>11</v>
      </c>
      <c r="J61" s="68">
        <v>4</v>
      </c>
      <c r="K61" s="67">
        <v>16</v>
      </c>
      <c r="L61" s="79">
        <v>14</v>
      </c>
      <c r="M61" s="80">
        <v>2</v>
      </c>
    </row>
    <row r="62" spans="1:13">
      <c r="A62" s="15" t="s">
        <v>114</v>
      </c>
      <c r="B62" s="67">
        <v>-6</v>
      </c>
      <c r="C62" s="68">
        <v>-3</v>
      </c>
      <c r="D62" s="68">
        <v>-3</v>
      </c>
      <c r="E62" s="67">
        <v>3</v>
      </c>
      <c r="F62" s="68">
        <v>3</v>
      </c>
      <c r="G62" s="69">
        <v>0</v>
      </c>
      <c r="H62" s="68">
        <v>15</v>
      </c>
      <c r="I62" s="68">
        <v>8</v>
      </c>
      <c r="J62" s="68">
        <v>7</v>
      </c>
      <c r="K62" s="67">
        <v>18</v>
      </c>
      <c r="L62" s="79">
        <v>8</v>
      </c>
      <c r="M62" s="80">
        <v>10</v>
      </c>
    </row>
    <row r="63" spans="1:13">
      <c r="A63" s="15" t="s">
        <v>116</v>
      </c>
      <c r="B63" s="67">
        <v>-3</v>
      </c>
      <c r="C63" s="68">
        <v>0</v>
      </c>
      <c r="D63" s="68">
        <v>-3</v>
      </c>
      <c r="E63" s="67">
        <v>0</v>
      </c>
      <c r="F63" s="68">
        <v>0</v>
      </c>
      <c r="G63" s="69">
        <v>0</v>
      </c>
      <c r="H63" s="68">
        <v>9</v>
      </c>
      <c r="I63" s="68">
        <v>5</v>
      </c>
      <c r="J63" s="68">
        <v>4</v>
      </c>
      <c r="K63" s="67">
        <v>12</v>
      </c>
      <c r="L63" s="79">
        <v>5</v>
      </c>
      <c r="M63" s="80">
        <v>7</v>
      </c>
    </row>
    <row r="64" spans="1:13">
      <c r="A64" s="15" t="s">
        <v>118</v>
      </c>
      <c r="B64" s="67">
        <v>-1</v>
      </c>
      <c r="C64" s="68">
        <v>-4</v>
      </c>
      <c r="D64" s="68">
        <v>3</v>
      </c>
      <c r="E64" s="67">
        <v>0</v>
      </c>
      <c r="F64" s="68">
        <v>0</v>
      </c>
      <c r="G64" s="69">
        <v>0</v>
      </c>
      <c r="H64" s="68">
        <v>17</v>
      </c>
      <c r="I64" s="68">
        <v>6</v>
      </c>
      <c r="J64" s="68">
        <v>11</v>
      </c>
      <c r="K64" s="67">
        <v>18</v>
      </c>
      <c r="L64" s="79">
        <v>10</v>
      </c>
      <c r="M64" s="80">
        <v>8</v>
      </c>
    </row>
    <row r="65" spans="1:13">
      <c r="A65" s="19" t="s">
        <v>120</v>
      </c>
      <c r="B65" s="70">
        <v>8</v>
      </c>
      <c r="C65" s="71">
        <v>-1</v>
      </c>
      <c r="D65" s="71">
        <v>9</v>
      </c>
      <c r="E65" s="70">
        <v>1</v>
      </c>
      <c r="F65" s="71">
        <v>1</v>
      </c>
      <c r="G65" s="72">
        <v>0</v>
      </c>
      <c r="H65" s="71">
        <v>27</v>
      </c>
      <c r="I65" s="71">
        <v>12</v>
      </c>
      <c r="J65" s="71">
        <v>15</v>
      </c>
      <c r="K65" s="70">
        <v>18</v>
      </c>
      <c r="L65" s="81">
        <v>12</v>
      </c>
      <c r="M65" s="82">
        <v>6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84</v>
      </c>
      <c r="C69" s="50">
        <v>97</v>
      </c>
      <c r="D69" s="84">
        <v>87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0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17</v>
      </c>
      <c r="C75" s="65">
        <v>12</v>
      </c>
      <c r="D75" s="65">
        <v>5</v>
      </c>
      <c r="E75" s="64">
        <v>11</v>
      </c>
      <c r="F75" s="65">
        <v>9</v>
      </c>
      <c r="G75" s="66">
        <v>2</v>
      </c>
      <c r="H75" s="65">
        <v>100</v>
      </c>
      <c r="I75" s="65">
        <v>65</v>
      </c>
      <c r="J75" s="65">
        <v>35</v>
      </c>
      <c r="K75" s="64">
        <v>72</v>
      </c>
      <c r="L75" s="77">
        <v>44</v>
      </c>
      <c r="M75" s="78">
        <v>28</v>
      </c>
    </row>
    <row r="76" spans="1:13">
      <c r="A76" s="27" t="s">
        <v>5</v>
      </c>
      <c r="B76" s="67">
        <v>11</v>
      </c>
      <c r="C76" s="68">
        <v>6</v>
      </c>
      <c r="D76" s="68">
        <v>5</v>
      </c>
      <c r="E76" s="67">
        <v>1</v>
      </c>
      <c r="F76" s="68">
        <v>1</v>
      </c>
      <c r="G76" s="69">
        <v>0</v>
      </c>
      <c r="H76" s="68">
        <v>25</v>
      </c>
      <c r="I76" s="68">
        <v>15</v>
      </c>
      <c r="J76" s="68">
        <v>10</v>
      </c>
      <c r="K76" s="67">
        <v>13</v>
      </c>
      <c r="L76" s="79">
        <v>8</v>
      </c>
      <c r="M76" s="80">
        <v>5</v>
      </c>
    </row>
    <row r="77" spans="1:13">
      <c r="A77" s="27" t="s">
        <v>7</v>
      </c>
      <c r="B77" s="67">
        <v>3</v>
      </c>
      <c r="C77" s="68">
        <v>3</v>
      </c>
      <c r="D77" s="68">
        <v>0</v>
      </c>
      <c r="E77" s="67">
        <v>0</v>
      </c>
      <c r="F77" s="68">
        <v>0</v>
      </c>
      <c r="G77" s="69">
        <v>0</v>
      </c>
      <c r="H77" s="68">
        <v>19</v>
      </c>
      <c r="I77" s="68">
        <v>14</v>
      </c>
      <c r="J77" s="68">
        <v>5</v>
      </c>
      <c r="K77" s="67">
        <v>16</v>
      </c>
      <c r="L77" s="79">
        <v>11</v>
      </c>
      <c r="M77" s="80">
        <v>5</v>
      </c>
    </row>
    <row r="78" spans="1:13">
      <c r="A78" s="27" t="s">
        <v>9</v>
      </c>
      <c r="B78" s="67">
        <v>1</v>
      </c>
      <c r="C78" s="68">
        <v>3</v>
      </c>
      <c r="D78" s="68">
        <v>-2</v>
      </c>
      <c r="E78" s="67">
        <v>2</v>
      </c>
      <c r="F78" s="68">
        <v>1</v>
      </c>
      <c r="G78" s="69">
        <v>1</v>
      </c>
      <c r="H78" s="68">
        <v>22</v>
      </c>
      <c r="I78" s="68">
        <v>14</v>
      </c>
      <c r="J78" s="68">
        <v>8</v>
      </c>
      <c r="K78" s="67">
        <v>19</v>
      </c>
      <c r="L78" s="79">
        <v>10</v>
      </c>
      <c r="M78" s="80">
        <v>9</v>
      </c>
    </row>
    <row r="79" spans="1:13">
      <c r="A79" s="27" t="s">
        <v>11</v>
      </c>
      <c r="B79" s="67">
        <v>-1</v>
      </c>
      <c r="C79" s="68">
        <v>-1</v>
      </c>
      <c r="D79" s="68">
        <v>0</v>
      </c>
      <c r="E79" s="67">
        <v>3</v>
      </c>
      <c r="F79" s="68">
        <v>2</v>
      </c>
      <c r="G79" s="69">
        <v>1</v>
      </c>
      <c r="H79" s="68">
        <v>14</v>
      </c>
      <c r="I79" s="68">
        <v>8</v>
      </c>
      <c r="J79" s="68">
        <v>6</v>
      </c>
      <c r="K79" s="67">
        <v>12</v>
      </c>
      <c r="L79" s="79">
        <v>7</v>
      </c>
      <c r="M79" s="80">
        <v>5</v>
      </c>
    </row>
    <row r="80" spans="1:13">
      <c r="A80" s="27" t="s">
        <v>13</v>
      </c>
      <c r="B80" s="67">
        <v>3</v>
      </c>
      <c r="C80" s="68">
        <v>1</v>
      </c>
      <c r="D80" s="68">
        <v>2</v>
      </c>
      <c r="E80" s="67">
        <v>5</v>
      </c>
      <c r="F80" s="68">
        <v>5</v>
      </c>
      <c r="G80" s="69">
        <v>0</v>
      </c>
      <c r="H80" s="68">
        <v>20</v>
      </c>
      <c r="I80" s="68">
        <v>14</v>
      </c>
      <c r="J80" s="68">
        <v>6</v>
      </c>
      <c r="K80" s="67">
        <v>12</v>
      </c>
      <c r="L80" s="79">
        <v>8</v>
      </c>
      <c r="M80" s="80">
        <v>4</v>
      </c>
    </row>
    <row r="81" spans="1:13" ht="21" customHeight="1">
      <c r="A81" s="38" t="s">
        <v>15</v>
      </c>
      <c r="B81" s="64">
        <v>-15</v>
      </c>
      <c r="C81" s="65">
        <v>-3</v>
      </c>
      <c r="D81" s="65">
        <v>-12</v>
      </c>
      <c r="E81" s="64">
        <v>10</v>
      </c>
      <c r="F81" s="65">
        <v>6</v>
      </c>
      <c r="G81" s="66">
        <v>4</v>
      </c>
      <c r="H81" s="65">
        <v>48</v>
      </c>
      <c r="I81" s="65">
        <v>31</v>
      </c>
      <c r="J81" s="65">
        <v>17</v>
      </c>
      <c r="K81" s="64">
        <v>53</v>
      </c>
      <c r="L81" s="77">
        <v>28</v>
      </c>
      <c r="M81" s="78">
        <v>25</v>
      </c>
    </row>
    <row r="82" spans="1:13">
      <c r="A82" s="27" t="s">
        <v>17</v>
      </c>
      <c r="B82" s="67">
        <v>-3</v>
      </c>
      <c r="C82" s="68">
        <v>-3</v>
      </c>
      <c r="D82" s="68">
        <v>0</v>
      </c>
      <c r="E82" s="67">
        <v>2</v>
      </c>
      <c r="F82" s="68">
        <v>2</v>
      </c>
      <c r="G82" s="69">
        <v>0</v>
      </c>
      <c r="H82" s="68">
        <v>15</v>
      </c>
      <c r="I82" s="68">
        <v>9</v>
      </c>
      <c r="J82" s="68">
        <v>6</v>
      </c>
      <c r="K82" s="67">
        <v>16</v>
      </c>
      <c r="L82" s="79">
        <v>10</v>
      </c>
      <c r="M82" s="80">
        <v>6</v>
      </c>
    </row>
    <row r="83" spans="1:13">
      <c r="A83" s="27" t="s">
        <v>19</v>
      </c>
      <c r="B83" s="67">
        <v>-8</v>
      </c>
      <c r="C83" s="68">
        <v>-1</v>
      </c>
      <c r="D83" s="68">
        <v>-7</v>
      </c>
      <c r="E83" s="67">
        <v>3</v>
      </c>
      <c r="F83" s="68">
        <v>3</v>
      </c>
      <c r="G83" s="69">
        <v>0</v>
      </c>
      <c r="H83" s="68">
        <v>6</v>
      </c>
      <c r="I83" s="68">
        <v>4</v>
      </c>
      <c r="J83" s="68">
        <v>2</v>
      </c>
      <c r="K83" s="67">
        <v>11</v>
      </c>
      <c r="L83" s="79">
        <v>2</v>
      </c>
      <c r="M83" s="80">
        <v>9</v>
      </c>
    </row>
    <row r="84" spans="1:13">
      <c r="A84" s="27" t="s">
        <v>21</v>
      </c>
      <c r="B84" s="67">
        <v>-6</v>
      </c>
      <c r="C84" s="68">
        <v>-3</v>
      </c>
      <c r="D84" s="68">
        <v>-3</v>
      </c>
      <c r="E84" s="67">
        <v>2</v>
      </c>
      <c r="F84" s="68">
        <v>0</v>
      </c>
      <c r="G84" s="69">
        <v>2</v>
      </c>
      <c r="H84" s="68">
        <v>9</v>
      </c>
      <c r="I84" s="68">
        <v>7</v>
      </c>
      <c r="J84" s="68">
        <v>2</v>
      </c>
      <c r="K84" s="67">
        <v>13</v>
      </c>
      <c r="L84" s="79">
        <v>10</v>
      </c>
      <c r="M84" s="80">
        <v>3</v>
      </c>
    </row>
    <row r="85" spans="1:13">
      <c r="A85" s="27" t="s">
        <v>23</v>
      </c>
      <c r="B85" s="67">
        <v>6</v>
      </c>
      <c r="C85" s="68">
        <v>4</v>
      </c>
      <c r="D85" s="68">
        <v>2</v>
      </c>
      <c r="E85" s="67">
        <v>0</v>
      </c>
      <c r="F85" s="68">
        <v>0</v>
      </c>
      <c r="G85" s="69">
        <v>0</v>
      </c>
      <c r="H85" s="68">
        <v>11</v>
      </c>
      <c r="I85" s="68">
        <v>7</v>
      </c>
      <c r="J85" s="68">
        <v>4</v>
      </c>
      <c r="K85" s="67">
        <v>5</v>
      </c>
      <c r="L85" s="79">
        <v>3</v>
      </c>
      <c r="M85" s="80">
        <v>2</v>
      </c>
    </row>
    <row r="86" spans="1:13">
      <c r="A86" s="27" t="s">
        <v>25</v>
      </c>
      <c r="B86" s="67">
        <v>-4</v>
      </c>
      <c r="C86" s="68">
        <v>0</v>
      </c>
      <c r="D86" s="68">
        <v>-4</v>
      </c>
      <c r="E86" s="67">
        <v>3</v>
      </c>
      <c r="F86" s="68">
        <v>1</v>
      </c>
      <c r="G86" s="69">
        <v>2</v>
      </c>
      <c r="H86" s="68">
        <v>7</v>
      </c>
      <c r="I86" s="68">
        <v>4</v>
      </c>
      <c r="J86" s="68">
        <v>3</v>
      </c>
      <c r="K86" s="67">
        <v>8</v>
      </c>
      <c r="L86" s="79">
        <v>3</v>
      </c>
      <c r="M86" s="80">
        <v>5</v>
      </c>
    </row>
    <row r="87" spans="1:13" ht="21" customHeight="1">
      <c r="A87" s="38" t="s">
        <v>27</v>
      </c>
      <c r="B87" s="64">
        <v>-9</v>
      </c>
      <c r="C87" s="65">
        <v>-5</v>
      </c>
      <c r="D87" s="65">
        <v>-4</v>
      </c>
      <c r="E87" s="64">
        <v>8</v>
      </c>
      <c r="F87" s="65">
        <v>4</v>
      </c>
      <c r="G87" s="66">
        <v>4</v>
      </c>
      <c r="H87" s="65">
        <v>47</v>
      </c>
      <c r="I87" s="65">
        <v>30</v>
      </c>
      <c r="J87" s="65">
        <v>17</v>
      </c>
      <c r="K87" s="64">
        <v>48</v>
      </c>
      <c r="L87" s="77">
        <v>31</v>
      </c>
      <c r="M87" s="78">
        <v>17</v>
      </c>
    </row>
    <row r="88" spans="1:13">
      <c r="A88" s="27" t="s">
        <v>29</v>
      </c>
      <c r="B88" s="67">
        <v>5</v>
      </c>
      <c r="C88" s="68">
        <v>4</v>
      </c>
      <c r="D88" s="68">
        <v>1</v>
      </c>
      <c r="E88" s="67">
        <v>0</v>
      </c>
      <c r="F88" s="68">
        <v>0</v>
      </c>
      <c r="G88" s="69">
        <v>0</v>
      </c>
      <c r="H88" s="68">
        <v>11</v>
      </c>
      <c r="I88" s="68">
        <v>7</v>
      </c>
      <c r="J88" s="68">
        <v>4</v>
      </c>
      <c r="K88" s="67">
        <v>6</v>
      </c>
      <c r="L88" s="79">
        <v>3</v>
      </c>
      <c r="M88" s="80">
        <v>3</v>
      </c>
    </row>
    <row r="89" spans="1:13">
      <c r="A89" s="27" t="s">
        <v>31</v>
      </c>
      <c r="B89" s="67">
        <v>0</v>
      </c>
      <c r="C89" s="68">
        <v>2</v>
      </c>
      <c r="D89" s="68">
        <v>-2</v>
      </c>
      <c r="E89" s="67">
        <v>1</v>
      </c>
      <c r="F89" s="68">
        <v>0</v>
      </c>
      <c r="G89" s="69">
        <v>1</v>
      </c>
      <c r="H89" s="68">
        <v>9</v>
      </c>
      <c r="I89" s="68">
        <v>6</v>
      </c>
      <c r="J89" s="68">
        <v>3</v>
      </c>
      <c r="K89" s="67">
        <v>8</v>
      </c>
      <c r="L89" s="79">
        <v>4</v>
      </c>
      <c r="M89" s="80">
        <v>4</v>
      </c>
    </row>
    <row r="90" spans="1:13">
      <c r="A90" s="27" t="s">
        <v>33</v>
      </c>
      <c r="B90" s="67">
        <v>-5</v>
      </c>
      <c r="C90" s="68">
        <v>-5</v>
      </c>
      <c r="D90" s="68">
        <v>0</v>
      </c>
      <c r="E90" s="67">
        <v>2</v>
      </c>
      <c r="F90" s="68">
        <v>1</v>
      </c>
      <c r="G90" s="69">
        <v>1</v>
      </c>
      <c r="H90" s="68">
        <v>8</v>
      </c>
      <c r="I90" s="68">
        <v>4</v>
      </c>
      <c r="J90" s="68">
        <v>4</v>
      </c>
      <c r="K90" s="67">
        <v>11</v>
      </c>
      <c r="L90" s="79">
        <v>8</v>
      </c>
      <c r="M90" s="80">
        <v>3</v>
      </c>
    </row>
    <row r="91" spans="1:13">
      <c r="A91" s="27" t="s">
        <v>35</v>
      </c>
      <c r="B91" s="67">
        <v>-7</v>
      </c>
      <c r="C91" s="68">
        <v>-6</v>
      </c>
      <c r="D91" s="68">
        <v>-1</v>
      </c>
      <c r="E91" s="67">
        <v>2</v>
      </c>
      <c r="F91" s="68">
        <v>2</v>
      </c>
      <c r="G91" s="69">
        <v>0</v>
      </c>
      <c r="H91" s="68">
        <v>8</v>
      </c>
      <c r="I91" s="68">
        <v>5</v>
      </c>
      <c r="J91" s="68">
        <v>3</v>
      </c>
      <c r="K91" s="67">
        <v>13</v>
      </c>
      <c r="L91" s="79">
        <v>9</v>
      </c>
      <c r="M91" s="80">
        <v>4</v>
      </c>
    </row>
    <row r="92" spans="1:13">
      <c r="A92" s="27" t="s">
        <v>37</v>
      </c>
      <c r="B92" s="67">
        <v>-2</v>
      </c>
      <c r="C92" s="68">
        <v>0</v>
      </c>
      <c r="D92" s="68">
        <v>-2</v>
      </c>
      <c r="E92" s="67">
        <v>3</v>
      </c>
      <c r="F92" s="68">
        <v>1</v>
      </c>
      <c r="G92" s="69">
        <v>2</v>
      </c>
      <c r="H92" s="68">
        <v>11</v>
      </c>
      <c r="I92" s="68">
        <v>8</v>
      </c>
      <c r="J92" s="68">
        <v>3</v>
      </c>
      <c r="K92" s="67">
        <v>10</v>
      </c>
      <c r="L92" s="79">
        <v>7</v>
      </c>
      <c r="M92" s="80">
        <v>3</v>
      </c>
    </row>
    <row r="93" spans="1:13" ht="21" customHeight="1">
      <c r="A93" s="38" t="s">
        <v>39</v>
      </c>
      <c r="B93" s="64">
        <v>-30</v>
      </c>
      <c r="C93" s="65">
        <v>-26</v>
      </c>
      <c r="D93" s="65">
        <v>-4</v>
      </c>
      <c r="E93" s="64">
        <v>32</v>
      </c>
      <c r="F93" s="65">
        <v>24</v>
      </c>
      <c r="G93" s="66">
        <v>8</v>
      </c>
      <c r="H93" s="65">
        <v>30</v>
      </c>
      <c r="I93" s="65">
        <v>19</v>
      </c>
      <c r="J93" s="65">
        <v>11</v>
      </c>
      <c r="K93" s="64">
        <v>28</v>
      </c>
      <c r="L93" s="77">
        <v>21</v>
      </c>
      <c r="M93" s="78">
        <v>7</v>
      </c>
    </row>
    <row r="94" spans="1:13">
      <c r="A94" s="27" t="s">
        <v>41</v>
      </c>
      <c r="B94" s="67">
        <v>-4</v>
      </c>
      <c r="C94" s="68">
        <v>-4</v>
      </c>
      <c r="D94" s="68">
        <v>0</v>
      </c>
      <c r="E94" s="67">
        <v>5</v>
      </c>
      <c r="F94" s="68">
        <v>3</v>
      </c>
      <c r="G94" s="69">
        <v>2</v>
      </c>
      <c r="H94" s="68">
        <v>5</v>
      </c>
      <c r="I94" s="68">
        <v>2</v>
      </c>
      <c r="J94" s="68">
        <v>3</v>
      </c>
      <c r="K94" s="67">
        <v>4</v>
      </c>
      <c r="L94" s="79">
        <v>3</v>
      </c>
      <c r="M94" s="80">
        <v>1</v>
      </c>
    </row>
    <row r="95" spans="1:13">
      <c r="A95" s="27" t="s">
        <v>43</v>
      </c>
      <c r="B95" s="67">
        <v>-1</v>
      </c>
      <c r="C95" s="68">
        <v>-4</v>
      </c>
      <c r="D95" s="68">
        <v>3</v>
      </c>
      <c r="E95" s="67">
        <v>4</v>
      </c>
      <c r="F95" s="68">
        <v>4</v>
      </c>
      <c r="G95" s="69">
        <v>0</v>
      </c>
      <c r="H95" s="68">
        <v>9</v>
      </c>
      <c r="I95" s="68">
        <v>5</v>
      </c>
      <c r="J95" s="68">
        <v>4</v>
      </c>
      <c r="K95" s="67">
        <v>6</v>
      </c>
      <c r="L95" s="79">
        <v>5</v>
      </c>
      <c r="M95" s="80">
        <v>1</v>
      </c>
    </row>
    <row r="96" spans="1:13">
      <c r="A96" s="27" t="s">
        <v>45</v>
      </c>
      <c r="B96" s="67">
        <v>-3</v>
      </c>
      <c r="C96" s="68">
        <v>-2</v>
      </c>
      <c r="D96" s="68">
        <v>-1</v>
      </c>
      <c r="E96" s="67">
        <v>4</v>
      </c>
      <c r="F96" s="68">
        <v>3</v>
      </c>
      <c r="G96" s="69">
        <v>1</v>
      </c>
      <c r="H96" s="68">
        <v>9</v>
      </c>
      <c r="I96" s="68">
        <v>7</v>
      </c>
      <c r="J96" s="68">
        <v>2</v>
      </c>
      <c r="K96" s="67">
        <v>8</v>
      </c>
      <c r="L96" s="79">
        <v>6</v>
      </c>
      <c r="M96" s="80">
        <v>2</v>
      </c>
    </row>
    <row r="97" spans="1:13">
      <c r="A97" s="27" t="s">
        <v>47</v>
      </c>
      <c r="B97" s="67">
        <v>-15</v>
      </c>
      <c r="C97" s="68">
        <v>-12</v>
      </c>
      <c r="D97" s="68">
        <v>-3</v>
      </c>
      <c r="E97" s="67">
        <v>11</v>
      </c>
      <c r="F97" s="68">
        <v>8</v>
      </c>
      <c r="G97" s="69">
        <v>3</v>
      </c>
      <c r="H97" s="68">
        <v>3</v>
      </c>
      <c r="I97" s="68">
        <v>1</v>
      </c>
      <c r="J97" s="68">
        <v>2</v>
      </c>
      <c r="K97" s="67">
        <v>7</v>
      </c>
      <c r="L97" s="79">
        <v>5</v>
      </c>
      <c r="M97" s="80">
        <v>2</v>
      </c>
    </row>
    <row r="98" spans="1:13">
      <c r="A98" s="27" t="s">
        <v>49</v>
      </c>
      <c r="B98" s="67">
        <v>-7</v>
      </c>
      <c r="C98" s="68">
        <v>-4</v>
      </c>
      <c r="D98" s="68">
        <v>-3</v>
      </c>
      <c r="E98" s="67">
        <v>8</v>
      </c>
      <c r="F98" s="68">
        <v>6</v>
      </c>
      <c r="G98" s="69">
        <v>2</v>
      </c>
      <c r="H98" s="68">
        <v>4</v>
      </c>
      <c r="I98" s="68">
        <v>4</v>
      </c>
      <c r="J98" s="68">
        <v>0</v>
      </c>
      <c r="K98" s="67">
        <v>3</v>
      </c>
      <c r="L98" s="79">
        <v>2</v>
      </c>
      <c r="M98" s="80">
        <v>1</v>
      </c>
    </row>
    <row r="99" spans="1:13" ht="21" customHeight="1">
      <c r="A99" s="38" t="s">
        <v>51</v>
      </c>
      <c r="B99" s="64">
        <v>-52</v>
      </c>
      <c r="C99" s="65">
        <v>-44</v>
      </c>
      <c r="D99" s="65">
        <v>-8</v>
      </c>
      <c r="E99" s="64">
        <v>59</v>
      </c>
      <c r="F99" s="65">
        <v>45</v>
      </c>
      <c r="G99" s="66">
        <v>14</v>
      </c>
      <c r="H99" s="65">
        <v>30</v>
      </c>
      <c r="I99" s="65">
        <v>16</v>
      </c>
      <c r="J99" s="65">
        <v>14</v>
      </c>
      <c r="K99" s="64">
        <v>23</v>
      </c>
      <c r="L99" s="77">
        <v>15</v>
      </c>
      <c r="M99" s="78">
        <v>8</v>
      </c>
    </row>
    <row r="100" spans="1:13">
      <c r="A100" s="27" t="s">
        <v>53</v>
      </c>
      <c r="B100" s="67">
        <v>-3</v>
      </c>
      <c r="C100" s="68">
        <v>-3</v>
      </c>
      <c r="D100" s="68">
        <v>0</v>
      </c>
      <c r="E100" s="67">
        <v>6</v>
      </c>
      <c r="F100" s="68">
        <v>4</v>
      </c>
      <c r="G100" s="69">
        <v>2</v>
      </c>
      <c r="H100" s="68">
        <v>5</v>
      </c>
      <c r="I100" s="68">
        <v>3</v>
      </c>
      <c r="J100" s="68">
        <v>2</v>
      </c>
      <c r="K100" s="67">
        <v>2</v>
      </c>
      <c r="L100" s="79">
        <v>2</v>
      </c>
      <c r="M100" s="80">
        <v>0</v>
      </c>
    </row>
    <row r="101" spans="1:13">
      <c r="A101" s="27" t="s">
        <v>55</v>
      </c>
      <c r="B101" s="67">
        <v>-11</v>
      </c>
      <c r="C101" s="68">
        <v>-5</v>
      </c>
      <c r="D101" s="68">
        <v>-6</v>
      </c>
      <c r="E101" s="67">
        <v>12</v>
      </c>
      <c r="F101" s="68">
        <v>5</v>
      </c>
      <c r="G101" s="69">
        <v>7</v>
      </c>
      <c r="H101" s="68">
        <v>5</v>
      </c>
      <c r="I101" s="68">
        <v>2</v>
      </c>
      <c r="J101" s="68">
        <v>3</v>
      </c>
      <c r="K101" s="67">
        <v>4</v>
      </c>
      <c r="L101" s="79">
        <v>2</v>
      </c>
      <c r="M101" s="80">
        <v>2</v>
      </c>
    </row>
    <row r="102" spans="1:13">
      <c r="A102" s="27" t="s">
        <v>57</v>
      </c>
      <c r="B102" s="67">
        <v>-10</v>
      </c>
      <c r="C102" s="68">
        <v>-9</v>
      </c>
      <c r="D102" s="68">
        <v>-1</v>
      </c>
      <c r="E102" s="67">
        <v>12</v>
      </c>
      <c r="F102" s="68">
        <v>11</v>
      </c>
      <c r="G102" s="69">
        <v>1</v>
      </c>
      <c r="H102" s="68">
        <v>5</v>
      </c>
      <c r="I102" s="68">
        <v>3</v>
      </c>
      <c r="J102" s="68">
        <v>2</v>
      </c>
      <c r="K102" s="67">
        <v>3</v>
      </c>
      <c r="L102" s="79">
        <v>1</v>
      </c>
      <c r="M102" s="80">
        <v>2</v>
      </c>
    </row>
    <row r="103" spans="1:13">
      <c r="A103" s="27" t="s">
        <v>59</v>
      </c>
      <c r="B103" s="67">
        <v>-13</v>
      </c>
      <c r="C103" s="68">
        <v>-14</v>
      </c>
      <c r="D103" s="68">
        <v>1</v>
      </c>
      <c r="E103" s="67">
        <v>15</v>
      </c>
      <c r="F103" s="68">
        <v>13</v>
      </c>
      <c r="G103" s="69">
        <v>2</v>
      </c>
      <c r="H103" s="68">
        <v>11</v>
      </c>
      <c r="I103" s="68">
        <v>5</v>
      </c>
      <c r="J103" s="68">
        <v>6</v>
      </c>
      <c r="K103" s="67">
        <v>9</v>
      </c>
      <c r="L103" s="79">
        <v>6</v>
      </c>
      <c r="M103" s="80">
        <v>3</v>
      </c>
    </row>
    <row r="104" spans="1:13">
      <c r="A104" s="27" t="s">
        <v>61</v>
      </c>
      <c r="B104" s="67">
        <v>-15</v>
      </c>
      <c r="C104" s="68">
        <v>-13</v>
      </c>
      <c r="D104" s="68">
        <v>-2</v>
      </c>
      <c r="E104" s="67">
        <v>14</v>
      </c>
      <c r="F104" s="68">
        <v>12</v>
      </c>
      <c r="G104" s="69">
        <v>2</v>
      </c>
      <c r="H104" s="68">
        <v>4</v>
      </c>
      <c r="I104" s="68">
        <v>3</v>
      </c>
      <c r="J104" s="68">
        <v>1</v>
      </c>
      <c r="K104" s="67">
        <v>5</v>
      </c>
      <c r="L104" s="79">
        <v>4</v>
      </c>
      <c r="M104" s="80">
        <v>1</v>
      </c>
    </row>
    <row r="105" spans="1:13" ht="21" customHeight="1">
      <c r="A105" s="38" t="s">
        <v>63</v>
      </c>
      <c r="B105" s="64">
        <v>-43</v>
      </c>
      <c r="C105" s="65">
        <v>-22</v>
      </c>
      <c r="D105" s="65">
        <v>-21</v>
      </c>
      <c r="E105" s="64">
        <v>48</v>
      </c>
      <c r="F105" s="65">
        <v>30</v>
      </c>
      <c r="G105" s="66">
        <v>18</v>
      </c>
      <c r="H105" s="65">
        <v>23</v>
      </c>
      <c r="I105" s="65">
        <v>15</v>
      </c>
      <c r="J105" s="65">
        <v>8</v>
      </c>
      <c r="K105" s="64">
        <v>18</v>
      </c>
      <c r="L105" s="77">
        <v>7</v>
      </c>
      <c r="M105" s="78">
        <v>11</v>
      </c>
    </row>
    <row r="106" spans="1:13">
      <c r="A106" s="27" t="s">
        <v>65</v>
      </c>
      <c r="B106" s="67">
        <v>-5</v>
      </c>
      <c r="C106" s="68">
        <v>-2</v>
      </c>
      <c r="D106" s="68">
        <v>-3</v>
      </c>
      <c r="E106" s="67">
        <v>8</v>
      </c>
      <c r="F106" s="68">
        <v>6</v>
      </c>
      <c r="G106" s="69">
        <v>2</v>
      </c>
      <c r="H106" s="68">
        <v>8</v>
      </c>
      <c r="I106" s="68">
        <v>7</v>
      </c>
      <c r="J106" s="68">
        <v>1</v>
      </c>
      <c r="K106" s="67">
        <v>5</v>
      </c>
      <c r="L106" s="79">
        <v>3</v>
      </c>
      <c r="M106" s="80">
        <v>2</v>
      </c>
    </row>
    <row r="107" spans="1:13">
      <c r="A107" s="27" t="s">
        <v>67</v>
      </c>
      <c r="B107" s="67">
        <v>-8</v>
      </c>
      <c r="C107" s="68">
        <v>-4</v>
      </c>
      <c r="D107" s="68">
        <v>-4</v>
      </c>
      <c r="E107" s="67">
        <v>8</v>
      </c>
      <c r="F107" s="68">
        <v>5</v>
      </c>
      <c r="G107" s="69">
        <v>3</v>
      </c>
      <c r="H107" s="68">
        <v>2</v>
      </c>
      <c r="I107" s="68">
        <v>2</v>
      </c>
      <c r="J107" s="68">
        <v>0</v>
      </c>
      <c r="K107" s="67">
        <v>2</v>
      </c>
      <c r="L107" s="79">
        <v>1</v>
      </c>
      <c r="M107" s="80">
        <v>1</v>
      </c>
    </row>
    <row r="108" spans="1:13">
      <c r="A108" s="27" t="s">
        <v>69</v>
      </c>
      <c r="B108" s="67">
        <v>-8</v>
      </c>
      <c r="C108" s="68">
        <v>-2</v>
      </c>
      <c r="D108" s="68">
        <v>-6</v>
      </c>
      <c r="E108" s="67">
        <v>7</v>
      </c>
      <c r="F108" s="68">
        <v>3</v>
      </c>
      <c r="G108" s="69">
        <v>4</v>
      </c>
      <c r="H108" s="68">
        <v>3</v>
      </c>
      <c r="I108" s="68">
        <v>2</v>
      </c>
      <c r="J108" s="68">
        <v>1</v>
      </c>
      <c r="K108" s="67">
        <v>4</v>
      </c>
      <c r="L108" s="79">
        <v>1</v>
      </c>
      <c r="M108" s="80">
        <v>3</v>
      </c>
    </row>
    <row r="109" spans="1:13">
      <c r="A109" s="27" t="s">
        <v>71</v>
      </c>
      <c r="B109" s="67">
        <v>-13</v>
      </c>
      <c r="C109" s="68">
        <v>-5</v>
      </c>
      <c r="D109" s="68">
        <v>-8</v>
      </c>
      <c r="E109" s="67">
        <v>13</v>
      </c>
      <c r="F109" s="68">
        <v>6</v>
      </c>
      <c r="G109" s="69">
        <v>7</v>
      </c>
      <c r="H109" s="68">
        <v>5</v>
      </c>
      <c r="I109" s="68">
        <v>2</v>
      </c>
      <c r="J109" s="68">
        <v>3</v>
      </c>
      <c r="K109" s="67">
        <v>5</v>
      </c>
      <c r="L109" s="79">
        <v>1</v>
      </c>
      <c r="M109" s="80">
        <v>4</v>
      </c>
    </row>
    <row r="110" spans="1:13">
      <c r="A110" s="27" t="s">
        <v>73</v>
      </c>
      <c r="B110" s="67">
        <v>-9</v>
      </c>
      <c r="C110" s="68">
        <v>-9</v>
      </c>
      <c r="D110" s="68">
        <v>0</v>
      </c>
      <c r="E110" s="67">
        <v>12</v>
      </c>
      <c r="F110" s="68">
        <v>10</v>
      </c>
      <c r="G110" s="69">
        <v>2</v>
      </c>
      <c r="H110" s="68">
        <v>5</v>
      </c>
      <c r="I110" s="68">
        <v>2</v>
      </c>
      <c r="J110" s="68">
        <v>3</v>
      </c>
      <c r="K110" s="67">
        <v>2</v>
      </c>
      <c r="L110" s="79">
        <v>1</v>
      </c>
      <c r="M110" s="80">
        <v>1</v>
      </c>
    </row>
    <row r="111" spans="1:13" ht="21" customHeight="1">
      <c r="A111" s="38" t="s">
        <v>75</v>
      </c>
      <c r="B111" s="64">
        <v>-86</v>
      </c>
      <c r="C111" s="65">
        <v>-52</v>
      </c>
      <c r="D111" s="65">
        <v>-34</v>
      </c>
      <c r="E111" s="64">
        <v>95</v>
      </c>
      <c r="F111" s="65">
        <v>58</v>
      </c>
      <c r="G111" s="66">
        <v>37</v>
      </c>
      <c r="H111" s="65">
        <v>18</v>
      </c>
      <c r="I111" s="65">
        <v>8</v>
      </c>
      <c r="J111" s="65">
        <v>10</v>
      </c>
      <c r="K111" s="64">
        <v>9</v>
      </c>
      <c r="L111" s="77">
        <v>2</v>
      </c>
      <c r="M111" s="78">
        <v>7</v>
      </c>
    </row>
    <row r="112" spans="1:13">
      <c r="A112" s="27" t="s">
        <v>77</v>
      </c>
      <c r="B112" s="67">
        <v>-15</v>
      </c>
      <c r="C112" s="68">
        <v>-8</v>
      </c>
      <c r="D112" s="68">
        <v>-7</v>
      </c>
      <c r="E112" s="67">
        <v>19</v>
      </c>
      <c r="F112" s="68">
        <v>12</v>
      </c>
      <c r="G112" s="69">
        <v>7</v>
      </c>
      <c r="H112" s="68">
        <v>6</v>
      </c>
      <c r="I112" s="68">
        <v>5</v>
      </c>
      <c r="J112" s="68">
        <v>1</v>
      </c>
      <c r="K112" s="67">
        <v>2</v>
      </c>
      <c r="L112" s="79">
        <v>1</v>
      </c>
      <c r="M112" s="80">
        <v>1</v>
      </c>
    </row>
    <row r="113" spans="1:13">
      <c r="A113" s="27" t="s">
        <v>79</v>
      </c>
      <c r="B113" s="67">
        <v>-16</v>
      </c>
      <c r="C113" s="68">
        <v>-13</v>
      </c>
      <c r="D113" s="68">
        <v>-3</v>
      </c>
      <c r="E113" s="67">
        <v>17</v>
      </c>
      <c r="F113" s="68">
        <v>13</v>
      </c>
      <c r="G113" s="69">
        <v>4</v>
      </c>
      <c r="H113" s="68">
        <v>2</v>
      </c>
      <c r="I113" s="68">
        <v>0</v>
      </c>
      <c r="J113" s="68">
        <v>2</v>
      </c>
      <c r="K113" s="67">
        <v>1</v>
      </c>
      <c r="L113" s="79">
        <v>0</v>
      </c>
      <c r="M113" s="80">
        <v>1</v>
      </c>
    </row>
    <row r="114" spans="1:13">
      <c r="A114" s="27" t="s">
        <v>81</v>
      </c>
      <c r="B114" s="67">
        <v>-16</v>
      </c>
      <c r="C114" s="68">
        <v>-13</v>
      </c>
      <c r="D114" s="68">
        <v>-3</v>
      </c>
      <c r="E114" s="67">
        <v>21</v>
      </c>
      <c r="F114" s="68">
        <v>14</v>
      </c>
      <c r="G114" s="69">
        <v>7</v>
      </c>
      <c r="H114" s="68">
        <v>7</v>
      </c>
      <c r="I114" s="68">
        <v>2</v>
      </c>
      <c r="J114" s="68">
        <v>5</v>
      </c>
      <c r="K114" s="67">
        <v>2</v>
      </c>
      <c r="L114" s="79">
        <v>1</v>
      </c>
      <c r="M114" s="80">
        <v>1</v>
      </c>
    </row>
    <row r="115" spans="1:13">
      <c r="A115" s="27" t="s">
        <v>83</v>
      </c>
      <c r="B115" s="67">
        <v>-15</v>
      </c>
      <c r="C115" s="68">
        <v>-6</v>
      </c>
      <c r="D115" s="68">
        <v>-9</v>
      </c>
      <c r="E115" s="67">
        <v>15</v>
      </c>
      <c r="F115" s="68">
        <v>6</v>
      </c>
      <c r="G115" s="69">
        <v>9</v>
      </c>
      <c r="H115" s="68">
        <v>2</v>
      </c>
      <c r="I115" s="68">
        <v>0</v>
      </c>
      <c r="J115" s="68">
        <v>2</v>
      </c>
      <c r="K115" s="67">
        <v>2</v>
      </c>
      <c r="L115" s="79">
        <v>0</v>
      </c>
      <c r="M115" s="80">
        <v>2</v>
      </c>
    </row>
    <row r="116" spans="1:13">
      <c r="A116" s="27" t="s">
        <v>85</v>
      </c>
      <c r="B116" s="67">
        <v>-24</v>
      </c>
      <c r="C116" s="68">
        <v>-12</v>
      </c>
      <c r="D116" s="68">
        <v>-12</v>
      </c>
      <c r="E116" s="67">
        <v>23</v>
      </c>
      <c r="F116" s="68">
        <v>13</v>
      </c>
      <c r="G116" s="69">
        <v>10</v>
      </c>
      <c r="H116" s="68">
        <v>1</v>
      </c>
      <c r="I116" s="68">
        <v>1</v>
      </c>
      <c r="J116" s="68">
        <v>0</v>
      </c>
      <c r="K116" s="67">
        <v>2</v>
      </c>
      <c r="L116" s="79">
        <v>0</v>
      </c>
      <c r="M116" s="80">
        <v>2</v>
      </c>
    </row>
    <row r="117" spans="1:13" ht="21" customHeight="1">
      <c r="A117" s="38" t="s">
        <v>87</v>
      </c>
      <c r="B117" s="64">
        <v>-81</v>
      </c>
      <c r="C117" s="65">
        <v>-42</v>
      </c>
      <c r="D117" s="65">
        <v>-39</v>
      </c>
      <c r="E117" s="64">
        <v>86</v>
      </c>
      <c r="F117" s="65">
        <v>46</v>
      </c>
      <c r="G117" s="66">
        <v>40</v>
      </c>
      <c r="H117" s="65">
        <v>11</v>
      </c>
      <c r="I117" s="65">
        <v>5</v>
      </c>
      <c r="J117" s="65">
        <v>6</v>
      </c>
      <c r="K117" s="64">
        <v>6</v>
      </c>
      <c r="L117" s="77">
        <v>1</v>
      </c>
      <c r="M117" s="78">
        <v>5</v>
      </c>
    </row>
    <row r="118" spans="1:13">
      <c r="A118" s="27" t="s">
        <v>89</v>
      </c>
      <c r="B118" s="67">
        <v>-19</v>
      </c>
      <c r="C118" s="68">
        <v>-13</v>
      </c>
      <c r="D118" s="68">
        <v>-6</v>
      </c>
      <c r="E118" s="67">
        <v>19</v>
      </c>
      <c r="F118" s="68">
        <v>14</v>
      </c>
      <c r="G118" s="69">
        <v>5</v>
      </c>
      <c r="H118" s="68">
        <v>2</v>
      </c>
      <c r="I118" s="68">
        <v>1</v>
      </c>
      <c r="J118" s="68">
        <v>1</v>
      </c>
      <c r="K118" s="67">
        <v>2</v>
      </c>
      <c r="L118" s="79">
        <v>0</v>
      </c>
      <c r="M118" s="80">
        <v>2</v>
      </c>
    </row>
    <row r="119" spans="1:13">
      <c r="A119" s="27" t="s">
        <v>91</v>
      </c>
      <c r="B119" s="67">
        <v>-15</v>
      </c>
      <c r="C119" s="68">
        <v>-8</v>
      </c>
      <c r="D119" s="68">
        <v>-7</v>
      </c>
      <c r="E119" s="67">
        <v>19</v>
      </c>
      <c r="F119" s="68">
        <v>10</v>
      </c>
      <c r="G119" s="69">
        <v>9</v>
      </c>
      <c r="H119" s="68">
        <v>4</v>
      </c>
      <c r="I119" s="68">
        <v>2</v>
      </c>
      <c r="J119" s="68">
        <v>2</v>
      </c>
      <c r="K119" s="67">
        <v>0</v>
      </c>
      <c r="L119" s="79">
        <v>0</v>
      </c>
      <c r="M119" s="80">
        <v>0</v>
      </c>
    </row>
    <row r="120" spans="1:13">
      <c r="A120" s="27" t="s">
        <v>93</v>
      </c>
      <c r="B120" s="67">
        <v>-20</v>
      </c>
      <c r="C120" s="68">
        <v>-10</v>
      </c>
      <c r="D120" s="68">
        <v>-10</v>
      </c>
      <c r="E120" s="67">
        <v>17</v>
      </c>
      <c r="F120" s="68">
        <v>9</v>
      </c>
      <c r="G120" s="69">
        <v>8</v>
      </c>
      <c r="H120" s="68">
        <v>0</v>
      </c>
      <c r="I120" s="68">
        <v>0</v>
      </c>
      <c r="J120" s="68">
        <v>0</v>
      </c>
      <c r="K120" s="67">
        <v>3</v>
      </c>
      <c r="L120" s="79">
        <v>1</v>
      </c>
      <c r="M120" s="80">
        <v>2</v>
      </c>
    </row>
    <row r="121" spans="1:13">
      <c r="A121" s="27" t="s">
        <v>95</v>
      </c>
      <c r="B121" s="67">
        <v>-12</v>
      </c>
      <c r="C121" s="68">
        <v>-4</v>
      </c>
      <c r="D121" s="68">
        <v>-8</v>
      </c>
      <c r="E121" s="67">
        <v>15</v>
      </c>
      <c r="F121" s="68">
        <v>6</v>
      </c>
      <c r="G121" s="69">
        <v>9</v>
      </c>
      <c r="H121" s="68">
        <v>4</v>
      </c>
      <c r="I121" s="68">
        <v>2</v>
      </c>
      <c r="J121" s="68">
        <v>2</v>
      </c>
      <c r="K121" s="67">
        <v>1</v>
      </c>
      <c r="L121" s="79">
        <v>0</v>
      </c>
      <c r="M121" s="80">
        <v>1</v>
      </c>
    </row>
    <row r="122" spans="1:13">
      <c r="A122" s="27" t="s">
        <v>97</v>
      </c>
      <c r="B122" s="67">
        <v>-15</v>
      </c>
      <c r="C122" s="68">
        <v>-7</v>
      </c>
      <c r="D122" s="68">
        <v>-8</v>
      </c>
      <c r="E122" s="67">
        <v>16</v>
      </c>
      <c r="F122" s="68">
        <v>7</v>
      </c>
      <c r="G122" s="69">
        <v>9</v>
      </c>
      <c r="H122" s="68">
        <v>1</v>
      </c>
      <c r="I122" s="68">
        <v>0</v>
      </c>
      <c r="J122" s="68">
        <v>1</v>
      </c>
      <c r="K122" s="67">
        <v>0</v>
      </c>
      <c r="L122" s="79">
        <v>0</v>
      </c>
      <c r="M122" s="80">
        <v>0</v>
      </c>
    </row>
    <row r="123" spans="1:13" ht="21" customHeight="1">
      <c r="A123" s="38" t="s">
        <v>99</v>
      </c>
      <c r="B123" s="64">
        <v>-61</v>
      </c>
      <c r="C123" s="65">
        <v>-18</v>
      </c>
      <c r="D123" s="65">
        <v>-43</v>
      </c>
      <c r="E123" s="64">
        <v>61</v>
      </c>
      <c r="F123" s="65">
        <v>18</v>
      </c>
      <c r="G123" s="66">
        <v>43</v>
      </c>
      <c r="H123" s="65">
        <v>5</v>
      </c>
      <c r="I123" s="65">
        <v>1</v>
      </c>
      <c r="J123" s="65">
        <v>4</v>
      </c>
      <c r="K123" s="64">
        <v>5</v>
      </c>
      <c r="L123" s="77">
        <v>1</v>
      </c>
      <c r="M123" s="78">
        <v>4</v>
      </c>
    </row>
    <row r="124" spans="1:13">
      <c r="A124" s="27" t="s">
        <v>101</v>
      </c>
      <c r="B124" s="67">
        <v>-14</v>
      </c>
      <c r="C124" s="68">
        <v>-5</v>
      </c>
      <c r="D124" s="68">
        <v>-9</v>
      </c>
      <c r="E124" s="67">
        <v>16</v>
      </c>
      <c r="F124" s="68">
        <v>6</v>
      </c>
      <c r="G124" s="69">
        <v>10</v>
      </c>
      <c r="H124" s="68">
        <v>3</v>
      </c>
      <c r="I124" s="68">
        <v>1</v>
      </c>
      <c r="J124" s="68">
        <v>2</v>
      </c>
      <c r="K124" s="67">
        <v>1</v>
      </c>
      <c r="L124" s="79">
        <v>0</v>
      </c>
      <c r="M124" s="80">
        <v>1</v>
      </c>
    </row>
    <row r="125" spans="1:13">
      <c r="A125" s="27" t="s">
        <v>103</v>
      </c>
      <c r="B125" s="67">
        <v>-16</v>
      </c>
      <c r="C125" s="68">
        <v>-2</v>
      </c>
      <c r="D125" s="68">
        <v>-14</v>
      </c>
      <c r="E125" s="67">
        <v>13</v>
      </c>
      <c r="F125" s="68">
        <v>2</v>
      </c>
      <c r="G125" s="69">
        <v>11</v>
      </c>
      <c r="H125" s="68">
        <v>0</v>
      </c>
      <c r="I125" s="68">
        <v>0</v>
      </c>
      <c r="J125" s="68">
        <v>0</v>
      </c>
      <c r="K125" s="67">
        <v>3</v>
      </c>
      <c r="L125" s="79">
        <v>0</v>
      </c>
      <c r="M125" s="80">
        <v>3</v>
      </c>
    </row>
    <row r="126" spans="1:13">
      <c r="A126" s="27" t="s">
        <v>105</v>
      </c>
      <c r="B126" s="67">
        <v>-13</v>
      </c>
      <c r="C126" s="68">
        <v>-4</v>
      </c>
      <c r="D126" s="68">
        <v>-9</v>
      </c>
      <c r="E126" s="67">
        <v>14</v>
      </c>
      <c r="F126" s="68">
        <v>4</v>
      </c>
      <c r="G126" s="69">
        <v>10</v>
      </c>
      <c r="H126" s="68">
        <v>1</v>
      </c>
      <c r="I126" s="68">
        <v>0</v>
      </c>
      <c r="J126" s="68">
        <v>1</v>
      </c>
      <c r="K126" s="67">
        <v>0</v>
      </c>
      <c r="L126" s="79">
        <v>0</v>
      </c>
      <c r="M126" s="80">
        <v>0</v>
      </c>
    </row>
    <row r="127" spans="1:13">
      <c r="A127" s="27" t="s">
        <v>107</v>
      </c>
      <c r="B127" s="67">
        <v>-13</v>
      </c>
      <c r="C127" s="68">
        <v>-5</v>
      </c>
      <c r="D127" s="68">
        <v>-8</v>
      </c>
      <c r="E127" s="67">
        <v>12</v>
      </c>
      <c r="F127" s="68">
        <v>4</v>
      </c>
      <c r="G127" s="69">
        <v>8</v>
      </c>
      <c r="H127" s="68">
        <v>0</v>
      </c>
      <c r="I127" s="68">
        <v>0</v>
      </c>
      <c r="J127" s="68">
        <v>0</v>
      </c>
      <c r="K127" s="67">
        <v>1</v>
      </c>
      <c r="L127" s="79">
        <v>1</v>
      </c>
      <c r="M127" s="80">
        <v>0</v>
      </c>
    </row>
    <row r="128" spans="1:13">
      <c r="A128" s="27" t="s">
        <v>109</v>
      </c>
      <c r="B128" s="67">
        <v>-5</v>
      </c>
      <c r="C128" s="68">
        <v>-2</v>
      </c>
      <c r="D128" s="68">
        <v>-3</v>
      </c>
      <c r="E128" s="67">
        <v>6</v>
      </c>
      <c r="F128" s="68">
        <v>2</v>
      </c>
      <c r="G128" s="69">
        <v>4</v>
      </c>
      <c r="H128" s="68">
        <v>1</v>
      </c>
      <c r="I128" s="68">
        <v>0</v>
      </c>
      <c r="J128" s="68">
        <v>1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44</v>
      </c>
      <c r="C129" s="65">
        <v>-11</v>
      </c>
      <c r="D129" s="65">
        <v>-33</v>
      </c>
      <c r="E129" s="64">
        <v>45</v>
      </c>
      <c r="F129" s="65">
        <v>11</v>
      </c>
      <c r="G129" s="66">
        <v>34</v>
      </c>
      <c r="H129" s="65">
        <v>4</v>
      </c>
      <c r="I129" s="65">
        <v>1</v>
      </c>
      <c r="J129" s="65">
        <v>3</v>
      </c>
      <c r="K129" s="64">
        <v>3</v>
      </c>
      <c r="L129" s="77">
        <v>1</v>
      </c>
      <c r="M129" s="78">
        <v>2</v>
      </c>
    </row>
    <row r="130" spans="1:14">
      <c r="A130" s="27" t="s">
        <v>113</v>
      </c>
      <c r="B130" s="67">
        <v>-11</v>
      </c>
      <c r="C130" s="68">
        <v>-3</v>
      </c>
      <c r="D130" s="68">
        <v>-8</v>
      </c>
      <c r="E130" s="67">
        <v>11</v>
      </c>
      <c r="F130" s="68">
        <v>2</v>
      </c>
      <c r="G130" s="69">
        <v>9</v>
      </c>
      <c r="H130" s="68">
        <v>1</v>
      </c>
      <c r="I130" s="68">
        <v>0</v>
      </c>
      <c r="J130" s="68">
        <v>1</v>
      </c>
      <c r="K130" s="67">
        <v>1</v>
      </c>
      <c r="L130" s="79">
        <v>1</v>
      </c>
      <c r="M130" s="80">
        <v>0</v>
      </c>
    </row>
    <row r="131" spans="1:14">
      <c r="A131" s="27" t="s">
        <v>115</v>
      </c>
      <c r="B131" s="67">
        <v>-10</v>
      </c>
      <c r="C131" s="68">
        <v>-3</v>
      </c>
      <c r="D131" s="68">
        <v>-7</v>
      </c>
      <c r="E131" s="67">
        <v>9</v>
      </c>
      <c r="F131" s="68">
        <v>3</v>
      </c>
      <c r="G131" s="69">
        <v>6</v>
      </c>
      <c r="H131" s="68">
        <v>0</v>
      </c>
      <c r="I131" s="68">
        <v>0</v>
      </c>
      <c r="J131" s="68">
        <v>0</v>
      </c>
      <c r="K131" s="67">
        <v>1</v>
      </c>
      <c r="L131" s="79">
        <v>0</v>
      </c>
      <c r="M131" s="80">
        <v>1</v>
      </c>
    </row>
    <row r="132" spans="1:14">
      <c r="A132" s="27" t="s">
        <v>117</v>
      </c>
      <c r="B132" s="67">
        <v>-8</v>
      </c>
      <c r="C132" s="68">
        <v>-3</v>
      </c>
      <c r="D132" s="68">
        <v>-5</v>
      </c>
      <c r="E132" s="67">
        <v>9</v>
      </c>
      <c r="F132" s="68">
        <v>3</v>
      </c>
      <c r="G132" s="69">
        <v>6</v>
      </c>
      <c r="H132" s="68">
        <v>1</v>
      </c>
      <c r="I132" s="68">
        <v>0</v>
      </c>
      <c r="J132" s="68">
        <v>1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11</v>
      </c>
      <c r="C133" s="68">
        <v>-2</v>
      </c>
      <c r="D133" s="68">
        <v>-9</v>
      </c>
      <c r="E133" s="67">
        <v>12</v>
      </c>
      <c r="F133" s="68">
        <v>3</v>
      </c>
      <c r="G133" s="69">
        <v>9</v>
      </c>
      <c r="H133" s="68">
        <v>1</v>
      </c>
      <c r="I133" s="68">
        <v>1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4</v>
      </c>
      <c r="C134" s="68">
        <v>0</v>
      </c>
      <c r="D134" s="68">
        <v>-4</v>
      </c>
      <c r="E134" s="67">
        <v>4</v>
      </c>
      <c r="F134" s="68">
        <v>0</v>
      </c>
      <c r="G134" s="69">
        <v>4</v>
      </c>
      <c r="H134" s="68">
        <v>1</v>
      </c>
      <c r="I134" s="68">
        <v>0</v>
      </c>
      <c r="J134" s="68">
        <v>1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9</v>
      </c>
      <c r="C135" s="40">
        <v>-2</v>
      </c>
      <c r="D135" s="40">
        <v>-7</v>
      </c>
      <c r="E135" s="42">
        <v>9</v>
      </c>
      <c r="F135" s="40">
        <v>2</v>
      </c>
      <c r="G135" s="43">
        <v>7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44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1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48</v>
      </c>
      <c r="C5" s="62">
        <v>-28</v>
      </c>
      <c r="D5" s="62">
        <v>-20</v>
      </c>
      <c r="E5" s="61">
        <v>38</v>
      </c>
      <c r="F5" s="62">
        <v>25</v>
      </c>
      <c r="G5" s="63">
        <v>13</v>
      </c>
      <c r="H5" s="62">
        <v>58</v>
      </c>
      <c r="I5" s="62">
        <v>33</v>
      </c>
      <c r="J5" s="62">
        <v>25</v>
      </c>
      <c r="K5" s="61">
        <v>76</v>
      </c>
      <c r="L5" s="75">
        <v>39</v>
      </c>
      <c r="M5" s="76">
        <v>37</v>
      </c>
    </row>
    <row r="6" spans="1:13" ht="23.25" customHeight="1">
      <c r="A6" s="36" t="s">
        <v>2</v>
      </c>
      <c r="B6" s="64">
        <v>4</v>
      </c>
      <c r="C6" s="65">
        <v>2</v>
      </c>
      <c r="D6" s="65">
        <v>2</v>
      </c>
      <c r="E6" s="64">
        <v>0</v>
      </c>
      <c r="F6" s="65">
        <v>0</v>
      </c>
      <c r="G6" s="66">
        <v>0</v>
      </c>
      <c r="H6" s="65">
        <v>1</v>
      </c>
      <c r="I6" s="65">
        <v>1</v>
      </c>
      <c r="J6" s="65">
        <v>0</v>
      </c>
      <c r="K6" s="64">
        <v>5</v>
      </c>
      <c r="L6" s="77">
        <v>2</v>
      </c>
      <c r="M6" s="78">
        <v>3</v>
      </c>
    </row>
    <row r="7" spans="1:13">
      <c r="A7" s="15" t="s">
        <v>4</v>
      </c>
      <c r="B7" s="67">
        <v>8</v>
      </c>
      <c r="C7" s="68">
        <v>3</v>
      </c>
      <c r="D7" s="68">
        <v>5</v>
      </c>
      <c r="E7" s="67">
        <v>0</v>
      </c>
      <c r="F7" s="68">
        <v>0</v>
      </c>
      <c r="G7" s="69">
        <v>0</v>
      </c>
      <c r="H7" s="68">
        <v>0</v>
      </c>
      <c r="I7" s="68">
        <v>0</v>
      </c>
      <c r="J7" s="68">
        <v>0</v>
      </c>
      <c r="K7" s="67">
        <v>0</v>
      </c>
      <c r="L7" s="79">
        <v>0</v>
      </c>
      <c r="M7" s="80">
        <v>0</v>
      </c>
    </row>
    <row r="8" spans="1:13">
      <c r="A8" s="15" t="s">
        <v>6</v>
      </c>
      <c r="B8" s="67">
        <v>-1</v>
      </c>
      <c r="C8" s="68">
        <v>0</v>
      </c>
      <c r="D8" s="68">
        <v>-1</v>
      </c>
      <c r="E8" s="67">
        <v>0</v>
      </c>
      <c r="F8" s="68">
        <v>0</v>
      </c>
      <c r="G8" s="69">
        <v>0</v>
      </c>
      <c r="H8" s="68">
        <v>0</v>
      </c>
      <c r="I8" s="68">
        <v>0</v>
      </c>
      <c r="J8" s="68">
        <v>0</v>
      </c>
      <c r="K8" s="67">
        <v>1</v>
      </c>
      <c r="L8" s="79">
        <v>0</v>
      </c>
      <c r="M8" s="80">
        <v>1</v>
      </c>
    </row>
    <row r="9" spans="1:13">
      <c r="A9" s="15" t="s">
        <v>8</v>
      </c>
      <c r="B9" s="67">
        <v>-1</v>
      </c>
      <c r="C9" s="68">
        <v>0</v>
      </c>
      <c r="D9" s="68">
        <v>-1</v>
      </c>
      <c r="E9" s="67">
        <v>0</v>
      </c>
      <c r="F9" s="68">
        <v>0</v>
      </c>
      <c r="G9" s="69">
        <v>0</v>
      </c>
      <c r="H9" s="68">
        <v>1</v>
      </c>
      <c r="I9" s="68">
        <v>1</v>
      </c>
      <c r="J9" s="68">
        <v>0</v>
      </c>
      <c r="K9" s="67">
        <v>2</v>
      </c>
      <c r="L9" s="79">
        <v>1</v>
      </c>
      <c r="M9" s="80">
        <v>1</v>
      </c>
    </row>
    <row r="10" spans="1:13">
      <c r="A10" s="15" t="s">
        <v>10</v>
      </c>
      <c r="B10" s="67">
        <v>-2</v>
      </c>
      <c r="C10" s="68">
        <v>-1</v>
      </c>
      <c r="D10" s="68">
        <v>-1</v>
      </c>
      <c r="E10" s="67">
        <v>0</v>
      </c>
      <c r="F10" s="68">
        <v>0</v>
      </c>
      <c r="G10" s="69">
        <v>0</v>
      </c>
      <c r="H10" s="68">
        <v>0</v>
      </c>
      <c r="I10" s="68">
        <v>0</v>
      </c>
      <c r="J10" s="68">
        <v>0</v>
      </c>
      <c r="K10" s="67">
        <v>2</v>
      </c>
      <c r="L10" s="79">
        <v>1</v>
      </c>
      <c r="M10" s="80">
        <v>1</v>
      </c>
    </row>
    <row r="11" spans="1:13">
      <c r="A11" s="15" t="s">
        <v>12</v>
      </c>
      <c r="B11" s="67">
        <v>0</v>
      </c>
      <c r="C11" s="68">
        <v>0</v>
      </c>
      <c r="D11" s="68">
        <v>0</v>
      </c>
      <c r="E11" s="67">
        <v>0</v>
      </c>
      <c r="F11" s="68">
        <v>0</v>
      </c>
      <c r="G11" s="69">
        <v>0</v>
      </c>
      <c r="H11" s="68">
        <v>0</v>
      </c>
      <c r="I11" s="68">
        <v>0</v>
      </c>
      <c r="J11" s="68">
        <v>0</v>
      </c>
      <c r="K11" s="67">
        <v>0</v>
      </c>
      <c r="L11" s="79">
        <v>0</v>
      </c>
      <c r="M11" s="80">
        <v>0</v>
      </c>
    </row>
    <row r="12" spans="1:13" ht="21" customHeight="1">
      <c r="A12" s="36" t="s">
        <v>14</v>
      </c>
      <c r="B12" s="64">
        <v>-3</v>
      </c>
      <c r="C12" s="65">
        <v>0</v>
      </c>
      <c r="D12" s="65">
        <v>-3</v>
      </c>
      <c r="E12" s="64">
        <v>0</v>
      </c>
      <c r="F12" s="65">
        <v>0</v>
      </c>
      <c r="G12" s="66">
        <v>0</v>
      </c>
      <c r="H12" s="65">
        <v>1</v>
      </c>
      <c r="I12" s="65">
        <v>1</v>
      </c>
      <c r="J12" s="65">
        <v>0</v>
      </c>
      <c r="K12" s="64">
        <v>4</v>
      </c>
      <c r="L12" s="77">
        <v>1</v>
      </c>
      <c r="M12" s="78">
        <v>3</v>
      </c>
    </row>
    <row r="13" spans="1:13">
      <c r="A13" s="15" t="s">
        <v>16</v>
      </c>
      <c r="B13" s="67">
        <v>0</v>
      </c>
      <c r="C13" s="68">
        <v>0</v>
      </c>
      <c r="D13" s="68">
        <v>0</v>
      </c>
      <c r="E13" s="67">
        <v>0</v>
      </c>
      <c r="F13" s="68">
        <v>0</v>
      </c>
      <c r="G13" s="69">
        <v>0</v>
      </c>
      <c r="H13" s="68">
        <v>0</v>
      </c>
      <c r="I13" s="68">
        <v>0</v>
      </c>
      <c r="J13" s="68">
        <v>0</v>
      </c>
      <c r="K13" s="67">
        <v>0</v>
      </c>
      <c r="L13" s="79">
        <v>0</v>
      </c>
      <c r="M13" s="80">
        <v>0</v>
      </c>
    </row>
    <row r="14" spans="1:13">
      <c r="A14" s="15" t="s">
        <v>18</v>
      </c>
      <c r="B14" s="67">
        <v>-3</v>
      </c>
      <c r="C14" s="68">
        <v>0</v>
      </c>
      <c r="D14" s="68">
        <v>-3</v>
      </c>
      <c r="E14" s="67">
        <v>0</v>
      </c>
      <c r="F14" s="68">
        <v>0</v>
      </c>
      <c r="G14" s="69">
        <v>0</v>
      </c>
      <c r="H14" s="68">
        <v>0</v>
      </c>
      <c r="I14" s="68">
        <v>0</v>
      </c>
      <c r="J14" s="68">
        <v>0</v>
      </c>
      <c r="K14" s="67">
        <v>3</v>
      </c>
      <c r="L14" s="79">
        <v>0</v>
      </c>
      <c r="M14" s="80">
        <v>3</v>
      </c>
    </row>
    <row r="15" spans="1:13">
      <c r="A15" s="15" t="s">
        <v>20</v>
      </c>
      <c r="B15" s="67">
        <v>0</v>
      </c>
      <c r="C15" s="68">
        <v>0</v>
      </c>
      <c r="D15" s="68">
        <v>0</v>
      </c>
      <c r="E15" s="67">
        <v>0</v>
      </c>
      <c r="F15" s="68">
        <v>0</v>
      </c>
      <c r="G15" s="69">
        <v>0</v>
      </c>
      <c r="H15" s="68">
        <v>0</v>
      </c>
      <c r="I15" s="68">
        <v>0</v>
      </c>
      <c r="J15" s="68">
        <v>0</v>
      </c>
      <c r="K15" s="67">
        <v>0</v>
      </c>
      <c r="L15" s="79">
        <v>0</v>
      </c>
      <c r="M15" s="80">
        <v>0</v>
      </c>
    </row>
    <row r="16" spans="1:13">
      <c r="A16" s="15" t="s">
        <v>22</v>
      </c>
      <c r="B16" s="67">
        <v>-1</v>
      </c>
      <c r="C16" s="68">
        <v>-1</v>
      </c>
      <c r="D16" s="68">
        <v>0</v>
      </c>
      <c r="E16" s="67">
        <v>0</v>
      </c>
      <c r="F16" s="68">
        <v>0</v>
      </c>
      <c r="G16" s="69">
        <v>0</v>
      </c>
      <c r="H16" s="68">
        <v>0</v>
      </c>
      <c r="I16" s="68">
        <v>0</v>
      </c>
      <c r="J16" s="68">
        <v>0</v>
      </c>
      <c r="K16" s="67">
        <v>1</v>
      </c>
      <c r="L16" s="79">
        <v>1</v>
      </c>
      <c r="M16" s="80">
        <v>0</v>
      </c>
    </row>
    <row r="17" spans="1:13">
      <c r="A17" s="15" t="s">
        <v>24</v>
      </c>
      <c r="B17" s="67">
        <v>1</v>
      </c>
      <c r="C17" s="68">
        <v>1</v>
      </c>
      <c r="D17" s="68">
        <v>0</v>
      </c>
      <c r="E17" s="67">
        <v>0</v>
      </c>
      <c r="F17" s="68">
        <v>0</v>
      </c>
      <c r="G17" s="69">
        <v>0</v>
      </c>
      <c r="H17" s="68">
        <v>1</v>
      </c>
      <c r="I17" s="68">
        <v>1</v>
      </c>
      <c r="J17" s="68">
        <v>0</v>
      </c>
      <c r="K17" s="67">
        <v>0</v>
      </c>
      <c r="L17" s="79">
        <v>0</v>
      </c>
      <c r="M17" s="80">
        <v>0</v>
      </c>
    </row>
    <row r="18" spans="1:13" ht="21" customHeight="1">
      <c r="A18" s="36" t="s">
        <v>26</v>
      </c>
      <c r="B18" s="64">
        <v>-1</v>
      </c>
      <c r="C18" s="65">
        <v>0</v>
      </c>
      <c r="D18" s="65">
        <v>-1</v>
      </c>
      <c r="E18" s="64">
        <v>0</v>
      </c>
      <c r="F18" s="65">
        <v>0</v>
      </c>
      <c r="G18" s="66">
        <v>0</v>
      </c>
      <c r="H18" s="65">
        <v>2</v>
      </c>
      <c r="I18" s="65">
        <v>1</v>
      </c>
      <c r="J18" s="65">
        <v>1</v>
      </c>
      <c r="K18" s="64">
        <v>3</v>
      </c>
      <c r="L18" s="77">
        <v>1</v>
      </c>
      <c r="M18" s="78">
        <v>2</v>
      </c>
    </row>
    <row r="19" spans="1:13">
      <c r="A19" s="15" t="s">
        <v>28</v>
      </c>
      <c r="B19" s="67">
        <v>-2</v>
      </c>
      <c r="C19" s="68">
        <v>-1</v>
      </c>
      <c r="D19" s="68">
        <v>-1</v>
      </c>
      <c r="E19" s="67">
        <v>0</v>
      </c>
      <c r="F19" s="68">
        <v>0</v>
      </c>
      <c r="G19" s="69">
        <v>0</v>
      </c>
      <c r="H19" s="68">
        <v>0</v>
      </c>
      <c r="I19" s="68">
        <v>0</v>
      </c>
      <c r="J19" s="68">
        <v>0</v>
      </c>
      <c r="K19" s="67">
        <v>2</v>
      </c>
      <c r="L19" s="79">
        <v>1</v>
      </c>
      <c r="M19" s="80">
        <v>1</v>
      </c>
    </row>
    <row r="20" spans="1:13">
      <c r="A20" s="15" t="s">
        <v>30</v>
      </c>
      <c r="B20" s="67">
        <v>0</v>
      </c>
      <c r="C20" s="68">
        <v>0</v>
      </c>
      <c r="D20" s="68">
        <v>0</v>
      </c>
      <c r="E20" s="67">
        <v>0</v>
      </c>
      <c r="F20" s="68">
        <v>0</v>
      </c>
      <c r="G20" s="69">
        <v>0</v>
      </c>
      <c r="H20" s="68">
        <v>0</v>
      </c>
      <c r="I20" s="68">
        <v>0</v>
      </c>
      <c r="J20" s="68">
        <v>0</v>
      </c>
      <c r="K20" s="67">
        <v>0</v>
      </c>
      <c r="L20" s="79">
        <v>0</v>
      </c>
      <c r="M20" s="80">
        <v>0</v>
      </c>
    </row>
    <row r="21" spans="1:13">
      <c r="A21" s="15" t="s">
        <v>32</v>
      </c>
      <c r="B21" s="67">
        <v>1</v>
      </c>
      <c r="C21" s="68">
        <v>0</v>
      </c>
      <c r="D21" s="68">
        <v>1</v>
      </c>
      <c r="E21" s="67">
        <v>0</v>
      </c>
      <c r="F21" s="68">
        <v>0</v>
      </c>
      <c r="G21" s="69">
        <v>0</v>
      </c>
      <c r="H21" s="68">
        <v>1</v>
      </c>
      <c r="I21" s="68">
        <v>0</v>
      </c>
      <c r="J21" s="68">
        <v>1</v>
      </c>
      <c r="K21" s="67">
        <v>0</v>
      </c>
      <c r="L21" s="79">
        <v>0</v>
      </c>
      <c r="M21" s="80">
        <v>0</v>
      </c>
    </row>
    <row r="22" spans="1:13">
      <c r="A22" s="15" t="s">
        <v>34</v>
      </c>
      <c r="B22" s="67">
        <v>0</v>
      </c>
      <c r="C22" s="68">
        <v>1</v>
      </c>
      <c r="D22" s="68">
        <v>-1</v>
      </c>
      <c r="E22" s="67">
        <v>0</v>
      </c>
      <c r="F22" s="68">
        <v>0</v>
      </c>
      <c r="G22" s="69">
        <v>0</v>
      </c>
      <c r="H22" s="68">
        <v>1</v>
      </c>
      <c r="I22" s="68">
        <v>1</v>
      </c>
      <c r="J22" s="68">
        <v>0</v>
      </c>
      <c r="K22" s="67">
        <v>1</v>
      </c>
      <c r="L22" s="79">
        <v>0</v>
      </c>
      <c r="M22" s="80">
        <v>1</v>
      </c>
    </row>
    <row r="23" spans="1:13">
      <c r="A23" s="15" t="s">
        <v>36</v>
      </c>
      <c r="B23" s="67">
        <v>0</v>
      </c>
      <c r="C23" s="68">
        <v>0</v>
      </c>
      <c r="D23" s="68">
        <v>0</v>
      </c>
      <c r="E23" s="67">
        <v>0</v>
      </c>
      <c r="F23" s="68">
        <v>0</v>
      </c>
      <c r="G23" s="69">
        <v>0</v>
      </c>
      <c r="H23" s="68">
        <v>0</v>
      </c>
      <c r="I23" s="68">
        <v>0</v>
      </c>
      <c r="J23" s="68">
        <v>0</v>
      </c>
      <c r="K23" s="67">
        <v>0</v>
      </c>
      <c r="L23" s="79">
        <v>0</v>
      </c>
      <c r="M23" s="80">
        <v>0</v>
      </c>
    </row>
    <row r="24" spans="1:13" ht="21" customHeight="1">
      <c r="A24" s="36" t="s">
        <v>38</v>
      </c>
      <c r="B24" s="64">
        <v>0</v>
      </c>
      <c r="C24" s="65">
        <v>-1</v>
      </c>
      <c r="D24" s="65">
        <v>1</v>
      </c>
      <c r="E24" s="64">
        <v>1</v>
      </c>
      <c r="F24" s="65">
        <v>1</v>
      </c>
      <c r="G24" s="66">
        <v>0</v>
      </c>
      <c r="H24" s="65">
        <v>1</v>
      </c>
      <c r="I24" s="65">
        <v>0</v>
      </c>
      <c r="J24" s="65">
        <v>1</v>
      </c>
      <c r="K24" s="64">
        <v>0</v>
      </c>
      <c r="L24" s="77">
        <v>0</v>
      </c>
      <c r="M24" s="78">
        <v>0</v>
      </c>
    </row>
    <row r="25" spans="1:13">
      <c r="A25" s="15" t="s">
        <v>40</v>
      </c>
      <c r="B25" s="67">
        <v>1</v>
      </c>
      <c r="C25" s="68">
        <v>0</v>
      </c>
      <c r="D25" s="68">
        <v>1</v>
      </c>
      <c r="E25" s="67">
        <v>0</v>
      </c>
      <c r="F25" s="68">
        <v>0</v>
      </c>
      <c r="G25" s="69">
        <v>0</v>
      </c>
      <c r="H25" s="68">
        <v>1</v>
      </c>
      <c r="I25" s="68">
        <v>0</v>
      </c>
      <c r="J25" s="68">
        <v>1</v>
      </c>
      <c r="K25" s="67">
        <v>0</v>
      </c>
      <c r="L25" s="79">
        <v>0</v>
      </c>
      <c r="M25" s="80">
        <v>0</v>
      </c>
    </row>
    <row r="26" spans="1:13">
      <c r="A26" s="15" t="s">
        <v>42</v>
      </c>
      <c r="B26" s="67">
        <v>0</v>
      </c>
      <c r="C26" s="68">
        <v>0</v>
      </c>
      <c r="D26" s="68">
        <v>0</v>
      </c>
      <c r="E26" s="67">
        <v>0</v>
      </c>
      <c r="F26" s="68">
        <v>0</v>
      </c>
      <c r="G26" s="69">
        <v>0</v>
      </c>
      <c r="H26" s="68">
        <v>0</v>
      </c>
      <c r="I26" s="68">
        <v>0</v>
      </c>
      <c r="J26" s="68">
        <v>0</v>
      </c>
      <c r="K26" s="67">
        <v>0</v>
      </c>
      <c r="L26" s="79">
        <v>0</v>
      </c>
      <c r="M26" s="80">
        <v>0</v>
      </c>
    </row>
    <row r="27" spans="1:13">
      <c r="A27" s="15" t="s">
        <v>44</v>
      </c>
      <c r="B27" s="67">
        <v>0</v>
      </c>
      <c r="C27" s="68">
        <v>0</v>
      </c>
      <c r="D27" s="68">
        <v>0</v>
      </c>
      <c r="E27" s="67">
        <v>0</v>
      </c>
      <c r="F27" s="68">
        <v>0</v>
      </c>
      <c r="G27" s="69">
        <v>0</v>
      </c>
      <c r="H27" s="68">
        <v>0</v>
      </c>
      <c r="I27" s="68">
        <v>0</v>
      </c>
      <c r="J27" s="68">
        <v>0</v>
      </c>
      <c r="K27" s="67">
        <v>0</v>
      </c>
      <c r="L27" s="79">
        <v>0</v>
      </c>
      <c r="M27" s="80">
        <v>0</v>
      </c>
    </row>
    <row r="28" spans="1:13">
      <c r="A28" s="15" t="s">
        <v>46</v>
      </c>
      <c r="B28" s="67">
        <v>0</v>
      </c>
      <c r="C28" s="68">
        <v>0</v>
      </c>
      <c r="D28" s="68">
        <v>0</v>
      </c>
      <c r="E28" s="67">
        <v>0</v>
      </c>
      <c r="F28" s="68">
        <v>0</v>
      </c>
      <c r="G28" s="69">
        <v>0</v>
      </c>
      <c r="H28" s="68">
        <v>0</v>
      </c>
      <c r="I28" s="68">
        <v>0</v>
      </c>
      <c r="J28" s="68">
        <v>0</v>
      </c>
      <c r="K28" s="67">
        <v>0</v>
      </c>
      <c r="L28" s="79">
        <v>0</v>
      </c>
      <c r="M28" s="80">
        <v>0</v>
      </c>
    </row>
    <row r="29" spans="1:13">
      <c r="A29" s="15" t="s">
        <v>48</v>
      </c>
      <c r="B29" s="67">
        <v>-1</v>
      </c>
      <c r="C29" s="68">
        <v>-1</v>
      </c>
      <c r="D29" s="68">
        <v>0</v>
      </c>
      <c r="E29" s="67">
        <v>1</v>
      </c>
      <c r="F29" s="68">
        <v>1</v>
      </c>
      <c r="G29" s="69">
        <v>0</v>
      </c>
      <c r="H29" s="68">
        <v>0</v>
      </c>
      <c r="I29" s="68">
        <v>0</v>
      </c>
      <c r="J29" s="68">
        <v>0</v>
      </c>
      <c r="K29" s="67">
        <v>0</v>
      </c>
      <c r="L29" s="79">
        <v>0</v>
      </c>
      <c r="M29" s="80">
        <v>0</v>
      </c>
    </row>
    <row r="30" spans="1:13" ht="21" customHeight="1">
      <c r="A30" s="36" t="s">
        <v>50</v>
      </c>
      <c r="B30" s="64">
        <v>-14</v>
      </c>
      <c r="C30" s="65">
        <v>-9</v>
      </c>
      <c r="D30" s="65">
        <v>-5</v>
      </c>
      <c r="E30" s="64">
        <v>0</v>
      </c>
      <c r="F30" s="65">
        <v>0</v>
      </c>
      <c r="G30" s="66">
        <v>0</v>
      </c>
      <c r="H30" s="65">
        <v>6</v>
      </c>
      <c r="I30" s="65">
        <v>3</v>
      </c>
      <c r="J30" s="65">
        <v>3</v>
      </c>
      <c r="K30" s="64">
        <v>20</v>
      </c>
      <c r="L30" s="77">
        <v>12</v>
      </c>
      <c r="M30" s="78">
        <v>8</v>
      </c>
    </row>
    <row r="31" spans="1:13">
      <c r="A31" s="15" t="s">
        <v>52</v>
      </c>
      <c r="B31" s="67">
        <v>-3</v>
      </c>
      <c r="C31" s="68">
        <v>-1</v>
      </c>
      <c r="D31" s="68">
        <v>-2</v>
      </c>
      <c r="E31" s="67">
        <v>0</v>
      </c>
      <c r="F31" s="68">
        <v>0</v>
      </c>
      <c r="G31" s="69">
        <v>0</v>
      </c>
      <c r="H31" s="68">
        <v>1</v>
      </c>
      <c r="I31" s="68">
        <v>1</v>
      </c>
      <c r="J31" s="68">
        <v>0</v>
      </c>
      <c r="K31" s="67">
        <v>4</v>
      </c>
      <c r="L31" s="79">
        <v>2</v>
      </c>
      <c r="M31" s="80">
        <v>2</v>
      </c>
    </row>
    <row r="32" spans="1:13">
      <c r="A32" s="15" t="s">
        <v>54</v>
      </c>
      <c r="B32" s="67">
        <v>-1</v>
      </c>
      <c r="C32" s="68">
        <v>-2</v>
      </c>
      <c r="D32" s="68">
        <v>1</v>
      </c>
      <c r="E32" s="67">
        <v>0</v>
      </c>
      <c r="F32" s="68">
        <v>0</v>
      </c>
      <c r="G32" s="69">
        <v>0</v>
      </c>
      <c r="H32" s="68">
        <v>1</v>
      </c>
      <c r="I32" s="68">
        <v>0</v>
      </c>
      <c r="J32" s="68">
        <v>1</v>
      </c>
      <c r="K32" s="67">
        <v>2</v>
      </c>
      <c r="L32" s="79">
        <v>2</v>
      </c>
      <c r="M32" s="80">
        <v>0</v>
      </c>
    </row>
    <row r="33" spans="1:13">
      <c r="A33" s="15" t="s">
        <v>56</v>
      </c>
      <c r="B33" s="67">
        <v>-3</v>
      </c>
      <c r="C33" s="68">
        <v>-1</v>
      </c>
      <c r="D33" s="68">
        <v>-2</v>
      </c>
      <c r="E33" s="67">
        <v>0</v>
      </c>
      <c r="F33" s="68">
        <v>0</v>
      </c>
      <c r="G33" s="69">
        <v>0</v>
      </c>
      <c r="H33" s="68">
        <v>1</v>
      </c>
      <c r="I33" s="68">
        <v>1</v>
      </c>
      <c r="J33" s="68">
        <v>0</v>
      </c>
      <c r="K33" s="67">
        <v>4</v>
      </c>
      <c r="L33" s="79">
        <v>2</v>
      </c>
      <c r="M33" s="80">
        <v>2</v>
      </c>
    </row>
    <row r="34" spans="1:13">
      <c r="A34" s="15" t="s">
        <v>58</v>
      </c>
      <c r="B34" s="67">
        <v>-4</v>
      </c>
      <c r="C34" s="68">
        <v>-2</v>
      </c>
      <c r="D34" s="68">
        <v>-2</v>
      </c>
      <c r="E34" s="67">
        <v>0</v>
      </c>
      <c r="F34" s="68">
        <v>0</v>
      </c>
      <c r="G34" s="69">
        <v>0</v>
      </c>
      <c r="H34" s="68">
        <v>1</v>
      </c>
      <c r="I34" s="68">
        <v>1</v>
      </c>
      <c r="J34" s="68">
        <v>0</v>
      </c>
      <c r="K34" s="67">
        <v>5</v>
      </c>
      <c r="L34" s="79">
        <v>3</v>
      </c>
      <c r="M34" s="80">
        <v>2</v>
      </c>
    </row>
    <row r="35" spans="1:13">
      <c r="A35" s="15" t="s">
        <v>60</v>
      </c>
      <c r="B35" s="67">
        <v>-3</v>
      </c>
      <c r="C35" s="68">
        <v>-3</v>
      </c>
      <c r="D35" s="68">
        <v>0</v>
      </c>
      <c r="E35" s="67">
        <v>0</v>
      </c>
      <c r="F35" s="68">
        <v>0</v>
      </c>
      <c r="G35" s="69">
        <v>0</v>
      </c>
      <c r="H35" s="68">
        <v>2</v>
      </c>
      <c r="I35" s="68">
        <v>0</v>
      </c>
      <c r="J35" s="68">
        <v>2</v>
      </c>
      <c r="K35" s="67">
        <v>5</v>
      </c>
      <c r="L35" s="79">
        <v>3</v>
      </c>
      <c r="M35" s="80">
        <v>2</v>
      </c>
    </row>
    <row r="36" spans="1:13" ht="21" customHeight="1">
      <c r="A36" s="36" t="s">
        <v>62</v>
      </c>
      <c r="B36" s="64">
        <v>8</v>
      </c>
      <c r="C36" s="65">
        <v>5</v>
      </c>
      <c r="D36" s="65">
        <v>3</v>
      </c>
      <c r="E36" s="64">
        <v>0</v>
      </c>
      <c r="F36" s="65">
        <v>0</v>
      </c>
      <c r="G36" s="66">
        <v>0</v>
      </c>
      <c r="H36" s="65">
        <v>16</v>
      </c>
      <c r="I36" s="65">
        <v>9</v>
      </c>
      <c r="J36" s="65">
        <v>7</v>
      </c>
      <c r="K36" s="64">
        <v>8</v>
      </c>
      <c r="L36" s="77">
        <v>4</v>
      </c>
      <c r="M36" s="78">
        <v>4</v>
      </c>
    </row>
    <row r="37" spans="1:13">
      <c r="A37" s="15" t="s">
        <v>64</v>
      </c>
      <c r="B37" s="67">
        <v>5</v>
      </c>
      <c r="C37" s="68">
        <v>3</v>
      </c>
      <c r="D37" s="68">
        <v>2</v>
      </c>
      <c r="E37" s="67">
        <v>0</v>
      </c>
      <c r="F37" s="68">
        <v>0</v>
      </c>
      <c r="G37" s="69">
        <v>0</v>
      </c>
      <c r="H37" s="68">
        <v>6</v>
      </c>
      <c r="I37" s="68">
        <v>4</v>
      </c>
      <c r="J37" s="68">
        <v>2</v>
      </c>
      <c r="K37" s="67">
        <v>1</v>
      </c>
      <c r="L37" s="79">
        <v>1</v>
      </c>
      <c r="M37" s="80">
        <v>0</v>
      </c>
    </row>
    <row r="38" spans="1:13">
      <c r="A38" s="15" t="s">
        <v>66</v>
      </c>
      <c r="B38" s="67">
        <v>5</v>
      </c>
      <c r="C38" s="68">
        <v>3</v>
      </c>
      <c r="D38" s="68">
        <v>2</v>
      </c>
      <c r="E38" s="67">
        <v>0</v>
      </c>
      <c r="F38" s="68">
        <v>0</v>
      </c>
      <c r="G38" s="69">
        <v>0</v>
      </c>
      <c r="H38" s="68">
        <v>5</v>
      </c>
      <c r="I38" s="68">
        <v>3</v>
      </c>
      <c r="J38" s="68">
        <v>2</v>
      </c>
      <c r="K38" s="67">
        <v>0</v>
      </c>
      <c r="L38" s="79">
        <v>0</v>
      </c>
      <c r="M38" s="80">
        <v>0</v>
      </c>
    </row>
    <row r="39" spans="1:13">
      <c r="A39" s="15" t="s">
        <v>68</v>
      </c>
      <c r="B39" s="67">
        <v>1</v>
      </c>
      <c r="C39" s="68">
        <v>-1</v>
      </c>
      <c r="D39" s="68">
        <v>2</v>
      </c>
      <c r="E39" s="67">
        <v>0</v>
      </c>
      <c r="F39" s="68">
        <v>0</v>
      </c>
      <c r="G39" s="69">
        <v>0</v>
      </c>
      <c r="H39" s="68">
        <v>3</v>
      </c>
      <c r="I39" s="68">
        <v>0</v>
      </c>
      <c r="J39" s="68">
        <v>3</v>
      </c>
      <c r="K39" s="67">
        <v>2</v>
      </c>
      <c r="L39" s="79">
        <v>1</v>
      </c>
      <c r="M39" s="80">
        <v>1</v>
      </c>
    </row>
    <row r="40" spans="1:13">
      <c r="A40" s="15" t="s">
        <v>70</v>
      </c>
      <c r="B40" s="67">
        <v>-3</v>
      </c>
      <c r="C40" s="68">
        <v>-1</v>
      </c>
      <c r="D40" s="68">
        <v>-2</v>
      </c>
      <c r="E40" s="67">
        <v>0</v>
      </c>
      <c r="F40" s="68">
        <v>0</v>
      </c>
      <c r="G40" s="69">
        <v>0</v>
      </c>
      <c r="H40" s="68">
        <v>0</v>
      </c>
      <c r="I40" s="68">
        <v>0</v>
      </c>
      <c r="J40" s="68">
        <v>0</v>
      </c>
      <c r="K40" s="67">
        <v>3</v>
      </c>
      <c r="L40" s="79">
        <v>1</v>
      </c>
      <c r="M40" s="80">
        <v>2</v>
      </c>
    </row>
    <row r="41" spans="1:13">
      <c r="A41" s="15" t="s">
        <v>72</v>
      </c>
      <c r="B41" s="67">
        <v>0</v>
      </c>
      <c r="C41" s="68">
        <v>1</v>
      </c>
      <c r="D41" s="68">
        <v>-1</v>
      </c>
      <c r="E41" s="67">
        <v>0</v>
      </c>
      <c r="F41" s="68">
        <v>0</v>
      </c>
      <c r="G41" s="69">
        <v>0</v>
      </c>
      <c r="H41" s="68">
        <v>2</v>
      </c>
      <c r="I41" s="68">
        <v>2</v>
      </c>
      <c r="J41" s="68">
        <v>0</v>
      </c>
      <c r="K41" s="67">
        <v>2</v>
      </c>
      <c r="L41" s="79">
        <v>1</v>
      </c>
      <c r="M41" s="80">
        <v>1</v>
      </c>
    </row>
    <row r="42" spans="1:13" ht="21" customHeight="1">
      <c r="A42" s="36" t="s">
        <v>74</v>
      </c>
      <c r="B42" s="64">
        <v>-5</v>
      </c>
      <c r="C42" s="65">
        <v>-3</v>
      </c>
      <c r="D42" s="65">
        <v>-2</v>
      </c>
      <c r="E42" s="64">
        <v>0</v>
      </c>
      <c r="F42" s="65">
        <v>0</v>
      </c>
      <c r="G42" s="66">
        <v>0</v>
      </c>
      <c r="H42" s="65">
        <v>6</v>
      </c>
      <c r="I42" s="65">
        <v>3</v>
      </c>
      <c r="J42" s="65">
        <v>3</v>
      </c>
      <c r="K42" s="64">
        <v>11</v>
      </c>
      <c r="L42" s="77">
        <v>6</v>
      </c>
      <c r="M42" s="78">
        <v>5</v>
      </c>
    </row>
    <row r="43" spans="1:13">
      <c r="A43" s="15" t="s">
        <v>76</v>
      </c>
      <c r="B43" s="67">
        <v>1</v>
      </c>
      <c r="C43" s="68">
        <v>1</v>
      </c>
      <c r="D43" s="68">
        <v>0</v>
      </c>
      <c r="E43" s="67">
        <v>0</v>
      </c>
      <c r="F43" s="68">
        <v>0</v>
      </c>
      <c r="G43" s="69">
        <v>0</v>
      </c>
      <c r="H43" s="68">
        <v>1</v>
      </c>
      <c r="I43" s="68">
        <v>1</v>
      </c>
      <c r="J43" s="68">
        <v>0</v>
      </c>
      <c r="K43" s="67">
        <v>0</v>
      </c>
      <c r="L43" s="79">
        <v>0</v>
      </c>
      <c r="M43" s="80">
        <v>0</v>
      </c>
    </row>
    <row r="44" spans="1:13">
      <c r="A44" s="15" t="s">
        <v>78</v>
      </c>
      <c r="B44" s="67">
        <v>-1</v>
      </c>
      <c r="C44" s="68">
        <v>-2</v>
      </c>
      <c r="D44" s="68">
        <v>1</v>
      </c>
      <c r="E44" s="67">
        <v>0</v>
      </c>
      <c r="F44" s="68">
        <v>0</v>
      </c>
      <c r="G44" s="69">
        <v>0</v>
      </c>
      <c r="H44" s="68">
        <v>2</v>
      </c>
      <c r="I44" s="68">
        <v>0</v>
      </c>
      <c r="J44" s="68">
        <v>2</v>
      </c>
      <c r="K44" s="67">
        <v>3</v>
      </c>
      <c r="L44" s="79">
        <v>2</v>
      </c>
      <c r="M44" s="80">
        <v>1</v>
      </c>
    </row>
    <row r="45" spans="1:13">
      <c r="A45" s="15" t="s">
        <v>80</v>
      </c>
      <c r="B45" s="67">
        <v>-1</v>
      </c>
      <c r="C45" s="68">
        <v>0</v>
      </c>
      <c r="D45" s="68">
        <v>-1</v>
      </c>
      <c r="E45" s="67">
        <v>0</v>
      </c>
      <c r="F45" s="68">
        <v>0</v>
      </c>
      <c r="G45" s="69">
        <v>0</v>
      </c>
      <c r="H45" s="68">
        <v>0</v>
      </c>
      <c r="I45" s="68">
        <v>0</v>
      </c>
      <c r="J45" s="68">
        <v>0</v>
      </c>
      <c r="K45" s="67">
        <v>1</v>
      </c>
      <c r="L45" s="79">
        <v>0</v>
      </c>
      <c r="M45" s="80">
        <v>1</v>
      </c>
    </row>
    <row r="46" spans="1:13">
      <c r="A46" s="15" t="s">
        <v>82</v>
      </c>
      <c r="B46" s="67">
        <v>-1</v>
      </c>
      <c r="C46" s="68">
        <v>0</v>
      </c>
      <c r="D46" s="68">
        <v>-1</v>
      </c>
      <c r="E46" s="67">
        <v>0</v>
      </c>
      <c r="F46" s="68">
        <v>0</v>
      </c>
      <c r="G46" s="69">
        <v>0</v>
      </c>
      <c r="H46" s="68">
        <v>2</v>
      </c>
      <c r="I46" s="68">
        <v>2</v>
      </c>
      <c r="J46" s="68">
        <v>0</v>
      </c>
      <c r="K46" s="67">
        <v>3</v>
      </c>
      <c r="L46" s="79">
        <v>2</v>
      </c>
      <c r="M46" s="80">
        <v>1</v>
      </c>
    </row>
    <row r="47" spans="1:13">
      <c r="A47" s="15" t="s">
        <v>84</v>
      </c>
      <c r="B47" s="67">
        <v>-3</v>
      </c>
      <c r="C47" s="68">
        <v>-2</v>
      </c>
      <c r="D47" s="68">
        <v>-1</v>
      </c>
      <c r="E47" s="67">
        <v>0</v>
      </c>
      <c r="F47" s="68">
        <v>0</v>
      </c>
      <c r="G47" s="69">
        <v>0</v>
      </c>
      <c r="H47" s="68">
        <v>1</v>
      </c>
      <c r="I47" s="68">
        <v>0</v>
      </c>
      <c r="J47" s="68">
        <v>1</v>
      </c>
      <c r="K47" s="67">
        <v>4</v>
      </c>
      <c r="L47" s="79">
        <v>2</v>
      </c>
      <c r="M47" s="80">
        <v>2</v>
      </c>
    </row>
    <row r="48" spans="1:13" ht="21" customHeight="1">
      <c r="A48" s="36" t="s">
        <v>86</v>
      </c>
      <c r="B48" s="64">
        <v>-3</v>
      </c>
      <c r="C48" s="65">
        <v>-2</v>
      </c>
      <c r="D48" s="65">
        <v>-1</v>
      </c>
      <c r="E48" s="64">
        <v>0</v>
      </c>
      <c r="F48" s="65">
        <v>0</v>
      </c>
      <c r="G48" s="66">
        <v>0</v>
      </c>
      <c r="H48" s="65">
        <v>1</v>
      </c>
      <c r="I48" s="65">
        <v>0</v>
      </c>
      <c r="J48" s="65">
        <v>1</v>
      </c>
      <c r="K48" s="64">
        <v>4</v>
      </c>
      <c r="L48" s="77">
        <v>2</v>
      </c>
      <c r="M48" s="78">
        <v>2</v>
      </c>
    </row>
    <row r="49" spans="1:13">
      <c r="A49" s="15" t="s">
        <v>88</v>
      </c>
      <c r="B49" s="67">
        <v>-2</v>
      </c>
      <c r="C49" s="68">
        <v>-2</v>
      </c>
      <c r="D49" s="68">
        <v>0</v>
      </c>
      <c r="E49" s="67">
        <v>0</v>
      </c>
      <c r="F49" s="68">
        <v>0</v>
      </c>
      <c r="G49" s="69">
        <v>0</v>
      </c>
      <c r="H49" s="68">
        <v>0</v>
      </c>
      <c r="I49" s="68">
        <v>0</v>
      </c>
      <c r="J49" s="68">
        <v>0</v>
      </c>
      <c r="K49" s="67">
        <v>2</v>
      </c>
      <c r="L49" s="79">
        <v>2</v>
      </c>
      <c r="M49" s="80">
        <v>0</v>
      </c>
    </row>
    <row r="50" spans="1:13">
      <c r="A50" s="15" t="s">
        <v>90</v>
      </c>
      <c r="B50" s="67">
        <v>0</v>
      </c>
      <c r="C50" s="68">
        <v>0</v>
      </c>
      <c r="D50" s="68">
        <v>0</v>
      </c>
      <c r="E50" s="67">
        <v>0</v>
      </c>
      <c r="F50" s="68">
        <v>0</v>
      </c>
      <c r="G50" s="69">
        <v>0</v>
      </c>
      <c r="H50" s="68">
        <v>0</v>
      </c>
      <c r="I50" s="68">
        <v>0</v>
      </c>
      <c r="J50" s="68">
        <v>0</v>
      </c>
      <c r="K50" s="67">
        <v>0</v>
      </c>
      <c r="L50" s="79">
        <v>0</v>
      </c>
      <c r="M50" s="80">
        <v>0</v>
      </c>
    </row>
    <row r="51" spans="1:13">
      <c r="A51" s="15" t="s">
        <v>92</v>
      </c>
      <c r="B51" s="67">
        <v>0</v>
      </c>
      <c r="C51" s="68">
        <v>0</v>
      </c>
      <c r="D51" s="68">
        <v>0</v>
      </c>
      <c r="E51" s="67">
        <v>0</v>
      </c>
      <c r="F51" s="68">
        <v>0</v>
      </c>
      <c r="G51" s="69">
        <v>0</v>
      </c>
      <c r="H51" s="68">
        <v>1</v>
      </c>
      <c r="I51" s="68">
        <v>0</v>
      </c>
      <c r="J51" s="68">
        <v>1</v>
      </c>
      <c r="K51" s="67">
        <v>1</v>
      </c>
      <c r="L51" s="79">
        <v>0</v>
      </c>
      <c r="M51" s="80">
        <v>1</v>
      </c>
    </row>
    <row r="52" spans="1:13">
      <c r="A52" s="15" t="s">
        <v>94</v>
      </c>
      <c r="B52" s="67">
        <v>-1</v>
      </c>
      <c r="C52" s="68">
        <v>0</v>
      </c>
      <c r="D52" s="68">
        <v>-1</v>
      </c>
      <c r="E52" s="67">
        <v>0</v>
      </c>
      <c r="F52" s="68">
        <v>0</v>
      </c>
      <c r="G52" s="69">
        <v>0</v>
      </c>
      <c r="H52" s="68">
        <v>0</v>
      </c>
      <c r="I52" s="68">
        <v>0</v>
      </c>
      <c r="J52" s="68">
        <v>0</v>
      </c>
      <c r="K52" s="67">
        <v>1</v>
      </c>
      <c r="L52" s="79">
        <v>0</v>
      </c>
      <c r="M52" s="80">
        <v>1</v>
      </c>
    </row>
    <row r="53" spans="1:13">
      <c r="A53" s="15" t="s">
        <v>96</v>
      </c>
      <c r="B53" s="67">
        <v>0</v>
      </c>
      <c r="C53" s="68">
        <v>0</v>
      </c>
      <c r="D53" s="68">
        <v>0</v>
      </c>
      <c r="E53" s="67">
        <v>0</v>
      </c>
      <c r="F53" s="68">
        <v>0</v>
      </c>
      <c r="G53" s="69">
        <v>0</v>
      </c>
      <c r="H53" s="68">
        <v>0</v>
      </c>
      <c r="I53" s="68">
        <v>0</v>
      </c>
      <c r="J53" s="68">
        <v>0</v>
      </c>
      <c r="K53" s="67">
        <v>0</v>
      </c>
      <c r="L53" s="79">
        <v>0</v>
      </c>
      <c r="M53" s="80">
        <v>0</v>
      </c>
    </row>
    <row r="54" spans="1:13" ht="21" customHeight="1">
      <c r="A54" s="36" t="s">
        <v>98</v>
      </c>
      <c r="B54" s="64">
        <v>0</v>
      </c>
      <c r="C54" s="65">
        <v>1</v>
      </c>
      <c r="D54" s="65">
        <v>-1</v>
      </c>
      <c r="E54" s="64">
        <v>0</v>
      </c>
      <c r="F54" s="65">
        <v>0</v>
      </c>
      <c r="G54" s="66">
        <v>0</v>
      </c>
      <c r="H54" s="65">
        <v>3</v>
      </c>
      <c r="I54" s="65">
        <v>1</v>
      </c>
      <c r="J54" s="65">
        <v>2</v>
      </c>
      <c r="K54" s="64">
        <v>3</v>
      </c>
      <c r="L54" s="77">
        <v>0</v>
      </c>
      <c r="M54" s="78">
        <v>3</v>
      </c>
    </row>
    <row r="55" spans="1:13">
      <c r="A55" s="15" t="s">
        <v>100</v>
      </c>
      <c r="B55" s="67">
        <v>-2</v>
      </c>
      <c r="C55" s="68">
        <v>0</v>
      </c>
      <c r="D55" s="68">
        <v>-2</v>
      </c>
      <c r="E55" s="67">
        <v>0</v>
      </c>
      <c r="F55" s="68">
        <v>0</v>
      </c>
      <c r="G55" s="69">
        <v>0</v>
      </c>
      <c r="H55" s="68">
        <v>0</v>
      </c>
      <c r="I55" s="68">
        <v>0</v>
      </c>
      <c r="J55" s="68">
        <v>0</v>
      </c>
      <c r="K55" s="67">
        <v>2</v>
      </c>
      <c r="L55" s="79">
        <v>0</v>
      </c>
      <c r="M55" s="80">
        <v>2</v>
      </c>
    </row>
    <row r="56" spans="1:13">
      <c r="A56" s="15" t="s">
        <v>102</v>
      </c>
      <c r="B56" s="67">
        <v>0</v>
      </c>
      <c r="C56" s="68">
        <v>1</v>
      </c>
      <c r="D56" s="68">
        <v>-1</v>
      </c>
      <c r="E56" s="67">
        <v>0</v>
      </c>
      <c r="F56" s="68">
        <v>0</v>
      </c>
      <c r="G56" s="69">
        <v>0</v>
      </c>
      <c r="H56" s="68">
        <v>1</v>
      </c>
      <c r="I56" s="68">
        <v>1</v>
      </c>
      <c r="J56" s="68">
        <v>0</v>
      </c>
      <c r="K56" s="67">
        <v>1</v>
      </c>
      <c r="L56" s="79">
        <v>0</v>
      </c>
      <c r="M56" s="80">
        <v>1</v>
      </c>
    </row>
    <row r="57" spans="1:13">
      <c r="A57" s="15" t="s">
        <v>104</v>
      </c>
      <c r="B57" s="67">
        <v>0</v>
      </c>
      <c r="C57" s="68">
        <v>0</v>
      </c>
      <c r="D57" s="68">
        <v>0</v>
      </c>
      <c r="E57" s="67">
        <v>0</v>
      </c>
      <c r="F57" s="68">
        <v>0</v>
      </c>
      <c r="G57" s="69">
        <v>0</v>
      </c>
      <c r="H57" s="68">
        <v>0</v>
      </c>
      <c r="I57" s="68">
        <v>0</v>
      </c>
      <c r="J57" s="68">
        <v>0</v>
      </c>
      <c r="K57" s="67">
        <v>0</v>
      </c>
      <c r="L57" s="79">
        <v>0</v>
      </c>
      <c r="M57" s="80">
        <v>0</v>
      </c>
    </row>
    <row r="58" spans="1:13">
      <c r="A58" s="15" t="s">
        <v>106</v>
      </c>
      <c r="B58" s="67">
        <v>1</v>
      </c>
      <c r="C58" s="68">
        <v>0</v>
      </c>
      <c r="D58" s="68">
        <v>1</v>
      </c>
      <c r="E58" s="67">
        <v>0</v>
      </c>
      <c r="F58" s="68">
        <v>0</v>
      </c>
      <c r="G58" s="69">
        <v>0</v>
      </c>
      <c r="H58" s="68">
        <v>1</v>
      </c>
      <c r="I58" s="68">
        <v>0</v>
      </c>
      <c r="J58" s="68">
        <v>1</v>
      </c>
      <c r="K58" s="67">
        <v>0</v>
      </c>
      <c r="L58" s="79">
        <v>0</v>
      </c>
      <c r="M58" s="80">
        <v>0</v>
      </c>
    </row>
    <row r="59" spans="1:13">
      <c r="A59" s="15" t="s">
        <v>108</v>
      </c>
      <c r="B59" s="67">
        <v>1</v>
      </c>
      <c r="C59" s="68">
        <v>0</v>
      </c>
      <c r="D59" s="68">
        <v>1</v>
      </c>
      <c r="E59" s="67">
        <v>0</v>
      </c>
      <c r="F59" s="68">
        <v>0</v>
      </c>
      <c r="G59" s="69">
        <v>0</v>
      </c>
      <c r="H59" s="68">
        <v>1</v>
      </c>
      <c r="I59" s="68">
        <v>0</v>
      </c>
      <c r="J59" s="68">
        <v>1</v>
      </c>
      <c r="K59" s="67">
        <v>0</v>
      </c>
      <c r="L59" s="79">
        <v>0</v>
      </c>
      <c r="M59" s="80">
        <v>0</v>
      </c>
    </row>
    <row r="60" spans="1:13" ht="21" customHeight="1">
      <c r="A60" s="36" t="s">
        <v>110</v>
      </c>
      <c r="B60" s="64">
        <v>6</v>
      </c>
      <c r="C60" s="65">
        <v>4</v>
      </c>
      <c r="D60" s="65">
        <v>2</v>
      </c>
      <c r="E60" s="64">
        <v>0</v>
      </c>
      <c r="F60" s="65">
        <v>0</v>
      </c>
      <c r="G60" s="66">
        <v>0</v>
      </c>
      <c r="H60" s="65">
        <v>7</v>
      </c>
      <c r="I60" s="65">
        <v>4</v>
      </c>
      <c r="J60" s="65">
        <v>3</v>
      </c>
      <c r="K60" s="64">
        <v>1</v>
      </c>
      <c r="L60" s="77">
        <v>0</v>
      </c>
      <c r="M60" s="78">
        <v>1</v>
      </c>
    </row>
    <row r="61" spans="1:13">
      <c r="A61" s="15" t="s">
        <v>112</v>
      </c>
      <c r="B61" s="67">
        <v>2</v>
      </c>
      <c r="C61" s="68">
        <v>1</v>
      </c>
      <c r="D61" s="68">
        <v>1</v>
      </c>
      <c r="E61" s="67">
        <v>0</v>
      </c>
      <c r="F61" s="68">
        <v>0</v>
      </c>
      <c r="G61" s="69">
        <v>0</v>
      </c>
      <c r="H61" s="68">
        <v>2</v>
      </c>
      <c r="I61" s="68">
        <v>1</v>
      </c>
      <c r="J61" s="68">
        <v>1</v>
      </c>
      <c r="K61" s="67">
        <v>0</v>
      </c>
      <c r="L61" s="79">
        <v>0</v>
      </c>
      <c r="M61" s="80">
        <v>0</v>
      </c>
    </row>
    <row r="62" spans="1:13">
      <c r="A62" s="15" t="s">
        <v>114</v>
      </c>
      <c r="B62" s="67">
        <v>1</v>
      </c>
      <c r="C62" s="68">
        <v>1</v>
      </c>
      <c r="D62" s="68">
        <v>0</v>
      </c>
      <c r="E62" s="67">
        <v>0</v>
      </c>
      <c r="F62" s="68">
        <v>0</v>
      </c>
      <c r="G62" s="69">
        <v>0</v>
      </c>
      <c r="H62" s="68">
        <v>1</v>
      </c>
      <c r="I62" s="68">
        <v>1</v>
      </c>
      <c r="J62" s="68">
        <v>0</v>
      </c>
      <c r="K62" s="67">
        <v>0</v>
      </c>
      <c r="L62" s="79">
        <v>0</v>
      </c>
      <c r="M62" s="80">
        <v>0</v>
      </c>
    </row>
    <row r="63" spans="1:13">
      <c r="A63" s="15" t="s">
        <v>116</v>
      </c>
      <c r="B63" s="67">
        <v>2</v>
      </c>
      <c r="C63" s="68">
        <v>2</v>
      </c>
      <c r="D63" s="68">
        <v>0</v>
      </c>
      <c r="E63" s="67">
        <v>0</v>
      </c>
      <c r="F63" s="68">
        <v>0</v>
      </c>
      <c r="G63" s="69">
        <v>0</v>
      </c>
      <c r="H63" s="68">
        <v>2</v>
      </c>
      <c r="I63" s="68">
        <v>2</v>
      </c>
      <c r="J63" s="68">
        <v>0</v>
      </c>
      <c r="K63" s="67">
        <v>0</v>
      </c>
      <c r="L63" s="79">
        <v>0</v>
      </c>
      <c r="M63" s="80">
        <v>0</v>
      </c>
    </row>
    <row r="64" spans="1:13">
      <c r="A64" s="15" t="s">
        <v>118</v>
      </c>
      <c r="B64" s="67">
        <v>0</v>
      </c>
      <c r="C64" s="68">
        <v>0</v>
      </c>
      <c r="D64" s="68">
        <v>0</v>
      </c>
      <c r="E64" s="67">
        <v>0</v>
      </c>
      <c r="F64" s="68">
        <v>0</v>
      </c>
      <c r="G64" s="69">
        <v>0</v>
      </c>
      <c r="H64" s="68">
        <v>1</v>
      </c>
      <c r="I64" s="68">
        <v>0</v>
      </c>
      <c r="J64" s="68">
        <v>1</v>
      </c>
      <c r="K64" s="67">
        <v>1</v>
      </c>
      <c r="L64" s="79">
        <v>0</v>
      </c>
      <c r="M64" s="80">
        <v>1</v>
      </c>
    </row>
    <row r="65" spans="1:13">
      <c r="A65" s="19" t="s">
        <v>120</v>
      </c>
      <c r="B65" s="70">
        <v>1</v>
      </c>
      <c r="C65" s="71">
        <v>0</v>
      </c>
      <c r="D65" s="71">
        <v>1</v>
      </c>
      <c r="E65" s="70">
        <v>0</v>
      </c>
      <c r="F65" s="71">
        <v>0</v>
      </c>
      <c r="G65" s="72">
        <v>0</v>
      </c>
      <c r="H65" s="71">
        <v>1</v>
      </c>
      <c r="I65" s="71">
        <v>0</v>
      </c>
      <c r="J65" s="71">
        <v>1</v>
      </c>
      <c r="K65" s="70">
        <v>0</v>
      </c>
      <c r="L65" s="81">
        <v>0</v>
      </c>
      <c r="M65" s="82">
        <v>0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8</v>
      </c>
      <c r="C69" s="50">
        <v>3</v>
      </c>
      <c r="D69" s="84">
        <v>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1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3</v>
      </c>
      <c r="C75" s="65">
        <v>-2</v>
      </c>
      <c r="D75" s="65">
        <v>-1</v>
      </c>
      <c r="E75" s="64">
        <v>1</v>
      </c>
      <c r="F75" s="65">
        <v>1</v>
      </c>
      <c r="G75" s="66">
        <v>0</v>
      </c>
      <c r="H75" s="65">
        <v>2</v>
      </c>
      <c r="I75" s="65">
        <v>2</v>
      </c>
      <c r="J75" s="65">
        <v>0</v>
      </c>
      <c r="K75" s="64">
        <v>4</v>
      </c>
      <c r="L75" s="77">
        <v>3</v>
      </c>
      <c r="M75" s="78">
        <v>1</v>
      </c>
    </row>
    <row r="76" spans="1:13">
      <c r="A76" s="27" t="s">
        <v>5</v>
      </c>
      <c r="B76" s="67">
        <v>-1</v>
      </c>
      <c r="C76" s="68">
        <v>-1</v>
      </c>
      <c r="D76" s="68">
        <v>0</v>
      </c>
      <c r="E76" s="67">
        <v>0</v>
      </c>
      <c r="F76" s="68">
        <v>0</v>
      </c>
      <c r="G76" s="69">
        <v>0</v>
      </c>
      <c r="H76" s="68">
        <v>0</v>
      </c>
      <c r="I76" s="68">
        <v>0</v>
      </c>
      <c r="J76" s="68">
        <v>0</v>
      </c>
      <c r="K76" s="67">
        <v>1</v>
      </c>
      <c r="L76" s="79">
        <v>1</v>
      </c>
      <c r="M76" s="80">
        <v>0</v>
      </c>
    </row>
    <row r="77" spans="1:13">
      <c r="A77" s="27" t="s">
        <v>7</v>
      </c>
      <c r="B77" s="67">
        <v>-1</v>
      </c>
      <c r="C77" s="68">
        <v>0</v>
      </c>
      <c r="D77" s="68">
        <v>-1</v>
      </c>
      <c r="E77" s="67">
        <v>0</v>
      </c>
      <c r="F77" s="68">
        <v>0</v>
      </c>
      <c r="G77" s="69">
        <v>0</v>
      </c>
      <c r="H77" s="68">
        <v>0</v>
      </c>
      <c r="I77" s="68">
        <v>0</v>
      </c>
      <c r="J77" s="68">
        <v>0</v>
      </c>
      <c r="K77" s="67">
        <v>1</v>
      </c>
      <c r="L77" s="79">
        <v>0</v>
      </c>
      <c r="M77" s="80">
        <v>1</v>
      </c>
    </row>
    <row r="78" spans="1:13">
      <c r="A78" s="27" t="s">
        <v>9</v>
      </c>
      <c r="B78" s="67">
        <v>-2</v>
      </c>
      <c r="C78" s="68">
        <v>-2</v>
      </c>
      <c r="D78" s="68">
        <v>0</v>
      </c>
      <c r="E78" s="67">
        <v>1</v>
      </c>
      <c r="F78" s="68">
        <v>1</v>
      </c>
      <c r="G78" s="69">
        <v>0</v>
      </c>
      <c r="H78" s="68">
        <v>0</v>
      </c>
      <c r="I78" s="68">
        <v>0</v>
      </c>
      <c r="J78" s="68">
        <v>0</v>
      </c>
      <c r="K78" s="67">
        <v>1</v>
      </c>
      <c r="L78" s="79">
        <v>1</v>
      </c>
      <c r="M78" s="80">
        <v>0</v>
      </c>
    </row>
    <row r="79" spans="1:13">
      <c r="A79" s="27" t="s">
        <v>11</v>
      </c>
      <c r="B79" s="67">
        <v>1</v>
      </c>
      <c r="C79" s="68">
        <v>1</v>
      </c>
      <c r="D79" s="68">
        <v>0</v>
      </c>
      <c r="E79" s="67">
        <v>0</v>
      </c>
      <c r="F79" s="68">
        <v>0</v>
      </c>
      <c r="G79" s="69">
        <v>0</v>
      </c>
      <c r="H79" s="68">
        <v>1</v>
      </c>
      <c r="I79" s="68">
        <v>1</v>
      </c>
      <c r="J79" s="68">
        <v>0</v>
      </c>
      <c r="K79" s="67">
        <v>0</v>
      </c>
      <c r="L79" s="79">
        <v>0</v>
      </c>
      <c r="M79" s="80">
        <v>0</v>
      </c>
    </row>
    <row r="80" spans="1:13">
      <c r="A80" s="27" t="s">
        <v>13</v>
      </c>
      <c r="B80" s="67">
        <v>0</v>
      </c>
      <c r="C80" s="68">
        <v>0</v>
      </c>
      <c r="D80" s="68">
        <v>0</v>
      </c>
      <c r="E80" s="67">
        <v>0</v>
      </c>
      <c r="F80" s="68">
        <v>0</v>
      </c>
      <c r="G80" s="69">
        <v>0</v>
      </c>
      <c r="H80" s="68">
        <v>1</v>
      </c>
      <c r="I80" s="68">
        <v>1</v>
      </c>
      <c r="J80" s="68">
        <v>0</v>
      </c>
      <c r="K80" s="67">
        <v>1</v>
      </c>
      <c r="L80" s="79">
        <v>1</v>
      </c>
      <c r="M80" s="80">
        <v>0</v>
      </c>
    </row>
    <row r="81" spans="1:13" ht="21" customHeight="1">
      <c r="A81" s="38" t="s">
        <v>15</v>
      </c>
      <c r="B81" s="64">
        <v>5</v>
      </c>
      <c r="C81" s="65">
        <v>4</v>
      </c>
      <c r="D81" s="65">
        <v>1</v>
      </c>
      <c r="E81" s="64">
        <v>1</v>
      </c>
      <c r="F81" s="65">
        <v>0</v>
      </c>
      <c r="G81" s="66">
        <v>1</v>
      </c>
      <c r="H81" s="65">
        <v>6</v>
      </c>
      <c r="I81" s="65">
        <v>4</v>
      </c>
      <c r="J81" s="65">
        <v>2</v>
      </c>
      <c r="K81" s="64">
        <v>0</v>
      </c>
      <c r="L81" s="77">
        <v>0</v>
      </c>
      <c r="M81" s="78">
        <v>0</v>
      </c>
    </row>
    <row r="82" spans="1:13">
      <c r="A82" s="27" t="s">
        <v>17</v>
      </c>
      <c r="B82" s="67">
        <v>4</v>
      </c>
      <c r="C82" s="68">
        <v>2</v>
      </c>
      <c r="D82" s="68">
        <v>2</v>
      </c>
      <c r="E82" s="67">
        <v>0</v>
      </c>
      <c r="F82" s="68">
        <v>0</v>
      </c>
      <c r="G82" s="69">
        <v>0</v>
      </c>
      <c r="H82" s="68">
        <v>4</v>
      </c>
      <c r="I82" s="68">
        <v>2</v>
      </c>
      <c r="J82" s="68">
        <v>2</v>
      </c>
      <c r="K82" s="67">
        <v>0</v>
      </c>
      <c r="L82" s="79">
        <v>0</v>
      </c>
      <c r="M82" s="80">
        <v>0</v>
      </c>
    </row>
    <row r="83" spans="1:13">
      <c r="A83" s="27" t="s">
        <v>19</v>
      </c>
      <c r="B83" s="67">
        <v>1</v>
      </c>
      <c r="C83" s="68">
        <v>1</v>
      </c>
      <c r="D83" s="68">
        <v>0</v>
      </c>
      <c r="E83" s="67">
        <v>0</v>
      </c>
      <c r="F83" s="68">
        <v>0</v>
      </c>
      <c r="G83" s="69">
        <v>0</v>
      </c>
      <c r="H83" s="68">
        <v>1</v>
      </c>
      <c r="I83" s="68">
        <v>1</v>
      </c>
      <c r="J83" s="68">
        <v>0</v>
      </c>
      <c r="K83" s="67">
        <v>0</v>
      </c>
      <c r="L83" s="79">
        <v>0</v>
      </c>
      <c r="M83" s="80">
        <v>0</v>
      </c>
    </row>
    <row r="84" spans="1:13">
      <c r="A84" s="27" t="s">
        <v>21</v>
      </c>
      <c r="B84" s="67">
        <v>-1</v>
      </c>
      <c r="C84" s="68">
        <v>0</v>
      </c>
      <c r="D84" s="68">
        <v>-1</v>
      </c>
      <c r="E84" s="67">
        <v>1</v>
      </c>
      <c r="F84" s="68">
        <v>0</v>
      </c>
      <c r="G84" s="69">
        <v>1</v>
      </c>
      <c r="H84" s="68">
        <v>0</v>
      </c>
      <c r="I84" s="68">
        <v>0</v>
      </c>
      <c r="J84" s="68">
        <v>0</v>
      </c>
      <c r="K84" s="67">
        <v>0</v>
      </c>
      <c r="L84" s="79">
        <v>0</v>
      </c>
      <c r="M84" s="80">
        <v>0</v>
      </c>
    </row>
    <row r="85" spans="1:13">
      <c r="A85" s="27" t="s">
        <v>23</v>
      </c>
      <c r="B85" s="67">
        <v>0</v>
      </c>
      <c r="C85" s="68">
        <v>0</v>
      </c>
      <c r="D85" s="68">
        <v>0</v>
      </c>
      <c r="E85" s="67">
        <v>0</v>
      </c>
      <c r="F85" s="68">
        <v>0</v>
      </c>
      <c r="G85" s="69">
        <v>0</v>
      </c>
      <c r="H85" s="68">
        <v>0</v>
      </c>
      <c r="I85" s="68">
        <v>0</v>
      </c>
      <c r="J85" s="68">
        <v>0</v>
      </c>
      <c r="K85" s="67">
        <v>0</v>
      </c>
      <c r="L85" s="79">
        <v>0</v>
      </c>
      <c r="M85" s="80">
        <v>0</v>
      </c>
    </row>
    <row r="86" spans="1:13">
      <c r="A86" s="27" t="s">
        <v>25</v>
      </c>
      <c r="B86" s="67">
        <v>1</v>
      </c>
      <c r="C86" s="68">
        <v>1</v>
      </c>
      <c r="D86" s="68">
        <v>0</v>
      </c>
      <c r="E86" s="67">
        <v>0</v>
      </c>
      <c r="F86" s="68">
        <v>0</v>
      </c>
      <c r="G86" s="69">
        <v>0</v>
      </c>
      <c r="H86" s="68">
        <v>1</v>
      </c>
      <c r="I86" s="68">
        <v>1</v>
      </c>
      <c r="J86" s="68">
        <v>0</v>
      </c>
      <c r="K86" s="67">
        <v>0</v>
      </c>
      <c r="L86" s="79">
        <v>0</v>
      </c>
      <c r="M86" s="80">
        <v>0</v>
      </c>
    </row>
    <row r="87" spans="1:13" ht="21" customHeight="1">
      <c r="A87" s="38" t="s">
        <v>27</v>
      </c>
      <c r="B87" s="64">
        <v>-1</v>
      </c>
      <c r="C87" s="65">
        <v>0</v>
      </c>
      <c r="D87" s="65">
        <v>-1</v>
      </c>
      <c r="E87" s="64">
        <v>1</v>
      </c>
      <c r="F87" s="65">
        <v>1</v>
      </c>
      <c r="G87" s="66">
        <v>0</v>
      </c>
      <c r="H87" s="65">
        <v>2</v>
      </c>
      <c r="I87" s="65">
        <v>2</v>
      </c>
      <c r="J87" s="65">
        <v>0</v>
      </c>
      <c r="K87" s="64">
        <v>2</v>
      </c>
      <c r="L87" s="77">
        <v>1</v>
      </c>
      <c r="M87" s="78">
        <v>1</v>
      </c>
    </row>
    <row r="88" spans="1:13">
      <c r="A88" s="27" t="s">
        <v>29</v>
      </c>
      <c r="B88" s="67">
        <v>1</v>
      </c>
      <c r="C88" s="68">
        <v>1</v>
      </c>
      <c r="D88" s="68">
        <v>0</v>
      </c>
      <c r="E88" s="67">
        <v>0</v>
      </c>
      <c r="F88" s="68">
        <v>0</v>
      </c>
      <c r="G88" s="69">
        <v>0</v>
      </c>
      <c r="H88" s="68">
        <v>1</v>
      </c>
      <c r="I88" s="68">
        <v>1</v>
      </c>
      <c r="J88" s="68">
        <v>0</v>
      </c>
      <c r="K88" s="67">
        <v>0</v>
      </c>
      <c r="L88" s="79">
        <v>0</v>
      </c>
      <c r="M88" s="80">
        <v>0</v>
      </c>
    </row>
    <row r="89" spans="1:13">
      <c r="A89" s="27" t="s">
        <v>31</v>
      </c>
      <c r="B89" s="67">
        <v>-1</v>
      </c>
      <c r="C89" s="68">
        <v>0</v>
      </c>
      <c r="D89" s="68">
        <v>-1</v>
      </c>
      <c r="E89" s="67">
        <v>0</v>
      </c>
      <c r="F89" s="68">
        <v>0</v>
      </c>
      <c r="G89" s="69">
        <v>0</v>
      </c>
      <c r="H89" s="68">
        <v>0</v>
      </c>
      <c r="I89" s="68">
        <v>0</v>
      </c>
      <c r="J89" s="68">
        <v>0</v>
      </c>
      <c r="K89" s="67">
        <v>1</v>
      </c>
      <c r="L89" s="79">
        <v>0</v>
      </c>
      <c r="M89" s="80">
        <v>1</v>
      </c>
    </row>
    <row r="90" spans="1:13">
      <c r="A90" s="27" t="s">
        <v>33</v>
      </c>
      <c r="B90" s="67">
        <v>1</v>
      </c>
      <c r="C90" s="68">
        <v>1</v>
      </c>
      <c r="D90" s="68">
        <v>0</v>
      </c>
      <c r="E90" s="67">
        <v>0</v>
      </c>
      <c r="F90" s="68">
        <v>0</v>
      </c>
      <c r="G90" s="69">
        <v>0</v>
      </c>
      <c r="H90" s="68">
        <v>1</v>
      </c>
      <c r="I90" s="68">
        <v>1</v>
      </c>
      <c r="J90" s="68">
        <v>0</v>
      </c>
      <c r="K90" s="67">
        <v>0</v>
      </c>
      <c r="L90" s="79">
        <v>0</v>
      </c>
      <c r="M90" s="80">
        <v>0</v>
      </c>
    </row>
    <row r="91" spans="1:13">
      <c r="A91" s="27" t="s">
        <v>35</v>
      </c>
      <c r="B91" s="67">
        <v>-1</v>
      </c>
      <c r="C91" s="68">
        <v>-1</v>
      </c>
      <c r="D91" s="68">
        <v>0</v>
      </c>
      <c r="E91" s="67">
        <v>0</v>
      </c>
      <c r="F91" s="68">
        <v>0</v>
      </c>
      <c r="G91" s="69">
        <v>0</v>
      </c>
      <c r="H91" s="68">
        <v>0</v>
      </c>
      <c r="I91" s="68">
        <v>0</v>
      </c>
      <c r="J91" s="68">
        <v>0</v>
      </c>
      <c r="K91" s="67">
        <v>1</v>
      </c>
      <c r="L91" s="79">
        <v>1</v>
      </c>
      <c r="M91" s="80">
        <v>0</v>
      </c>
    </row>
    <row r="92" spans="1:13">
      <c r="A92" s="27" t="s">
        <v>37</v>
      </c>
      <c r="B92" s="67">
        <v>-1</v>
      </c>
      <c r="C92" s="68">
        <v>-1</v>
      </c>
      <c r="D92" s="68">
        <v>0</v>
      </c>
      <c r="E92" s="67">
        <v>1</v>
      </c>
      <c r="F92" s="68">
        <v>1</v>
      </c>
      <c r="G92" s="69">
        <v>0</v>
      </c>
      <c r="H92" s="68">
        <v>0</v>
      </c>
      <c r="I92" s="68">
        <v>0</v>
      </c>
      <c r="J92" s="68">
        <v>0</v>
      </c>
      <c r="K92" s="67">
        <v>0</v>
      </c>
      <c r="L92" s="79">
        <v>0</v>
      </c>
      <c r="M92" s="80">
        <v>0</v>
      </c>
    </row>
    <row r="93" spans="1:13" ht="21" customHeight="1">
      <c r="A93" s="38" t="s">
        <v>39</v>
      </c>
      <c r="B93" s="64">
        <v>-3</v>
      </c>
      <c r="C93" s="65">
        <v>-2</v>
      </c>
      <c r="D93" s="65">
        <v>-1</v>
      </c>
      <c r="E93" s="64">
        <v>1</v>
      </c>
      <c r="F93" s="65">
        <v>1</v>
      </c>
      <c r="G93" s="66">
        <v>0</v>
      </c>
      <c r="H93" s="65">
        <v>0</v>
      </c>
      <c r="I93" s="65">
        <v>0</v>
      </c>
      <c r="J93" s="65">
        <v>0</v>
      </c>
      <c r="K93" s="64">
        <v>2</v>
      </c>
      <c r="L93" s="77">
        <v>1</v>
      </c>
      <c r="M93" s="78">
        <v>1</v>
      </c>
    </row>
    <row r="94" spans="1:13">
      <c r="A94" s="27" t="s">
        <v>41</v>
      </c>
      <c r="B94" s="67">
        <v>0</v>
      </c>
      <c r="C94" s="68">
        <v>0</v>
      </c>
      <c r="D94" s="68">
        <v>0</v>
      </c>
      <c r="E94" s="67">
        <v>0</v>
      </c>
      <c r="F94" s="68">
        <v>0</v>
      </c>
      <c r="G94" s="69">
        <v>0</v>
      </c>
      <c r="H94" s="68">
        <v>0</v>
      </c>
      <c r="I94" s="68">
        <v>0</v>
      </c>
      <c r="J94" s="68">
        <v>0</v>
      </c>
      <c r="K94" s="67">
        <v>0</v>
      </c>
      <c r="L94" s="79">
        <v>0</v>
      </c>
      <c r="M94" s="80">
        <v>0</v>
      </c>
    </row>
    <row r="95" spans="1:13">
      <c r="A95" s="27" t="s">
        <v>43</v>
      </c>
      <c r="B95" s="67">
        <v>-2</v>
      </c>
      <c r="C95" s="68">
        <v>-1</v>
      </c>
      <c r="D95" s="68">
        <v>-1</v>
      </c>
      <c r="E95" s="67">
        <v>1</v>
      </c>
      <c r="F95" s="68">
        <v>1</v>
      </c>
      <c r="G95" s="69">
        <v>0</v>
      </c>
      <c r="H95" s="68">
        <v>0</v>
      </c>
      <c r="I95" s="68">
        <v>0</v>
      </c>
      <c r="J95" s="68">
        <v>0</v>
      </c>
      <c r="K95" s="67">
        <v>1</v>
      </c>
      <c r="L95" s="79">
        <v>0</v>
      </c>
      <c r="M95" s="80">
        <v>1</v>
      </c>
    </row>
    <row r="96" spans="1:13">
      <c r="A96" s="27" t="s">
        <v>45</v>
      </c>
      <c r="B96" s="67">
        <v>0</v>
      </c>
      <c r="C96" s="68">
        <v>0</v>
      </c>
      <c r="D96" s="68">
        <v>0</v>
      </c>
      <c r="E96" s="67">
        <v>0</v>
      </c>
      <c r="F96" s="68">
        <v>0</v>
      </c>
      <c r="G96" s="69">
        <v>0</v>
      </c>
      <c r="H96" s="68">
        <v>0</v>
      </c>
      <c r="I96" s="68">
        <v>0</v>
      </c>
      <c r="J96" s="68">
        <v>0</v>
      </c>
      <c r="K96" s="67">
        <v>0</v>
      </c>
      <c r="L96" s="79">
        <v>0</v>
      </c>
      <c r="M96" s="80">
        <v>0</v>
      </c>
    </row>
    <row r="97" spans="1:13">
      <c r="A97" s="27" t="s">
        <v>47</v>
      </c>
      <c r="B97" s="67">
        <v>-1</v>
      </c>
      <c r="C97" s="68">
        <v>-1</v>
      </c>
      <c r="D97" s="68">
        <v>0</v>
      </c>
      <c r="E97" s="67">
        <v>0</v>
      </c>
      <c r="F97" s="68">
        <v>0</v>
      </c>
      <c r="G97" s="69">
        <v>0</v>
      </c>
      <c r="H97" s="68">
        <v>0</v>
      </c>
      <c r="I97" s="68">
        <v>0</v>
      </c>
      <c r="J97" s="68">
        <v>0</v>
      </c>
      <c r="K97" s="67">
        <v>1</v>
      </c>
      <c r="L97" s="79">
        <v>1</v>
      </c>
      <c r="M97" s="80">
        <v>0</v>
      </c>
    </row>
    <row r="98" spans="1:13">
      <c r="A98" s="27" t="s">
        <v>49</v>
      </c>
      <c r="B98" s="67">
        <v>0</v>
      </c>
      <c r="C98" s="68">
        <v>0</v>
      </c>
      <c r="D98" s="68">
        <v>0</v>
      </c>
      <c r="E98" s="67">
        <v>0</v>
      </c>
      <c r="F98" s="68">
        <v>0</v>
      </c>
      <c r="G98" s="69">
        <v>0</v>
      </c>
      <c r="H98" s="68">
        <v>0</v>
      </c>
      <c r="I98" s="68">
        <v>0</v>
      </c>
      <c r="J98" s="68">
        <v>0</v>
      </c>
      <c r="K98" s="67">
        <v>0</v>
      </c>
      <c r="L98" s="79">
        <v>0</v>
      </c>
      <c r="M98" s="80">
        <v>0</v>
      </c>
    </row>
    <row r="99" spans="1:13" ht="21" customHeight="1">
      <c r="A99" s="38" t="s">
        <v>51</v>
      </c>
      <c r="B99" s="64">
        <v>-6</v>
      </c>
      <c r="C99" s="65">
        <v>-5</v>
      </c>
      <c r="D99" s="65">
        <v>-1</v>
      </c>
      <c r="E99" s="64">
        <v>5</v>
      </c>
      <c r="F99" s="65">
        <v>4</v>
      </c>
      <c r="G99" s="66">
        <v>1</v>
      </c>
      <c r="H99" s="65">
        <v>2</v>
      </c>
      <c r="I99" s="65">
        <v>1</v>
      </c>
      <c r="J99" s="65">
        <v>1</v>
      </c>
      <c r="K99" s="64">
        <v>3</v>
      </c>
      <c r="L99" s="77">
        <v>2</v>
      </c>
      <c r="M99" s="78">
        <v>1</v>
      </c>
    </row>
    <row r="100" spans="1:13">
      <c r="A100" s="27" t="s">
        <v>53</v>
      </c>
      <c r="B100" s="67">
        <v>-2</v>
      </c>
      <c r="C100" s="68">
        <v>-2</v>
      </c>
      <c r="D100" s="68">
        <v>0</v>
      </c>
      <c r="E100" s="67">
        <v>2</v>
      </c>
      <c r="F100" s="68">
        <v>2</v>
      </c>
      <c r="G100" s="69">
        <v>0</v>
      </c>
      <c r="H100" s="68">
        <v>0</v>
      </c>
      <c r="I100" s="68">
        <v>0</v>
      </c>
      <c r="J100" s="68">
        <v>0</v>
      </c>
      <c r="K100" s="67">
        <v>0</v>
      </c>
      <c r="L100" s="79">
        <v>0</v>
      </c>
      <c r="M100" s="80">
        <v>0</v>
      </c>
    </row>
    <row r="101" spans="1:13">
      <c r="A101" s="27" t="s">
        <v>55</v>
      </c>
      <c r="B101" s="67">
        <v>0</v>
      </c>
      <c r="C101" s="68">
        <v>0</v>
      </c>
      <c r="D101" s="68">
        <v>0</v>
      </c>
      <c r="E101" s="67">
        <v>0</v>
      </c>
      <c r="F101" s="68">
        <v>0</v>
      </c>
      <c r="G101" s="69">
        <v>0</v>
      </c>
      <c r="H101" s="68">
        <v>0</v>
      </c>
      <c r="I101" s="68">
        <v>0</v>
      </c>
      <c r="J101" s="68">
        <v>0</v>
      </c>
      <c r="K101" s="67">
        <v>0</v>
      </c>
      <c r="L101" s="79">
        <v>0</v>
      </c>
      <c r="M101" s="80">
        <v>0</v>
      </c>
    </row>
    <row r="102" spans="1:13">
      <c r="A102" s="27" t="s">
        <v>57</v>
      </c>
      <c r="B102" s="67">
        <v>-1</v>
      </c>
      <c r="C102" s="68">
        <v>0</v>
      </c>
      <c r="D102" s="68">
        <v>-1</v>
      </c>
      <c r="E102" s="67">
        <v>1</v>
      </c>
      <c r="F102" s="68">
        <v>0</v>
      </c>
      <c r="G102" s="69">
        <v>1</v>
      </c>
      <c r="H102" s="68">
        <v>0</v>
      </c>
      <c r="I102" s="68">
        <v>0</v>
      </c>
      <c r="J102" s="68">
        <v>0</v>
      </c>
      <c r="K102" s="67">
        <v>0</v>
      </c>
      <c r="L102" s="79">
        <v>0</v>
      </c>
      <c r="M102" s="80">
        <v>0</v>
      </c>
    </row>
    <row r="103" spans="1:13">
      <c r="A103" s="27" t="s">
        <v>59</v>
      </c>
      <c r="B103" s="67">
        <v>-2</v>
      </c>
      <c r="C103" s="68">
        <v>-2</v>
      </c>
      <c r="D103" s="68">
        <v>0</v>
      </c>
      <c r="E103" s="67">
        <v>2</v>
      </c>
      <c r="F103" s="68">
        <v>2</v>
      </c>
      <c r="G103" s="69">
        <v>0</v>
      </c>
      <c r="H103" s="68">
        <v>1</v>
      </c>
      <c r="I103" s="68">
        <v>0</v>
      </c>
      <c r="J103" s="68">
        <v>1</v>
      </c>
      <c r="K103" s="67">
        <v>1</v>
      </c>
      <c r="L103" s="79">
        <v>0</v>
      </c>
      <c r="M103" s="80">
        <v>1</v>
      </c>
    </row>
    <row r="104" spans="1:13">
      <c r="A104" s="27" t="s">
        <v>61</v>
      </c>
      <c r="B104" s="67">
        <v>-1</v>
      </c>
      <c r="C104" s="68">
        <v>-1</v>
      </c>
      <c r="D104" s="68">
        <v>0</v>
      </c>
      <c r="E104" s="67">
        <v>0</v>
      </c>
      <c r="F104" s="68">
        <v>0</v>
      </c>
      <c r="G104" s="69">
        <v>0</v>
      </c>
      <c r="H104" s="68">
        <v>1</v>
      </c>
      <c r="I104" s="68">
        <v>1</v>
      </c>
      <c r="J104" s="68">
        <v>0</v>
      </c>
      <c r="K104" s="67">
        <v>2</v>
      </c>
      <c r="L104" s="79">
        <v>2</v>
      </c>
      <c r="M104" s="80">
        <v>0</v>
      </c>
    </row>
    <row r="105" spans="1:13" ht="21" customHeight="1">
      <c r="A105" s="38" t="s">
        <v>63</v>
      </c>
      <c r="B105" s="64">
        <v>-3</v>
      </c>
      <c r="C105" s="65">
        <v>-3</v>
      </c>
      <c r="D105" s="65">
        <v>0</v>
      </c>
      <c r="E105" s="64">
        <v>2</v>
      </c>
      <c r="F105" s="65">
        <v>2</v>
      </c>
      <c r="G105" s="66">
        <v>0</v>
      </c>
      <c r="H105" s="65">
        <v>1</v>
      </c>
      <c r="I105" s="65">
        <v>1</v>
      </c>
      <c r="J105" s="65">
        <v>0</v>
      </c>
      <c r="K105" s="64">
        <v>2</v>
      </c>
      <c r="L105" s="77">
        <v>2</v>
      </c>
      <c r="M105" s="78">
        <v>0</v>
      </c>
    </row>
    <row r="106" spans="1:13">
      <c r="A106" s="27" t="s">
        <v>65</v>
      </c>
      <c r="B106" s="67">
        <v>1</v>
      </c>
      <c r="C106" s="68">
        <v>1</v>
      </c>
      <c r="D106" s="68">
        <v>0</v>
      </c>
      <c r="E106" s="67">
        <v>0</v>
      </c>
      <c r="F106" s="68">
        <v>0</v>
      </c>
      <c r="G106" s="69">
        <v>0</v>
      </c>
      <c r="H106" s="68">
        <v>1</v>
      </c>
      <c r="I106" s="68">
        <v>1</v>
      </c>
      <c r="J106" s="68">
        <v>0</v>
      </c>
      <c r="K106" s="67">
        <v>0</v>
      </c>
      <c r="L106" s="79">
        <v>0</v>
      </c>
      <c r="M106" s="80">
        <v>0</v>
      </c>
    </row>
    <row r="107" spans="1:13">
      <c r="A107" s="27" t="s">
        <v>67</v>
      </c>
      <c r="B107" s="67">
        <v>0</v>
      </c>
      <c r="C107" s="68">
        <v>0</v>
      </c>
      <c r="D107" s="68">
        <v>0</v>
      </c>
      <c r="E107" s="67">
        <v>0</v>
      </c>
      <c r="F107" s="68">
        <v>0</v>
      </c>
      <c r="G107" s="69">
        <v>0</v>
      </c>
      <c r="H107" s="68">
        <v>0</v>
      </c>
      <c r="I107" s="68">
        <v>0</v>
      </c>
      <c r="J107" s="68">
        <v>0</v>
      </c>
      <c r="K107" s="67">
        <v>0</v>
      </c>
      <c r="L107" s="79">
        <v>0</v>
      </c>
      <c r="M107" s="80">
        <v>0</v>
      </c>
    </row>
    <row r="108" spans="1:13">
      <c r="A108" s="27" t="s">
        <v>69</v>
      </c>
      <c r="B108" s="67">
        <v>-1</v>
      </c>
      <c r="C108" s="68">
        <v>-1</v>
      </c>
      <c r="D108" s="68">
        <v>0</v>
      </c>
      <c r="E108" s="67">
        <v>0</v>
      </c>
      <c r="F108" s="68">
        <v>0</v>
      </c>
      <c r="G108" s="69">
        <v>0</v>
      </c>
      <c r="H108" s="68">
        <v>0</v>
      </c>
      <c r="I108" s="68">
        <v>0</v>
      </c>
      <c r="J108" s="68">
        <v>0</v>
      </c>
      <c r="K108" s="67">
        <v>1</v>
      </c>
      <c r="L108" s="79">
        <v>1</v>
      </c>
      <c r="M108" s="80">
        <v>0</v>
      </c>
    </row>
    <row r="109" spans="1:13">
      <c r="A109" s="27" t="s">
        <v>71</v>
      </c>
      <c r="B109" s="67">
        <v>-2</v>
      </c>
      <c r="C109" s="68">
        <v>-2</v>
      </c>
      <c r="D109" s="68">
        <v>0</v>
      </c>
      <c r="E109" s="67">
        <v>1</v>
      </c>
      <c r="F109" s="68">
        <v>1</v>
      </c>
      <c r="G109" s="69">
        <v>0</v>
      </c>
      <c r="H109" s="68">
        <v>0</v>
      </c>
      <c r="I109" s="68">
        <v>0</v>
      </c>
      <c r="J109" s="68">
        <v>0</v>
      </c>
      <c r="K109" s="67">
        <v>1</v>
      </c>
      <c r="L109" s="79">
        <v>1</v>
      </c>
      <c r="M109" s="80">
        <v>0</v>
      </c>
    </row>
    <row r="110" spans="1:13">
      <c r="A110" s="27" t="s">
        <v>73</v>
      </c>
      <c r="B110" s="67">
        <v>-1</v>
      </c>
      <c r="C110" s="68">
        <v>-1</v>
      </c>
      <c r="D110" s="68">
        <v>0</v>
      </c>
      <c r="E110" s="67">
        <v>1</v>
      </c>
      <c r="F110" s="68">
        <v>1</v>
      </c>
      <c r="G110" s="69">
        <v>0</v>
      </c>
      <c r="H110" s="68">
        <v>0</v>
      </c>
      <c r="I110" s="68">
        <v>0</v>
      </c>
      <c r="J110" s="68">
        <v>0</v>
      </c>
      <c r="K110" s="67">
        <v>0</v>
      </c>
      <c r="L110" s="79">
        <v>0</v>
      </c>
      <c r="M110" s="80">
        <v>0</v>
      </c>
    </row>
    <row r="111" spans="1:13" ht="21" customHeight="1">
      <c r="A111" s="38" t="s">
        <v>75</v>
      </c>
      <c r="B111" s="64">
        <v>-9</v>
      </c>
      <c r="C111" s="65">
        <v>-3</v>
      </c>
      <c r="D111" s="65">
        <v>-6</v>
      </c>
      <c r="E111" s="64">
        <v>7</v>
      </c>
      <c r="F111" s="65">
        <v>3</v>
      </c>
      <c r="G111" s="66">
        <v>4</v>
      </c>
      <c r="H111" s="65">
        <v>0</v>
      </c>
      <c r="I111" s="65">
        <v>0</v>
      </c>
      <c r="J111" s="65">
        <v>0</v>
      </c>
      <c r="K111" s="64">
        <v>2</v>
      </c>
      <c r="L111" s="77">
        <v>0</v>
      </c>
      <c r="M111" s="78">
        <v>2</v>
      </c>
    </row>
    <row r="112" spans="1:13">
      <c r="A112" s="27" t="s">
        <v>77</v>
      </c>
      <c r="B112" s="67">
        <v>-3</v>
      </c>
      <c r="C112" s="68">
        <v>-1</v>
      </c>
      <c r="D112" s="68">
        <v>-2</v>
      </c>
      <c r="E112" s="67">
        <v>2</v>
      </c>
      <c r="F112" s="68">
        <v>1</v>
      </c>
      <c r="G112" s="69">
        <v>1</v>
      </c>
      <c r="H112" s="68">
        <v>0</v>
      </c>
      <c r="I112" s="68">
        <v>0</v>
      </c>
      <c r="J112" s="68">
        <v>0</v>
      </c>
      <c r="K112" s="67">
        <v>1</v>
      </c>
      <c r="L112" s="79">
        <v>0</v>
      </c>
      <c r="M112" s="80">
        <v>1</v>
      </c>
    </row>
    <row r="113" spans="1:13">
      <c r="A113" s="27" t="s">
        <v>79</v>
      </c>
      <c r="B113" s="67">
        <v>-2</v>
      </c>
      <c r="C113" s="68">
        <v>0</v>
      </c>
      <c r="D113" s="68">
        <v>-2</v>
      </c>
      <c r="E113" s="67">
        <v>1</v>
      </c>
      <c r="F113" s="68">
        <v>0</v>
      </c>
      <c r="G113" s="69">
        <v>1</v>
      </c>
      <c r="H113" s="68">
        <v>0</v>
      </c>
      <c r="I113" s="68">
        <v>0</v>
      </c>
      <c r="J113" s="68">
        <v>0</v>
      </c>
      <c r="K113" s="67">
        <v>1</v>
      </c>
      <c r="L113" s="79">
        <v>0</v>
      </c>
      <c r="M113" s="80">
        <v>1</v>
      </c>
    </row>
    <row r="114" spans="1:13">
      <c r="A114" s="27" t="s">
        <v>81</v>
      </c>
      <c r="B114" s="67">
        <v>-2</v>
      </c>
      <c r="C114" s="68">
        <v>0</v>
      </c>
      <c r="D114" s="68">
        <v>-2</v>
      </c>
      <c r="E114" s="67">
        <v>2</v>
      </c>
      <c r="F114" s="68">
        <v>0</v>
      </c>
      <c r="G114" s="69">
        <v>2</v>
      </c>
      <c r="H114" s="68">
        <v>0</v>
      </c>
      <c r="I114" s="68">
        <v>0</v>
      </c>
      <c r="J114" s="68">
        <v>0</v>
      </c>
      <c r="K114" s="67">
        <v>0</v>
      </c>
      <c r="L114" s="79">
        <v>0</v>
      </c>
      <c r="M114" s="80">
        <v>0</v>
      </c>
    </row>
    <row r="115" spans="1:13">
      <c r="A115" s="27" t="s">
        <v>83</v>
      </c>
      <c r="B115" s="67">
        <v>-1</v>
      </c>
      <c r="C115" s="68">
        <v>-1</v>
      </c>
      <c r="D115" s="68">
        <v>0</v>
      </c>
      <c r="E115" s="67">
        <v>1</v>
      </c>
      <c r="F115" s="68">
        <v>1</v>
      </c>
      <c r="G115" s="69">
        <v>0</v>
      </c>
      <c r="H115" s="68">
        <v>0</v>
      </c>
      <c r="I115" s="68">
        <v>0</v>
      </c>
      <c r="J115" s="68">
        <v>0</v>
      </c>
      <c r="K115" s="67">
        <v>0</v>
      </c>
      <c r="L115" s="79">
        <v>0</v>
      </c>
      <c r="M115" s="80">
        <v>0</v>
      </c>
    </row>
    <row r="116" spans="1:13">
      <c r="A116" s="27" t="s">
        <v>85</v>
      </c>
      <c r="B116" s="67">
        <v>-1</v>
      </c>
      <c r="C116" s="68">
        <v>-1</v>
      </c>
      <c r="D116" s="68">
        <v>0</v>
      </c>
      <c r="E116" s="67">
        <v>1</v>
      </c>
      <c r="F116" s="68">
        <v>1</v>
      </c>
      <c r="G116" s="69">
        <v>0</v>
      </c>
      <c r="H116" s="68">
        <v>0</v>
      </c>
      <c r="I116" s="68">
        <v>0</v>
      </c>
      <c r="J116" s="68">
        <v>0</v>
      </c>
      <c r="K116" s="67">
        <v>0</v>
      </c>
      <c r="L116" s="79">
        <v>0</v>
      </c>
      <c r="M116" s="80">
        <v>0</v>
      </c>
    </row>
    <row r="117" spans="1:13" ht="21" customHeight="1">
      <c r="A117" s="38" t="s">
        <v>87</v>
      </c>
      <c r="B117" s="64">
        <v>-8</v>
      </c>
      <c r="C117" s="65">
        <v>-9</v>
      </c>
      <c r="D117" s="65">
        <v>1</v>
      </c>
      <c r="E117" s="64">
        <v>7</v>
      </c>
      <c r="F117" s="65">
        <v>7</v>
      </c>
      <c r="G117" s="66">
        <v>0</v>
      </c>
      <c r="H117" s="65">
        <v>1</v>
      </c>
      <c r="I117" s="65">
        <v>0</v>
      </c>
      <c r="J117" s="65">
        <v>1</v>
      </c>
      <c r="K117" s="64">
        <v>2</v>
      </c>
      <c r="L117" s="77">
        <v>2</v>
      </c>
      <c r="M117" s="78">
        <v>0</v>
      </c>
    </row>
    <row r="118" spans="1:13">
      <c r="A118" s="27" t="s">
        <v>89</v>
      </c>
      <c r="B118" s="67">
        <v>-4</v>
      </c>
      <c r="C118" s="68">
        <v>-4</v>
      </c>
      <c r="D118" s="68">
        <v>0</v>
      </c>
      <c r="E118" s="67">
        <v>3</v>
      </c>
      <c r="F118" s="68">
        <v>3</v>
      </c>
      <c r="G118" s="69">
        <v>0</v>
      </c>
      <c r="H118" s="68">
        <v>0</v>
      </c>
      <c r="I118" s="68">
        <v>0</v>
      </c>
      <c r="J118" s="68">
        <v>0</v>
      </c>
      <c r="K118" s="67">
        <v>1</v>
      </c>
      <c r="L118" s="79">
        <v>1</v>
      </c>
      <c r="M118" s="80">
        <v>0</v>
      </c>
    </row>
    <row r="119" spans="1:13">
      <c r="A119" s="27" t="s">
        <v>91</v>
      </c>
      <c r="B119" s="67">
        <v>-2</v>
      </c>
      <c r="C119" s="68">
        <v>-2</v>
      </c>
      <c r="D119" s="68">
        <v>0</v>
      </c>
      <c r="E119" s="67">
        <v>2</v>
      </c>
      <c r="F119" s="68">
        <v>2</v>
      </c>
      <c r="G119" s="69">
        <v>0</v>
      </c>
      <c r="H119" s="68">
        <v>0</v>
      </c>
      <c r="I119" s="68">
        <v>0</v>
      </c>
      <c r="J119" s="68">
        <v>0</v>
      </c>
      <c r="K119" s="67">
        <v>0</v>
      </c>
      <c r="L119" s="79">
        <v>0</v>
      </c>
      <c r="M119" s="80">
        <v>0</v>
      </c>
    </row>
    <row r="120" spans="1:13">
      <c r="A120" s="27" t="s">
        <v>93</v>
      </c>
      <c r="B120" s="67">
        <v>-1</v>
      </c>
      <c r="C120" s="68">
        <v>-1</v>
      </c>
      <c r="D120" s="68">
        <v>0</v>
      </c>
      <c r="E120" s="67">
        <v>1</v>
      </c>
      <c r="F120" s="68">
        <v>1</v>
      </c>
      <c r="G120" s="69">
        <v>0</v>
      </c>
      <c r="H120" s="68">
        <v>0</v>
      </c>
      <c r="I120" s="68">
        <v>0</v>
      </c>
      <c r="J120" s="68">
        <v>0</v>
      </c>
      <c r="K120" s="67">
        <v>0</v>
      </c>
      <c r="L120" s="79">
        <v>0</v>
      </c>
      <c r="M120" s="80">
        <v>0</v>
      </c>
    </row>
    <row r="121" spans="1:13">
      <c r="A121" s="27" t="s">
        <v>95</v>
      </c>
      <c r="B121" s="67">
        <v>0</v>
      </c>
      <c r="C121" s="68">
        <v>-1</v>
      </c>
      <c r="D121" s="68">
        <v>1</v>
      </c>
      <c r="E121" s="67">
        <v>0</v>
      </c>
      <c r="F121" s="68">
        <v>0</v>
      </c>
      <c r="G121" s="69">
        <v>0</v>
      </c>
      <c r="H121" s="68">
        <v>1</v>
      </c>
      <c r="I121" s="68">
        <v>0</v>
      </c>
      <c r="J121" s="68">
        <v>1</v>
      </c>
      <c r="K121" s="67">
        <v>1</v>
      </c>
      <c r="L121" s="79">
        <v>1</v>
      </c>
      <c r="M121" s="80">
        <v>0</v>
      </c>
    </row>
    <row r="122" spans="1:13">
      <c r="A122" s="27" t="s">
        <v>97</v>
      </c>
      <c r="B122" s="67">
        <v>-1</v>
      </c>
      <c r="C122" s="68">
        <v>-1</v>
      </c>
      <c r="D122" s="68">
        <v>0</v>
      </c>
      <c r="E122" s="67">
        <v>1</v>
      </c>
      <c r="F122" s="68">
        <v>1</v>
      </c>
      <c r="G122" s="69">
        <v>0</v>
      </c>
      <c r="H122" s="68">
        <v>0</v>
      </c>
      <c r="I122" s="68">
        <v>0</v>
      </c>
      <c r="J122" s="68">
        <v>0</v>
      </c>
      <c r="K122" s="67">
        <v>0</v>
      </c>
      <c r="L122" s="79">
        <v>0</v>
      </c>
      <c r="M122" s="80">
        <v>0</v>
      </c>
    </row>
    <row r="123" spans="1:13" ht="21" customHeight="1">
      <c r="A123" s="38" t="s">
        <v>99</v>
      </c>
      <c r="B123" s="64">
        <v>-9</v>
      </c>
      <c r="C123" s="65">
        <v>-5</v>
      </c>
      <c r="D123" s="65">
        <v>-4</v>
      </c>
      <c r="E123" s="64">
        <v>9</v>
      </c>
      <c r="F123" s="65">
        <v>5</v>
      </c>
      <c r="G123" s="66">
        <v>4</v>
      </c>
      <c r="H123" s="65">
        <v>0</v>
      </c>
      <c r="I123" s="65">
        <v>0</v>
      </c>
      <c r="J123" s="65">
        <v>0</v>
      </c>
      <c r="K123" s="64">
        <v>0</v>
      </c>
      <c r="L123" s="77">
        <v>0</v>
      </c>
      <c r="M123" s="78">
        <v>0</v>
      </c>
    </row>
    <row r="124" spans="1:13">
      <c r="A124" s="27" t="s">
        <v>101</v>
      </c>
      <c r="B124" s="67">
        <v>-2</v>
      </c>
      <c r="C124" s="68">
        <v>-1</v>
      </c>
      <c r="D124" s="68">
        <v>-1</v>
      </c>
      <c r="E124" s="67">
        <v>2</v>
      </c>
      <c r="F124" s="68">
        <v>1</v>
      </c>
      <c r="G124" s="69">
        <v>1</v>
      </c>
      <c r="H124" s="68">
        <v>0</v>
      </c>
      <c r="I124" s="68">
        <v>0</v>
      </c>
      <c r="J124" s="68">
        <v>0</v>
      </c>
      <c r="K124" s="67">
        <v>0</v>
      </c>
      <c r="L124" s="79">
        <v>0</v>
      </c>
      <c r="M124" s="80">
        <v>0</v>
      </c>
    </row>
    <row r="125" spans="1:13">
      <c r="A125" s="27" t="s">
        <v>103</v>
      </c>
      <c r="B125" s="67">
        <v>-3</v>
      </c>
      <c r="C125" s="68">
        <v>-3</v>
      </c>
      <c r="D125" s="68">
        <v>0</v>
      </c>
      <c r="E125" s="67">
        <v>3</v>
      </c>
      <c r="F125" s="68">
        <v>3</v>
      </c>
      <c r="G125" s="69">
        <v>0</v>
      </c>
      <c r="H125" s="68">
        <v>0</v>
      </c>
      <c r="I125" s="68">
        <v>0</v>
      </c>
      <c r="J125" s="68">
        <v>0</v>
      </c>
      <c r="K125" s="67">
        <v>0</v>
      </c>
      <c r="L125" s="79">
        <v>0</v>
      </c>
      <c r="M125" s="80">
        <v>0</v>
      </c>
    </row>
    <row r="126" spans="1:13">
      <c r="A126" s="27" t="s">
        <v>105</v>
      </c>
      <c r="B126" s="67">
        <v>-1</v>
      </c>
      <c r="C126" s="68">
        <v>0</v>
      </c>
      <c r="D126" s="68">
        <v>-1</v>
      </c>
      <c r="E126" s="67">
        <v>1</v>
      </c>
      <c r="F126" s="68">
        <v>0</v>
      </c>
      <c r="G126" s="69">
        <v>1</v>
      </c>
      <c r="H126" s="68">
        <v>0</v>
      </c>
      <c r="I126" s="68">
        <v>0</v>
      </c>
      <c r="J126" s="68">
        <v>0</v>
      </c>
      <c r="K126" s="67">
        <v>0</v>
      </c>
      <c r="L126" s="79">
        <v>0</v>
      </c>
      <c r="M126" s="80">
        <v>0</v>
      </c>
    </row>
    <row r="127" spans="1:13">
      <c r="A127" s="27" t="s">
        <v>107</v>
      </c>
      <c r="B127" s="67">
        <v>-1</v>
      </c>
      <c r="C127" s="68">
        <v>0</v>
      </c>
      <c r="D127" s="68">
        <v>-1</v>
      </c>
      <c r="E127" s="67">
        <v>1</v>
      </c>
      <c r="F127" s="68">
        <v>0</v>
      </c>
      <c r="G127" s="69">
        <v>1</v>
      </c>
      <c r="H127" s="68">
        <v>0</v>
      </c>
      <c r="I127" s="68">
        <v>0</v>
      </c>
      <c r="J127" s="68">
        <v>0</v>
      </c>
      <c r="K127" s="67">
        <v>0</v>
      </c>
      <c r="L127" s="79">
        <v>0</v>
      </c>
      <c r="M127" s="80">
        <v>0</v>
      </c>
    </row>
    <row r="128" spans="1:13">
      <c r="A128" s="27" t="s">
        <v>109</v>
      </c>
      <c r="B128" s="67">
        <v>-2</v>
      </c>
      <c r="C128" s="68">
        <v>-1</v>
      </c>
      <c r="D128" s="68">
        <v>-1</v>
      </c>
      <c r="E128" s="67">
        <v>2</v>
      </c>
      <c r="F128" s="68">
        <v>1</v>
      </c>
      <c r="G128" s="69">
        <v>1</v>
      </c>
      <c r="H128" s="68">
        <v>0</v>
      </c>
      <c r="I128" s="68">
        <v>0</v>
      </c>
      <c r="J128" s="68">
        <v>0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3</v>
      </c>
      <c r="C129" s="65">
        <v>0</v>
      </c>
      <c r="D129" s="65">
        <v>-3</v>
      </c>
      <c r="E129" s="64">
        <v>3</v>
      </c>
      <c r="F129" s="65">
        <v>0</v>
      </c>
      <c r="G129" s="66">
        <v>3</v>
      </c>
      <c r="H129" s="65">
        <v>0</v>
      </c>
      <c r="I129" s="65">
        <v>0</v>
      </c>
      <c r="J129" s="65">
        <v>0</v>
      </c>
      <c r="K129" s="64">
        <v>0</v>
      </c>
      <c r="L129" s="77">
        <v>0</v>
      </c>
      <c r="M129" s="78">
        <v>0</v>
      </c>
    </row>
    <row r="130" spans="1:14">
      <c r="A130" s="27" t="s">
        <v>113</v>
      </c>
      <c r="B130" s="67">
        <v>0</v>
      </c>
      <c r="C130" s="68">
        <v>0</v>
      </c>
      <c r="D130" s="68">
        <v>0</v>
      </c>
      <c r="E130" s="67">
        <v>0</v>
      </c>
      <c r="F130" s="68">
        <v>0</v>
      </c>
      <c r="G130" s="69">
        <v>0</v>
      </c>
      <c r="H130" s="68">
        <v>0</v>
      </c>
      <c r="I130" s="68">
        <v>0</v>
      </c>
      <c r="J130" s="68">
        <v>0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1</v>
      </c>
      <c r="C131" s="68">
        <v>0</v>
      </c>
      <c r="D131" s="68">
        <v>-1</v>
      </c>
      <c r="E131" s="67">
        <v>1</v>
      </c>
      <c r="F131" s="68">
        <v>0</v>
      </c>
      <c r="G131" s="69">
        <v>1</v>
      </c>
      <c r="H131" s="68">
        <v>0</v>
      </c>
      <c r="I131" s="68">
        <v>0</v>
      </c>
      <c r="J131" s="68">
        <v>0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-2</v>
      </c>
      <c r="C132" s="68">
        <v>0</v>
      </c>
      <c r="D132" s="68">
        <v>-2</v>
      </c>
      <c r="E132" s="67">
        <v>2</v>
      </c>
      <c r="F132" s="68">
        <v>0</v>
      </c>
      <c r="G132" s="69">
        <v>2</v>
      </c>
      <c r="H132" s="68">
        <v>0</v>
      </c>
      <c r="I132" s="68">
        <v>0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0</v>
      </c>
      <c r="C133" s="68">
        <v>0</v>
      </c>
      <c r="D133" s="68">
        <v>0</v>
      </c>
      <c r="E133" s="67">
        <v>0</v>
      </c>
      <c r="F133" s="68">
        <v>0</v>
      </c>
      <c r="G133" s="69">
        <v>0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0</v>
      </c>
      <c r="C134" s="68">
        <v>0</v>
      </c>
      <c r="D134" s="68">
        <v>0</v>
      </c>
      <c r="E134" s="67">
        <v>0</v>
      </c>
      <c r="F134" s="68">
        <v>0</v>
      </c>
      <c r="G134" s="69">
        <v>0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0</v>
      </c>
      <c r="C135" s="40">
        <v>0</v>
      </c>
      <c r="D135" s="40">
        <v>0</v>
      </c>
      <c r="E135" s="42">
        <v>0</v>
      </c>
      <c r="F135" s="40">
        <v>0</v>
      </c>
      <c r="G135" s="43">
        <v>0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83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982</v>
      </c>
      <c r="C5" s="62">
        <v>652</v>
      </c>
      <c r="D5" s="63">
        <v>1330</v>
      </c>
      <c r="E5" s="61">
        <v>14316</v>
      </c>
      <c r="F5" s="62">
        <v>7491</v>
      </c>
      <c r="G5" s="63">
        <v>6825</v>
      </c>
      <c r="H5" s="61">
        <v>57618</v>
      </c>
      <c r="I5" s="62">
        <v>30847</v>
      </c>
      <c r="J5" s="63">
        <v>26771</v>
      </c>
      <c r="K5" s="61">
        <v>49200</v>
      </c>
      <c r="L5" s="62">
        <v>26678</v>
      </c>
      <c r="M5" s="63">
        <v>22522</v>
      </c>
    </row>
    <row r="6" spans="1:13" ht="23.25" customHeight="1">
      <c r="A6" s="36" t="s">
        <v>2</v>
      </c>
      <c r="B6" s="64">
        <v>8918</v>
      </c>
      <c r="C6" s="65">
        <v>4504</v>
      </c>
      <c r="D6" s="66">
        <v>4414</v>
      </c>
      <c r="E6" s="64">
        <v>24</v>
      </c>
      <c r="F6" s="65">
        <v>14</v>
      </c>
      <c r="G6" s="66">
        <v>10</v>
      </c>
      <c r="H6" s="64">
        <v>3461</v>
      </c>
      <c r="I6" s="65">
        <v>1797</v>
      </c>
      <c r="J6" s="66">
        <v>1664</v>
      </c>
      <c r="K6" s="64">
        <v>2399</v>
      </c>
      <c r="L6" s="65">
        <v>1253</v>
      </c>
      <c r="M6" s="66">
        <v>1146</v>
      </c>
    </row>
    <row r="7" spans="1:13">
      <c r="A7" s="15" t="s">
        <v>4</v>
      </c>
      <c r="B7" s="67">
        <v>8112</v>
      </c>
      <c r="C7" s="68">
        <v>4107</v>
      </c>
      <c r="D7" s="69">
        <v>4005</v>
      </c>
      <c r="E7" s="67">
        <v>16</v>
      </c>
      <c r="F7" s="68">
        <v>10</v>
      </c>
      <c r="G7" s="69">
        <v>6</v>
      </c>
      <c r="H7" s="67">
        <v>735</v>
      </c>
      <c r="I7" s="68">
        <v>382</v>
      </c>
      <c r="J7" s="69">
        <v>353</v>
      </c>
      <c r="K7" s="67">
        <v>487</v>
      </c>
      <c r="L7" s="68">
        <v>239</v>
      </c>
      <c r="M7" s="69">
        <v>248</v>
      </c>
    </row>
    <row r="8" spans="1:13">
      <c r="A8" s="15" t="s">
        <v>6</v>
      </c>
      <c r="B8" s="67">
        <v>228</v>
      </c>
      <c r="C8" s="68">
        <v>111</v>
      </c>
      <c r="D8" s="69">
        <v>117</v>
      </c>
      <c r="E8" s="67">
        <v>4</v>
      </c>
      <c r="F8" s="68">
        <v>1</v>
      </c>
      <c r="G8" s="69">
        <v>3</v>
      </c>
      <c r="H8" s="67">
        <v>835</v>
      </c>
      <c r="I8" s="68">
        <v>432</v>
      </c>
      <c r="J8" s="69">
        <v>403</v>
      </c>
      <c r="K8" s="67">
        <v>603</v>
      </c>
      <c r="L8" s="68">
        <v>320</v>
      </c>
      <c r="M8" s="69">
        <v>283</v>
      </c>
    </row>
    <row r="9" spans="1:13">
      <c r="A9" s="15" t="s">
        <v>8</v>
      </c>
      <c r="B9" s="67">
        <v>180</v>
      </c>
      <c r="C9" s="68">
        <v>94</v>
      </c>
      <c r="D9" s="69">
        <v>86</v>
      </c>
      <c r="E9" s="67">
        <v>1</v>
      </c>
      <c r="F9" s="68">
        <v>1</v>
      </c>
      <c r="G9" s="69">
        <v>0</v>
      </c>
      <c r="H9" s="67">
        <v>719</v>
      </c>
      <c r="I9" s="68">
        <v>373</v>
      </c>
      <c r="J9" s="69">
        <v>346</v>
      </c>
      <c r="K9" s="67">
        <v>538</v>
      </c>
      <c r="L9" s="68">
        <v>278</v>
      </c>
      <c r="M9" s="69">
        <v>260</v>
      </c>
    </row>
    <row r="10" spans="1:13">
      <c r="A10" s="15" t="s">
        <v>10</v>
      </c>
      <c r="B10" s="67">
        <v>245</v>
      </c>
      <c r="C10" s="68">
        <v>131</v>
      </c>
      <c r="D10" s="69">
        <v>114</v>
      </c>
      <c r="E10" s="67">
        <v>2</v>
      </c>
      <c r="F10" s="68">
        <v>2</v>
      </c>
      <c r="G10" s="69">
        <v>0</v>
      </c>
      <c r="H10" s="67">
        <v>645</v>
      </c>
      <c r="I10" s="68">
        <v>330</v>
      </c>
      <c r="J10" s="69">
        <v>315</v>
      </c>
      <c r="K10" s="67">
        <v>398</v>
      </c>
      <c r="L10" s="68">
        <v>197</v>
      </c>
      <c r="M10" s="69">
        <v>201</v>
      </c>
    </row>
    <row r="11" spans="1:13">
      <c r="A11" s="15" t="s">
        <v>12</v>
      </c>
      <c r="B11" s="67">
        <v>153</v>
      </c>
      <c r="C11" s="68">
        <v>61</v>
      </c>
      <c r="D11" s="69">
        <v>92</v>
      </c>
      <c r="E11" s="67">
        <v>1</v>
      </c>
      <c r="F11" s="68">
        <v>0</v>
      </c>
      <c r="G11" s="69">
        <v>1</v>
      </c>
      <c r="H11" s="67">
        <v>527</v>
      </c>
      <c r="I11" s="68">
        <v>280</v>
      </c>
      <c r="J11" s="69">
        <v>247</v>
      </c>
      <c r="K11" s="67">
        <v>373</v>
      </c>
      <c r="L11" s="68">
        <v>219</v>
      </c>
      <c r="M11" s="69">
        <v>154</v>
      </c>
    </row>
    <row r="12" spans="1:13" ht="21" customHeight="1">
      <c r="A12" s="36" t="s">
        <v>14</v>
      </c>
      <c r="B12" s="64">
        <v>427</v>
      </c>
      <c r="C12" s="65">
        <v>205</v>
      </c>
      <c r="D12" s="66">
        <v>222</v>
      </c>
      <c r="E12" s="64">
        <v>3</v>
      </c>
      <c r="F12" s="65">
        <v>0</v>
      </c>
      <c r="G12" s="66">
        <v>3</v>
      </c>
      <c r="H12" s="64">
        <v>1727</v>
      </c>
      <c r="I12" s="65">
        <v>867</v>
      </c>
      <c r="J12" s="66">
        <v>860</v>
      </c>
      <c r="K12" s="64">
        <v>1297</v>
      </c>
      <c r="L12" s="65">
        <v>662</v>
      </c>
      <c r="M12" s="66">
        <v>635</v>
      </c>
    </row>
    <row r="13" spans="1:13">
      <c r="A13" s="15" t="s">
        <v>16</v>
      </c>
      <c r="B13" s="67">
        <v>112</v>
      </c>
      <c r="C13" s="68">
        <v>79</v>
      </c>
      <c r="D13" s="69">
        <v>33</v>
      </c>
      <c r="E13" s="67">
        <v>1</v>
      </c>
      <c r="F13" s="68">
        <v>0</v>
      </c>
      <c r="G13" s="69">
        <v>1</v>
      </c>
      <c r="H13" s="67">
        <v>439</v>
      </c>
      <c r="I13" s="68">
        <v>233</v>
      </c>
      <c r="J13" s="69">
        <v>206</v>
      </c>
      <c r="K13" s="67">
        <v>326</v>
      </c>
      <c r="L13" s="68">
        <v>154</v>
      </c>
      <c r="M13" s="69">
        <v>172</v>
      </c>
    </row>
    <row r="14" spans="1:13">
      <c r="A14" s="15" t="s">
        <v>18</v>
      </c>
      <c r="B14" s="67">
        <v>143</v>
      </c>
      <c r="C14" s="68">
        <v>58</v>
      </c>
      <c r="D14" s="69">
        <v>85</v>
      </c>
      <c r="E14" s="67">
        <v>0</v>
      </c>
      <c r="F14" s="68">
        <v>0</v>
      </c>
      <c r="G14" s="69">
        <v>0</v>
      </c>
      <c r="H14" s="67">
        <v>458</v>
      </c>
      <c r="I14" s="68">
        <v>235</v>
      </c>
      <c r="J14" s="69">
        <v>223</v>
      </c>
      <c r="K14" s="67">
        <v>315</v>
      </c>
      <c r="L14" s="68">
        <v>177</v>
      </c>
      <c r="M14" s="69">
        <v>138</v>
      </c>
    </row>
    <row r="15" spans="1:13">
      <c r="A15" s="15" t="s">
        <v>20</v>
      </c>
      <c r="B15" s="67">
        <v>74</v>
      </c>
      <c r="C15" s="68">
        <v>40</v>
      </c>
      <c r="D15" s="69">
        <v>34</v>
      </c>
      <c r="E15" s="67">
        <v>0</v>
      </c>
      <c r="F15" s="68">
        <v>0</v>
      </c>
      <c r="G15" s="69">
        <v>0</v>
      </c>
      <c r="H15" s="67">
        <v>363</v>
      </c>
      <c r="I15" s="68">
        <v>183</v>
      </c>
      <c r="J15" s="69">
        <v>180</v>
      </c>
      <c r="K15" s="67">
        <v>289</v>
      </c>
      <c r="L15" s="68">
        <v>143</v>
      </c>
      <c r="M15" s="69">
        <v>146</v>
      </c>
    </row>
    <row r="16" spans="1:13">
      <c r="A16" s="15" t="s">
        <v>22</v>
      </c>
      <c r="B16" s="67">
        <v>58</v>
      </c>
      <c r="C16" s="68">
        <v>16</v>
      </c>
      <c r="D16" s="69">
        <v>42</v>
      </c>
      <c r="E16" s="67">
        <v>1</v>
      </c>
      <c r="F16" s="68">
        <v>0</v>
      </c>
      <c r="G16" s="69">
        <v>1</v>
      </c>
      <c r="H16" s="67">
        <v>254</v>
      </c>
      <c r="I16" s="68">
        <v>112</v>
      </c>
      <c r="J16" s="69">
        <v>142</v>
      </c>
      <c r="K16" s="67">
        <v>195</v>
      </c>
      <c r="L16" s="68">
        <v>96</v>
      </c>
      <c r="M16" s="69">
        <v>99</v>
      </c>
    </row>
    <row r="17" spans="1:13">
      <c r="A17" s="15" t="s">
        <v>24</v>
      </c>
      <c r="B17" s="67">
        <v>40</v>
      </c>
      <c r="C17" s="68">
        <v>12</v>
      </c>
      <c r="D17" s="69">
        <v>28</v>
      </c>
      <c r="E17" s="67">
        <v>1</v>
      </c>
      <c r="F17" s="68">
        <v>0</v>
      </c>
      <c r="G17" s="69">
        <v>1</v>
      </c>
      <c r="H17" s="67">
        <v>213</v>
      </c>
      <c r="I17" s="68">
        <v>104</v>
      </c>
      <c r="J17" s="69">
        <v>109</v>
      </c>
      <c r="K17" s="67">
        <v>172</v>
      </c>
      <c r="L17" s="68">
        <v>92</v>
      </c>
      <c r="M17" s="69">
        <v>80</v>
      </c>
    </row>
    <row r="18" spans="1:13" ht="21" customHeight="1">
      <c r="A18" s="36" t="s">
        <v>26</v>
      </c>
      <c r="B18" s="64">
        <v>216</v>
      </c>
      <c r="C18" s="65">
        <v>106</v>
      </c>
      <c r="D18" s="66">
        <v>110</v>
      </c>
      <c r="E18" s="64">
        <v>3</v>
      </c>
      <c r="F18" s="65">
        <v>1</v>
      </c>
      <c r="G18" s="66">
        <v>2</v>
      </c>
      <c r="H18" s="64">
        <v>925</v>
      </c>
      <c r="I18" s="65">
        <v>452</v>
      </c>
      <c r="J18" s="66">
        <v>473</v>
      </c>
      <c r="K18" s="64">
        <v>706</v>
      </c>
      <c r="L18" s="65">
        <v>345</v>
      </c>
      <c r="M18" s="66">
        <v>361</v>
      </c>
    </row>
    <row r="19" spans="1:13">
      <c r="A19" s="15" t="s">
        <v>28</v>
      </c>
      <c r="B19" s="67">
        <v>72</v>
      </c>
      <c r="C19" s="68">
        <v>38</v>
      </c>
      <c r="D19" s="69">
        <v>34</v>
      </c>
      <c r="E19" s="67">
        <v>0</v>
      </c>
      <c r="F19" s="68">
        <v>0</v>
      </c>
      <c r="G19" s="69">
        <v>0</v>
      </c>
      <c r="H19" s="67">
        <v>235</v>
      </c>
      <c r="I19" s="68">
        <v>117</v>
      </c>
      <c r="J19" s="69">
        <v>118</v>
      </c>
      <c r="K19" s="67">
        <v>163</v>
      </c>
      <c r="L19" s="68">
        <v>79</v>
      </c>
      <c r="M19" s="69">
        <v>84</v>
      </c>
    </row>
    <row r="20" spans="1:13">
      <c r="A20" s="15" t="s">
        <v>30</v>
      </c>
      <c r="B20" s="67">
        <v>36</v>
      </c>
      <c r="C20" s="68">
        <v>17</v>
      </c>
      <c r="D20" s="69">
        <v>19</v>
      </c>
      <c r="E20" s="67">
        <v>1</v>
      </c>
      <c r="F20" s="68">
        <v>0</v>
      </c>
      <c r="G20" s="69">
        <v>1</v>
      </c>
      <c r="H20" s="67">
        <v>178</v>
      </c>
      <c r="I20" s="68">
        <v>94</v>
      </c>
      <c r="J20" s="69">
        <v>84</v>
      </c>
      <c r="K20" s="67">
        <v>141</v>
      </c>
      <c r="L20" s="68">
        <v>77</v>
      </c>
      <c r="M20" s="69">
        <v>64</v>
      </c>
    </row>
    <row r="21" spans="1:13">
      <c r="A21" s="15" t="s">
        <v>32</v>
      </c>
      <c r="B21" s="67">
        <v>50</v>
      </c>
      <c r="C21" s="68">
        <v>35</v>
      </c>
      <c r="D21" s="69">
        <v>15</v>
      </c>
      <c r="E21" s="67">
        <v>1</v>
      </c>
      <c r="F21" s="68">
        <v>1</v>
      </c>
      <c r="G21" s="69">
        <v>0</v>
      </c>
      <c r="H21" s="67">
        <v>174</v>
      </c>
      <c r="I21" s="68">
        <v>91</v>
      </c>
      <c r="J21" s="69">
        <v>83</v>
      </c>
      <c r="K21" s="67">
        <v>123</v>
      </c>
      <c r="L21" s="68">
        <v>55</v>
      </c>
      <c r="M21" s="69">
        <v>68</v>
      </c>
    </row>
    <row r="22" spans="1:13">
      <c r="A22" s="15" t="s">
        <v>34</v>
      </c>
      <c r="B22" s="67">
        <v>46</v>
      </c>
      <c r="C22" s="68">
        <v>15</v>
      </c>
      <c r="D22" s="69">
        <v>31</v>
      </c>
      <c r="E22" s="67">
        <v>1</v>
      </c>
      <c r="F22" s="68">
        <v>0</v>
      </c>
      <c r="G22" s="69">
        <v>1</v>
      </c>
      <c r="H22" s="67">
        <v>208</v>
      </c>
      <c r="I22" s="68">
        <v>90</v>
      </c>
      <c r="J22" s="69">
        <v>118</v>
      </c>
      <c r="K22" s="67">
        <v>161</v>
      </c>
      <c r="L22" s="68">
        <v>75</v>
      </c>
      <c r="M22" s="69">
        <v>86</v>
      </c>
    </row>
    <row r="23" spans="1:13">
      <c r="A23" s="15" t="s">
        <v>36</v>
      </c>
      <c r="B23" s="67">
        <v>12</v>
      </c>
      <c r="C23" s="68">
        <v>1</v>
      </c>
      <c r="D23" s="69">
        <v>11</v>
      </c>
      <c r="E23" s="67">
        <v>0</v>
      </c>
      <c r="F23" s="68">
        <v>0</v>
      </c>
      <c r="G23" s="69">
        <v>0</v>
      </c>
      <c r="H23" s="67">
        <v>130</v>
      </c>
      <c r="I23" s="68">
        <v>60</v>
      </c>
      <c r="J23" s="69">
        <v>70</v>
      </c>
      <c r="K23" s="67">
        <v>118</v>
      </c>
      <c r="L23" s="68">
        <v>59</v>
      </c>
      <c r="M23" s="69">
        <v>59</v>
      </c>
    </row>
    <row r="24" spans="1:13" ht="21" customHeight="1">
      <c r="A24" s="36" t="s">
        <v>38</v>
      </c>
      <c r="B24" s="64">
        <v>791</v>
      </c>
      <c r="C24" s="65">
        <v>514</v>
      </c>
      <c r="D24" s="66">
        <v>277</v>
      </c>
      <c r="E24" s="64">
        <v>12</v>
      </c>
      <c r="F24" s="65">
        <v>9</v>
      </c>
      <c r="G24" s="66">
        <v>3</v>
      </c>
      <c r="H24" s="64">
        <v>2324</v>
      </c>
      <c r="I24" s="65">
        <v>1335</v>
      </c>
      <c r="J24" s="66">
        <v>989</v>
      </c>
      <c r="K24" s="64">
        <v>1521</v>
      </c>
      <c r="L24" s="65">
        <v>812</v>
      </c>
      <c r="M24" s="66">
        <v>709</v>
      </c>
    </row>
    <row r="25" spans="1:13">
      <c r="A25" s="15" t="s">
        <v>40</v>
      </c>
      <c r="B25" s="67">
        <v>-12</v>
      </c>
      <c r="C25" s="68">
        <v>-8</v>
      </c>
      <c r="D25" s="69">
        <v>-4</v>
      </c>
      <c r="E25" s="67">
        <v>1</v>
      </c>
      <c r="F25" s="68">
        <v>0</v>
      </c>
      <c r="G25" s="69">
        <v>1</v>
      </c>
      <c r="H25" s="67">
        <v>167</v>
      </c>
      <c r="I25" s="68">
        <v>75</v>
      </c>
      <c r="J25" s="69">
        <v>92</v>
      </c>
      <c r="K25" s="67">
        <v>178</v>
      </c>
      <c r="L25" s="68">
        <v>83</v>
      </c>
      <c r="M25" s="69">
        <v>95</v>
      </c>
    </row>
    <row r="26" spans="1:13">
      <c r="A26" s="15" t="s">
        <v>42</v>
      </c>
      <c r="B26" s="67">
        <v>7</v>
      </c>
      <c r="C26" s="68">
        <v>6</v>
      </c>
      <c r="D26" s="69">
        <v>1</v>
      </c>
      <c r="E26" s="67">
        <v>3</v>
      </c>
      <c r="F26" s="68">
        <v>2</v>
      </c>
      <c r="G26" s="69">
        <v>1</v>
      </c>
      <c r="H26" s="67">
        <v>178</v>
      </c>
      <c r="I26" s="68">
        <v>83</v>
      </c>
      <c r="J26" s="69">
        <v>95</v>
      </c>
      <c r="K26" s="67">
        <v>168</v>
      </c>
      <c r="L26" s="68">
        <v>75</v>
      </c>
      <c r="M26" s="69">
        <v>93</v>
      </c>
    </row>
    <row r="27" spans="1:13">
      <c r="A27" s="15" t="s">
        <v>44</v>
      </c>
      <c r="B27" s="67">
        <v>19</v>
      </c>
      <c r="C27" s="68">
        <v>27</v>
      </c>
      <c r="D27" s="69">
        <v>-8</v>
      </c>
      <c r="E27" s="67">
        <v>2</v>
      </c>
      <c r="F27" s="68">
        <v>2</v>
      </c>
      <c r="G27" s="69">
        <v>0</v>
      </c>
      <c r="H27" s="67">
        <v>175</v>
      </c>
      <c r="I27" s="68">
        <v>105</v>
      </c>
      <c r="J27" s="69">
        <v>70</v>
      </c>
      <c r="K27" s="67">
        <v>154</v>
      </c>
      <c r="L27" s="68">
        <v>76</v>
      </c>
      <c r="M27" s="69">
        <v>78</v>
      </c>
    </row>
    <row r="28" spans="1:13">
      <c r="A28" s="15" t="s">
        <v>46</v>
      </c>
      <c r="B28" s="67">
        <v>371</v>
      </c>
      <c r="C28" s="68">
        <v>244</v>
      </c>
      <c r="D28" s="69">
        <v>127</v>
      </c>
      <c r="E28" s="67">
        <v>3</v>
      </c>
      <c r="F28" s="68">
        <v>3</v>
      </c>
      <c r="G28" s="69">
        <v>0</v>
      </c>
      <c r="H28" s="67">
        <v>789</v>
      </c>
      <c r="I28" s="68">
        <v>469</v>
      </c>
      <c r="J28" s="69">
        <v>320</v>
      </c>
      <c r="K28" s="67">
        <v>415</v>
      </c>
      <c r="L28" s="68">
        <v>222</v>
      </c>
      <c r="M28" s="69">
        <v>193</v>
      </c>
    </row>
    <row r="29" spans="1:13">
      <c r="A29" s="15" t="s">
        <v>48</v>
      </c>
      <c r="B29" s="67">
        <v>406</v>
      </c>
      <c r="C29" s="68">
        <v>245</v>
      </c>
      <c r="D29" s="69">
        <v>161</v>
      </c>
      <c r="E29" s="67">
        <v>3</v>
      </c>
      <c r="F29" s="68">
        <v>2</v>
      </c>
      <c r="G29" s="69">
        <v>1</v>
      </c>
      <c r="H29" s="67">
        <v>1015</v>
      </c>
      <c r="I29" s="68">
        <v>603</v>
      </c>
      <c r="J29" s="69">
        <v>412</v>
      </c>
      <c r="K29" s="67">
        <v>606</v>
      </c>
      <c r="L29" s="68">
        <v>356</v>
      </c>
      <c r="M29" s="69">
        <v>250</v>
      </c>
    </row>
    <row r="30" spans="1:13" ht="21" customHeight="1">
      <c r="A30" s="36" t="s">
        <v>50</v>
      </c>
      <c r="B30" s="64">
        <v>-201</v>
      </c>
      <c r="C30" s="65">
        <v>23</v>
      </c>
      <c r="D30" s="66">
        <v>-224</v>
      </c>
      <c r="E30" s="64">
        <v>29</v>
      </c>
      <c r="F30" s="65">
        <v>18</v>
      </c>
      <c r="G30" s="66">
        <v>11</v>
      </c>
      <c r="H30" s="64">
        <v>8401</v>
      </c>
      <c r="I30" s="65">
        <v>4574</v>
      </c>
      <c r="J30" s="66">
        <v>3827</v>
      </c>
      <c r="K30" s="64">
        <v>8573</v>
      </c>
      <c r="L30" s="65">
        <v>4533</v>
      </c>
      <c r="M30" s="66">
        <v>4040</v>
      </c>
    </row>
    <row r="31" spans="1:13">
      <c r="A31" s="15" t="s">
        <v>52</v>
      </c>
      <c r="B31" s="67">
        <v>153</v>
      </c>
      <c r="C31" s="68">
        <v>137</v>
      </c>
      <c r="D31" s="69">
        <v>16</v>
      </c>
      <c r="E31" s="67">
        <v>5</v>
      </c>
      <c r="F31" s="68">
        <v>2</v>
      </c>
      <c r="G31" s="69">
        <v>3</v>
      </c>
      <c r="H31" s="67">
        <v>941</v>
      </c>
      <c r="I31" s="68">
        <v>527</v>
      </c>
      <c r="J31" s="69">
        <v>414</v>
      </c>
      <c r="K31" s="67">
        <v>783</v>
      </c>
      <c r="L31" s="68">
        <v>388</v>
      </c>
      <c r="M31" s="69">
        <v>395</v>
      </c>
    </row>
    <row r="32" spans="1:13">
      <c r="A32" s="15" t="s">
        <v>54</v>
      </c>
      <c r="B32" s="67">
        <v>195</v>
      </c>
      <c r="C32" s="68">
        <v>93</v>
      </c>
      <c r="D32" s="69">
        <v>102</v>
      </c>
      <c r="E32" s="67">
        <v>10</v>
      </c>
      <c r="F32" s="68">
        <v>6</v>
      </c>
      <c r="G32" s="69">
        <v>4</v>
      </c>
      <c r="H32" s="67">
        <v>1268</v>
      </c>
      <c r="I32" s="68">
        <v>629</v>
      </c>
      <c r="J32" s="69">
        <v>639</v>
      </c>
      <c r="K32" s="67">
        <v>1063</v>
      </c>
      <c r="L32" s="68">
        <v>530</v>
      </c>
      <c r="M32" s="69">
        <v>533</v>
      </c>
    </row>
    <row r="33" spans="1:13">
      <c r="A33" s="15" t="s">
        <v>56</v>
      </c>
      <c r="B33" s="67">
        <v>-231</v>
      </c>
      <c r="C33" s="68">
        <v>-130</v>
      </c>
      <c r="D33" s="69">
        <v>-101</v>
      </c>
      <c r="E33" s="67">
        <v>5</v>
      </c>
      <c r="F33" s="68">
        <v>3</v>
      </c>
      <c r="G33" s="69">
        <v>2</v>
      </c>
      <c r="H33" s="67">
        <v>1808</v>
      </c>
      <c r="I33" s="68">
        <v>948</v>
      </c>
      <c r="J33" s="69">
        <v>860</v>
      </c>
      <c r="K33" s="67">
        <v>2034</v>
      </c>
      <c r="L33" s="68">
        <v>1075</v>
      </c>
      <c r="M33" s="69">
        <v>959</v>
      </c>
    </row>
    <row r="34" spans="1:13">
      <c r="A34" s="15" t="s">
        <v>58</v>
      </c>
      <c r="B34" s="67">
        <v>-304</v>
      </c>
      <c r="C34" s="68">
        <v>-116</v>
      </c>
      <c r="D34" s="69">
        <v>-188</v>
      </c>
      <c r="E34" s="67">
        <v>3</v>
      </c>
      <c r="F34" s="68">
        <v>3</v>
      </c>
      <c r="G34" s="69">
        <v>0</v>
      </c>
      <c r="H34" s="67">
        <v>2126</v>
      </c>
      <c r="I34" s="68">
        <v>1167</v>
      </c>
      <c r="J34" s="69">
        <v>959</v>
      </c>
      <c r="K34" s="67">
        <v>2427</v>
      </c>
      <c r="L34" s="68">
        <v>1280</v>
      </c>
      <c r="M34" s="69">
        <v>1147</v>
      </c>
    </row>
    <row r="35" spans="1:13">
      <c r="A35" s="15" t="s">
        <v>60</v>
      </c>
      <c r="B35" s="67">
        <v>-14</v>
      </c>
      <c r="C35" s="68">
        <v>39</v>
      </c>
      <c r="D35" s="69">
        <v>-53</v>
      </c>
      <c r="E35" s="67">
        <v>6</v>
      </c>
      <c r="F35" s="68">
        <v>4</v>
      </c>
      <c r="G35" s="69">
        <v>2</v>
      </c>
      <c r="H35" s="67">
        <v>2258</v>
      </c>
      <c r="I35" s="68">
        <v>1303</v>
      </c>
      <c r="J35" s="69">
        <v>955</v>
      </c>
      <c r="K35" s="67">
        <v>2266</v>
      </c>
      <c r="L35" s="68">
        <v>1260</v>
      </c>
      <c r="M35" s="69">
        <v>1006</v>
      </c>
    </row>
    <row r="36" spans="1:13" ht="21" customHeight="1">
      <c r="A36" s="36" t="s">
        <v>62</v>
      </c>
      <c r="B36" s="64">
        <v>498</v>
      </c>
      <c r="C36" s="65">
        <v>221</v>
      </c>
      <c r="D36" s="66">
        <v>277</v>
      </c>
      <c r="E36" s="64">
        <v>20</v>
      </c>
      <c r="F36" s="65">
        <v>15</v>
      </c>
      <c r="G36" s="66">
        <v>5</v>
      </c>
      <c r="H36" s="64">
        <v>11231</v>
      </c>
      <c r="I36" s="65">
        <v>6114</v>
      </c>
      <c r="J36" s="66">
        <v>5117</v>
      </c>
      <c r="K36" s="64">
        <v>10713</v>
      </c>
      <c r="L36" s="65">
        <v>5878</v>
      </c>
      <c r="M36" s="66">
        <v>4835</v>
      </c>
    </row>
    <row r="37" spans="1:13">
      <c r="A37" s="15" t="s">
        <v>64</v>
      </c>
      <c r="B37" s="67">
        <v>76</v>
      </c>
      <c r="C37" s="68">
        <v>83</v>
      </c>
      <c r="D37" s="69">
        <v>-7</v>
      </c>
      <c r="E37" s="67">
        <v>5</v>
      </c>
      <c r="F37" s="68">
        <v>4</v>
      </c>
      <c r="G37" s="69">
        <v>1</v>
      </c>
      <c r="H37" s="67">
        <v>2456</v>
      </c>
      <c r="I37" s="68">
        <v>1396</v>
      </c>
      <c r="J37" s="69">
        <v>1060</v>
      </c>
      <c r="K37" s="67">
        <v>2375</v>
      </c>
      <c r="L37" s="68">
        <v>1309</v>
      </c>
      <c r="M37" s="69">
        <v>1066</v>
      </c>
    </row>
    <row r="38" spans="1:13">
      <c r="A38" s="15" t="s">
        <v>66</v>
      </c>
      <c r="B38" s="67">
        <v>108</v>
      </c>
      <c r="C38" s="68">
        <v>48</v>
      </c>
      <c r="D38" s="69">
        <v>60</v>
      </c>
      <c r="E38" s="67">
        <v>3</v>
      </c>
      <c r="F38" s="68">
        <v>2</v>
      </c>
      <c r="G38" s="69">
        <v>1</v>
      </c>
      <c r="H38" s="67">
        <v>2423</v>
      </c>
      <c r="I38" s="68">
        <v>1347</v>
      </c>
      <c r="J38" s="69">
        <v>1076</v>
      </c>
      <c r="K38" s="67">
        <v>2312</v>
      </c>
      <c r="L38" s="68">
        <v>1297</v>
      </c>
      <c r="M38" s="69">
        <v>1015</v>
      </c>
    </row>
    <row r="39" spans="1:13">
      <c r="A39" s="15" t="s">
        <v>68</v>
      </c>
      <c r="B39" s="67">
        <v>-77</v>
      </c>
      <c r="C39" s="68">
        <v>-70</v>
      </c>
      <c r="D39" s="69">
        <v>-7</v>
      </c>
      <c r="E39" s="67">
        <v>2</v>
      </c>
      <c r="F39" s="68">
        <v>2</v>
      </c>
      <c r="G39" s="69">
        <v>0</v>
      </c>
      <c r="H39" s="67">
        <v>2218</v>
      </c>
      <c r="I39" s="68">
        <v>1202</v>
      </c>
      <c r="J39" s="69">
        <v>1016</v>
      </c>
      <c r="K39" s="67">
        <v>2293</v>
      </c>
      <c r="L39" s="68">
        <v>1270</v>
      </c>
      <c r="M39" s="69">
        <v>1023</v>
      </c>
    </row>
    <row r="40" spans="1:13">
      <c r="A40" s="15" t="s">
        <v>70</v>
      </c>
      <c r="B40" s="67">
        <v>159</v>
      </c>
      <c r="C40" s="68">
        <v>94</v>
      </c>
      <c r="D40" s="69">
        <v>65</v>
      </c>
      <c r="E40" s="67">
        <v>5</v>
      </c>
      <c r="F40" s="68">
        <v>3</v>
      </c>
      <c r="G40" s="69">
        <v>2</v>
      </c>
      <c r="H40" s="67">
        <v>2134</v>
      </c>
      <c r="I40" s="68">
        <v>1127</v>
      </c>
      <c r="J40" s="69">
        <v>1007</v>
      </c>
      <c r="K40" s="67">
        <v>1970</v>
      </c>
      <c r="L40" s="68">
        <v>1030</v>
      </c>
      <c r="M40" s="69">
        <v>940</v>
      </c>
    </row>
    <row r="41" spans="1:13">
      <c r="A41" s="15" t="s">
        <v>72</v>
      </c>
      <c r="B41" s="67">
        <v>232</v>
      </c>
      <c r="C41" s="68">
        <v>66</v>
      </c>
      <c r="D41" s="69">
        <v>166</v>
      </c>
      <c r="E41" s="67">
        <v>5</v>
      </c>
      <c r="F41" s="68">
        <v>4</v>
      </c>
      <c r="G41" s="69">
        <v>1</v>
      </c>
      <c r="H41" s="67">
        <v>2000</v>
      </c>
      <c r="I41" s="68">
        <v>1042</v>
      </c>
      <c r="J41" s="69">
        <v>958</v>
      </c>
      <c r="K41" s="67">
        <v>1763</v>
      </c>
      <c r="L41" s="68">
        <v>972</v>
      </c>
      <c r="M41" s="69">
        <v>791</v>
      </c>
    </row>
    <row r="42" spans="1:13" ht="21" customHeight="1">
      <c r="A42" s="36" t="s">
        <v>74</v>
      </c>
      <c r="B42" s="64">
        <v>1237</v>
      </c>
      <c r="C42" s="65">
        <v>602</v>
      </c>
      <c r="D42" s="66">
        <v>635</v>
      </c>
      <c r="E42" s="64">
        <v>20</v>
      </c>
      <c r="F42" s="65">
        <v>15</v>
      </c>
      <c r="G42" s="66">
        <v>5</v>
      </c>
      <c r="H42" s="64">
        <v>7898</v>
      </c>
      <c r="I42" s="65">
        <v>4263</v>
      </c>
      <c r="J42" s="66">
        <v>3635</v>
      </c>
      <c r="K42" s="64">
        <v>6641</v>
      </c>
      <c r="L42" s="65">
        <v>3646</v>
      </c>
      <c r="M42" s="66">
        <v>2995</v>
      </c>
    </row>
    <row r="43" spans="1:13">
      <c r="A43" s="15" t="s">
        <v>76</v>
      </c>
      <c r="B43" s="67">
        <v>282</v>
      </c>
      <c r="C43" s="68">
        <v>147</v>
      </c>
      <c r="D43" s="69">
        <v>135</v>
      </c>
      <c r="E43" s="67">
        <v>2</v>
      </c>
      <c r="F43" s="68">
        <v>0</v>
      </c>
      <c r="G43" s="69">
        <v>2</v>
      </c>
      <c r="H43" s="67">
        <v>1927</v>
      </c>
      <c r="I43" s="68">
        <v>1019</v>
      </c>
      <c r="J43" s="69">
        <v>908</v>
      </c>
      <c r="K43" s="67">
        <v>1643</v>
      </c>
      <c r="L43" s="68">
        <v>872</v>
      </c>
      <c r="M43" s="69">
        <v>771</v>
      </c>
    </row>
    <row r="44" spans="1:13">
      <c r="A44" s="15" t="s">
        <v>78</v>
      </c>
      <c r="B44" s="67">
        <v>314</v>
      </c>
      <c r="C44" s="68">
        <v>125</v>
      </c>
      <c r="D44" s="69">
        <v>189</v>
      </c>
      <c r="E44" s="67">
        <v>5</v>
      </c>
      <c r="F44" s="68">
        <v>5</v>
      </c>
      <c r="G44" s="69">
        <v>0</v>
      </c>
      <c r="H44" s="67">
        <v>1753</v>
      </c>
      <c r="I44" s="68">
        <v>928</v>
      </c>
      <c r="J44" s="69">
        <v>825</v>
      </c>
      <c r="K44" s="67">
        <v>1434</v>
      </c>
      <c r="L44" s="68">
        <v>798</v>
      </c>
      <c r="M44" s="69">
        <v>636</v>
      </c>
    </row>
    <row r="45" spans="1:13">
      <c r="A45" s="15" t="s">
        <v>80</v>
      </c>
      <c r="B45" s="67">
        <v>226</v>
      </c>
      <c r="C45" s="68">
        <v>136</v>
      </c>
      <c r="D45" s="69">
        <v>90</v>
      </c>
      <c r="E45" s="67">
        <v>2</v>
      </c>
      <c r="F45" s="68">
        <v>1</v>
      </c>
      <c r="G45" s="69">
        <v>1</v>
      </c>
      <c r="H45" s="67">
        <v>1521</v>
      </c>
      <c r="I45" s="68">
        <v>848</v>
      </c>
      <c r="J45" s="69">
        <v>673</v>
      </c>
      <c r="K45" s="67">
        <v>1293</v>
      </c>
      <c r="L45" s="68">
        <v>711</v>
      </c>
      <c r="M45" s="69">
        <v>582</v>
      </c>
    </row>
    <row r="46" spans="1:13">
      <c r="A46" s="15" t="s">
        <v>82</v>
      </c>
      <c r="B46" s="67">
        <v>175</v>
      </c>
      <c r="C46" s="68">
        <v>70</v>
      </c>
      <c r="D46" s="69">
        <v>105</v>
      </c>
      <c r="E46" s="67">
        <v>6</v>
      </c>
      <c r="F46" s="68">
        <v>5</v>
      </c>
      <c r="G46" s="69">
        <v>1</v>
      </c>
      <c r="H46" s="67">
        <v>1408</v>
      </c>
      <c r="I46" s="68">
        <v>753</v>
      </c>
      <c r="J46" s="69">
        <v>655</v>
      </c>
      <c r="K46" s="67">
        <v>1227</v>
      </c>
      <c r="L46" s="68">
        <v>678</v>
      </c>
      <c r="M46" s="69">
        <v>549</v>
      </c>
    </row>
    <row r="47" spans="1:13">
      <c r="A47" s="15" t="s">
        <v>84</v>
      </c>
      <c r="B47" s="67">
        <v>240</v>
      </c>
      <c r="C47" s="68">
        <v>124</v>
      </c>
      <c r="D47" s="69">
        <v>116</v>
      </c>
      <c r="E47" s="67">
        <v>5</v>
      </c>
      <c r="F47" s="68">
        <v>4</v>
      </c>
      <c r="G47" s="69">
        <v>1</v>
      </c>
      <c r="H47" s="67">
        <v>1289</v>
      </c>
      <c r="I47" s="68">
        <v>715</v>
      </c>
      <c r="J47" s="69">
        <v>574</v>
      </c>
      <c r="K47" s="67">
        <v>1044</v>
      </c>
      <c r="L47" s="68">
        <v>587</v>
      </c>
      <c r="M47" s="69">
        <v>457</v>
      </c>
    </row>
    <row r="48" spans="1:13" ht="21" customHeight="1">
      <c r="A48" s="36" t="s">
        <v>86</v>
      </c>
      <c r="B48" s="64">
        <v>1115</v>
      </c>
      <c r="C48" s="65">
        <v>569</v>
      </c>
      <c r="D48" s="66">
        <v>546</v>
      </c>
      <c r="E48" s="64">
        <v>34</v>
      </c>
      <c r="F48" s="65">
        <v>22</v>
      </c>
      <c r="G48" s="66">
        <v>12</v>
      </c>
      <c r="H48" s="64">
        <v>5253</v>
      </c>
      <c r="I48" s="65">
        <v>2876</v>
      </c>
      <c r="J48" s="66">
        <v>2377</v>
      </c>
      <c r="K48" s="64">
        <v>4104</v>
      </c>
      <c r="L48" s="65">
        <v>2285</v>
      </c>
      <c r="M48" s="66">
        <v>1819</v>
      </c>
    </row>
    <row r="49" spans="1:13">
      <c r="A49" s="15" t="s">
        <v>88</v>
      </c>
      <c r="B49" s="67">
        <v>180</v>
      </c>
      <c r="C49" s="68">
        <v>97</v>
      </c>
      <c r="D49" s="69">
        <v>83</v>
      </c>
      <c r="E49" s="67">
        <v>3</v>
      </c>
      <c r="F49" s="68">
        <v>3</v>
      </c>
      <c r="G49" s="69">
        <v>0</v>
      </c>
      <c r="H49" s="67">
        <v>1160</v>
      </c>
      <c r="I49" s="68">
        <v>647</v>
      </c>
      <c r="J49" s="69">
        <v>513</v>
      </c>
      <c r="K49" s="67">
        <v>977</v>
      </c>
      <c r="L49" s="68">
        <v>547</v>
      </c>
      <c r="M49" s="69">
        <v>430</v>
      </c>
    </row>
    <row r="50" spans="1:13">
      <c r="A50" s="15" t="s">
        <v>90</v>
      </c>
      <c r="B50" s="67">
        <v>252</v>
      </c>
      <c r="C50" s="68">
        <v>128</v>
      </c>
      <c r="D50" s="69">
        <v>124</v>
      </c>
      <c r="E50" s="67">
        <v>9</v>
      </c>
      <c r="F50" s="68">
        <v>5</v>
      </c>
      <c r="G50" s="69">
        <v>4</v>
      </c>
      <c r="H50" s="67">
        <v>1127</v>
      </c>
      <c r="I50" s="68">
        <v>614</v>
      </c>
      <c r="J50" s="69">
        <v>513</v>
      </c>
      <c r="K50" s="67">
        <v>866</v>
      </c>
      <c r="L50" s="68">
        <v>481</v>
      </c>
      <c r="M50" s="69">
        <v>385</v>
      </c>
    </row>
    <row r="51" spans="1:13">
      <c r="A51" s="15" t="s">
        <v>92</v>
      </c>
      <c r="B51" s="67">
        <v>232</v>
      </c>
      <c r="C51" s="68">
        <v>124</v>
      </c>
      <c r="D51" s="69">
        <v>108</v>
      </c>
      <c r="E51" s="67">
        <v>4</v>
      </c>
      <c r="F51" s="68">
        <v>3</v>
      </c>
      <c r="G51" s="69">
        <v>1</v>
      </c>
      <c r="H51" s="67">
        <v>1030</v>
      </c>
      <c r="I51" s="68">
        <v>567</v>
      </c>
      <c r="J51" s="69">
        <v>463</v>
      </c>
      <c r="K51" s="67">
        <v>794</v>
      </c>
      <c r="L51" s="68">
        <v>440</v>
      </c>
      <c r="M51" s="69">
        <v>354</v>
      </c>
    </row>
    <row r="52" spans="1:13">
      <c r="A52" s="15" t="s">
        <v>94</v>
      </c>
      <c r="B52" s="67">
        <v>277</v>
      </c>
      <c r="C52" s="68">
        <v>152</v>
      </c>
      <c r="D52" s="69">
        <v>125</v>
      </c>
      <c r="E52" s="67">
        <v>10</v>
      </c>
      <c r="F52" s="68">
        <v>8</v>
      </c>
      <c r="G52" s="69">
        <v>2</v>
      </c>
      <c r="H52" s="67">
        <v>1021</v>
      </c>
      <c r="I52" s="68">
        <v>551</v>
      </c>
      <c r="J52" s="69">
        <v>470</v>
      </c>
      <c r="K52" s="67">
        <v>734</v>
      </c>
      <c r="L52" s="68">
        <v>391</v>
      </c>
      <c r="M52" s="69">
        <v>343</v>
      </c>
    </row>
    <row r="53" spans="1:13">
      <c r="A53" s="15" t="s">
        <v>96</v>
      </c>
      <c r="B53" s="67">
        <v>174</v>
      </c>
      <c r="C53" s="68">
        <v>68</v>
      </c>
      <c r="D53" s="69">
        <v>106</v>
      </c>
      <c r="E53" s="67">
        <v>8</v>
      </c>
      <c r="F53" s="68">
        <v>3</v>
      </c>
      <c r="G53" s="69">
        <v>5</v>
      </c>
      <c r="H53" s="67">
        <v>915</v>
      </c>
      <c r="I53" s="68">
        <v>497</v>
      </c>
      <c r="J53" s="69">
        <v>418</v>
      </c>
      <c r="K53" s="67">
        <v>733</v>
      </c>
      <c r="L53" s="68">
        <v>426</v>
      </c>
      <c r="M53" s="69">
        <v>307</v>
      </c>
    </row>
    <row r="54" spans="1:13" ht="21" customHeight="1">
      <c r="A54" s="36" t="s">
        <v>98</v>
      </c>
      <c r="B54" s="64">
        <v>755</v>
      </c>
      <c r="C54" s="65">
        <v>343</v>
      </c>
      <c r="D54" s="66">
        <v>412</v>
      </c>
      <c r="E54" s="64">
        <v>65</v>
      </c>
      <c r="F54" s="65">
        <v>41</v>
      </c>
      <c r="G54" s="66">
        <v>24</v>
      </c>
      <c r="H54" s="64">
        <v>3674</v>
      </c>
      <c r="I54" s="65">
        <v>2068</v>
      </c>
      <c r="J54" s="66">
        <v>1606</v>
      </c>
      <c r="K54" s="64">
        <v>2854</v>
      </c>
      <c r="L54" s="65">
        <v>1684</v>
      </c>
      <c r="M54" s="66">
        <v>1170</v>
      </c>
    </row>
    <row r="55" spans="1:13">
      <c r="A55" s="15" t="s">
        <v>100</v>
      </c>
      <c r="B55" s="67">
        <v>186</v>
      </c>
      <c r="C55" s="68">
        <v>84</v>
      </c>
      <c r="D55" s="69">
        <v>102</v>
      </c>
      <c r="E55" s="67">
        <v>11</v>
      </c>
      <c r="F55" s="68">
        <v>7</v>
      </c>
      <c r="G55" s="69">
        <v>4</v>
      </c>
      <c r="H55" s="67">
        <v>862</v>
      </c>
      <c r="I55" s="68">
        <v>483</v>
      </c>
      <c r="J55" s="69">
        <v>379</v>
      </c>
      <c r="K55" s="67">
        <v>665</v>
      </c>
      <c r="L55" s="68">
        <v>392</v>
      </c>
      <c r="M55" s="69">
        <v>273</v>
      </c>
    </row>
    <row r="56" spans="1:13">
      <c r="A56" s="15" t="s">
        <v>102</v>
      </c>
      <c r="B56" s="67">
        <v>174</v>
      </c>
      <c r="C56" s="68">
        <v>90</v>
      </c>
      <c r="D56" s="69">
        <v>84</v>
      </c>
      <c r="E56" s="67">
        <v>9</v>
      </c>
      <c r="F56" s="68">
        <v>4</v>
      </c>
      <c r="G56" s="69">
        <v>5</v>
      </c>
      <c r="H56" s="67">
        <v>762</v>
      </c>
      <c r="I56" s="68">
        <v>436</v>
      </c>
      <c r="J56" s="69">
        <v>326</v>
      </c>
      <c r="K56" s="67">
        <v>579</v>
      </c>
      <c r="L56" s="68">
        <v>342</v>
      </c>
      <c r="M56" s="69">
        <v>237</v>
      </c>
    </row>
    <row r="57" spans="1:13">
      <c r="A57" s="15" t="s">
        <v>104</v>
      </c>
      <c r="B57" s="67">
        <v>150</v>
      </c>
      <c r="C57" s="68">
        <v>57</v>
      </c>
      <c r="D57" s="69">
        <v>93</v>
      </c>
      <c r="E57" s="67">
        <v>14</v>
      </c>
      <c r="F57" s="68">
        <v>8</v>
      </c>
      <c r="G57" s="69">
        <v>6</v>
      </c>
      <c r="H57" s="67">
        <v>700</v>
      </c>
      <c r="I57" s="68">
        <v>393</v>
      </c>
      <c r="J57" s="69">
        <v>307</v>
      </c>
      <c r="K57" s="67">
        <v>536</v>
      </c>
      <c r="L57" s="68">
        <v>328</v>
      </c>
      <c r="M57" s="69">
        <v>208</v>
      </c>
    </row>
    <row r="58" spans="1:13">
      <c r="A58" s="15" t="s">
        <v>106</v>
      </c>
      <c r="B58" s="67">
        <v>111</v>
      </c>
      <c r="C58" s="68">
        <v>52</v>
      </c>
      <c r="D58" s="69">
        <v>59</v>
      </c>
      <c r="E58" s="67">
        <v>13</v>
      </c>
      <c r="F58" s="68">
        <v>9</v>
      </c>
      <c r="G58" s="69">
        <v>4</v>
      </c>
      <c r="H58" s="67">
        <v>668</v>
      </c>
      <c r="I58" s="68">
        <v>369</v>
      </c>
      <c r="J58" s="69">
        <v>299</v>
      </c>
      <c r="K58" s="67">
        <v>544</v>
      </c>
      <c r="L58" s="68">
        <v>308</v>
      </c>
      <c r="M58" s="69">
        <v>236</v>
      </c>
    </row>
    <row r="59" spans="1:13">
      <c r="A59" s="15" t="s">
        <v>108</v>
      </c>
      <c r="B59" s="67">
        <v>134</v>
      </c>
      <c r="C59" s="68">
        <v>60</v>
      </c>
      <c r="D59" s="69">
        <v>74</v>
      </c>
      <c r="E59" s="67">
        <v>18</v>
      </c>
      <c r="F59" s="68">
        <v>13</v>
      </c>
      <c r="G59" s="69">
        <v>5</v>
      </c>
      <c r="H59" s="67">
        <v>682</v>
      </c>
      <c r="I59" s="68">
        <v>387</v>
      </c>
      <c r="J59" s="69">
        <v>295</v>
      </c>
      <c r="K59" s="67">
        <v>530</v>
      </c>
      <c r="L59" s="68">
        <v>314</v>
      </c>
      <c r="M59" s="69">
        <v>216</v>
      </c>
    </row>
    <row r="60" spans="1:13" ht="21" customHeight="1">
      <c r="A60" s="36" t="s">
        <v>110</v>
      </c>
      <c r="B60" s="64">
        <v>402</v>
      </c>
      <c r="C60" s="65">
        <v>127</v>
      </c>
      <c r="D60" s="66">
        <v>275</v>
      </c>
      <c r="E60" s="64">
        <v>147</v>
      </c>
      <c r="F60" s="65">
        <v>96</v>
      </c>
      <c r="G60" s="66">
        <v>51</v>
      </c>
      <c r="H60" s="64">
        <v>2953</v>
      </c>
      <c r="I60" s="65">
        <v>1622</v>
      </c>
      <c r="J60" s="66">
        <v>1331</v>
      </c>
      <c r="K60" s="64">
        <v>2404</v>
      </c>
      <c r="L60" s="65">
        <v>1399</v>
      </c>
      <c r="M60" s="66">
        <v>1005</v>
      </c>
    </row>
    <row r="61" spans="1:13">
      <c r="A61" s="15" t="s">
        <v>112</v>
      </c>
      <c r="B61" s="67">
        <v>98</v>
      </c>
      <c r="C61" s="68">
        <v>34</v>
      </c>
      <c r="D61" s="69">
        <v>64</v>
      </c>
      <c r="E61" s="67">
        <v>21</v>
      </c>
      <c r="F61" s="68">
        <v>12</v>
      </c>
      <c r="G61" s="69">
        <v>9</v>
      </c>
      <c r="H61" s="67">
        <v>614</v>
      </c>
      <c r="I61" s="68">
        <v>344</v>
      </c>
      <c r="J61" s="69">
        <v>270</v>
      </c>
      <c r="K61" s="67">
        <v>495</v>
      </c>
      <c r="L61" s="68">
        <v>298</v>
      </c>
      <c r="M61" s="69">
        <v>197</v>
      </c>
    </row>
    <row r="62" spans="1:13">
      <c r="A62" s="15" t="s">
        <v>114</v>
      </c>
      <c r="B62" s="67">
        <v>126</v>
      </c>
      <c r="C62" s="68">
        <v>73</v>
      </c>
      <c r="D62" s="69">
        <v>53</v>
      </c>
      <c r="E62" s="67">
        <v>22</v>
      </c>
      <c r="F62" s="68">
        <v>13</v>
      </c>
      <c r="G62" s="69">
        <v>9</v>
      </c>
      <c r="H62" s="67">
        <v>623</v>
      </c>
      <c r="I62" s="68">
        <v>339</v>
      </c>
      <c r="J62" s="69">
        <v>284</v>
      </c>
      <c r="K62" s="67">
        <v>475</v>
      </c>
      <c r="L62" s="68">
        <v>253</v>
      </c>
      <c r="M62" s="69">
        <v>222</v>
      </c>
    </row>
    <row r="63" spans="1:13">
      <c r="A63" s="15" t="s">
        <v>116</v>
      </c>
      <c r="B63" s="67">
        <v>10</v>
      </c>
      <c r="C63" s="68">
        <v>-11</v>
      </c>
      <c r="D63" s="69">
        <v>21</v>
      </c>
      <c r="E63" s="67">
        <v>35</v>
      </c>
      <c r="F63" s="68">
        <v>26</v>
      </c>
      <c r="G63" s="69">
        <v>9</v>
      </c>
      <c r="H63" s="67">
        <v>534</v>
      </c>
      <c r="I63" s="68">
        <v>303</v>
      </c>
      <c r="J63" s="69">
        <v>231</v>
      </c>
      <c r="K63" s="67">
        <v>489</v>
      </c>
      <c r="L63" s="68">
        <v>288</v>
      </c>
      <c r="M63" s="69">
        <v>201</v>
      </c>
    </row>
    <row r="64" spans="1:13">
      <c r="A64" s="15" t="s">
        <v>118</v>
      </c>
      <c r="B64" s="67">
        <v>127</v>
      </c>
      <c r="C64" s="68">
        <v>45</v>
      </c>
      <c r="D64" s="69">
        <v>82</v>
      </c>
      <c r="E64" s="67">
        <v>29</v>
      </c>
      <c r="F64" s="68">
        <v>22</v>
      </c>
      <c r="G64" s="69">
        <v>7</v>
      </c>
      <c r="H64" s="67">
        <v>610</v>
      </c>
      <c r="I64" s="68">
        <v>348</v>
      </c>
      <c r="J64" s="69">
        <v>262</v>
      </c>
      <c r="K64" s="67">
        <v>454</v>
      </c>
      <c r="L64" s="68">
        <v>281</v>
      </c>
      <c r="M64" s="69">
        <v>173</v>
      </c>
    </row>
    <row r="65" spans="1:13">
      <c r="A65" s="19" t="s">
        <v>120</v>
      </c>
      <c r="B65" s="70">
        <v>41</v>
      </c>
      <c r="C65" s="71">
        <v>-14</v>
      </c>
      <c r="D65" s="72">
        <v>55</v>
      </c>
      <c r="E65" s="70">
        <v>40</v>
      </c>
      <c r="F65" s="71">
        <v>23</v>
      </c>
      <c r="G65" s="72">
        <v>17</v>
      </c>
      <c r="H65" s="70">
        <v>572</v>
      </c>
      <c r="I65" s="71">
        <v>288</v>
      </c>
      <c r="J65" s="72">
        <v>284</v>
      </c>
      <c r="K65" s="70">
        <v>491</v>
      </c>
      <c r="L65" s="71">
        <v>279</v>
      </c>
      <c r="M65" s="72">
        <v>212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73">
        <v>7880</v>
      </c>
      <c r="C69" s="41">
        <v>3974</v>
      </c>
      <c r="D69" s="74">
        <v>3906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183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2</v>
      </c>
      <c r="D73" s="9" t="s">
        <v>134</v>
      </c>
      <c r="E73" s="9" t="s">
        <v>136</v>
      </c>
      <c r="F73" s="9" t="s">
        <v>132</v>
      </c>
      <c r="G73" s="9" t="s">
        <v>134</v>
      </c>
      <c r="H73" s="9" t="s">
        <v>131</v>
      </c>
      <c r="I73" s="9" t="s">
        <v>132</v>
      </c>
      <c r="J73" s="9" t="s">
        <v>134</v>
      </c>
      <c r="K73" s="9" t="s">
        <v>131</v>
      </c>
      <c r="L73" s="9" t="s">
        <v>132</v>
      </c>
      <c r="M73" s="11" t="s">
        <v>134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179</v>
      </c>
      <c r="C75" s="65">
        <v>39</v>
      </c>
      <c r="D75" s="66">
        <v>140</v>
      </c>
      <c r="E75" s="64">
        <v>218</v>
      </c>
      <c r="F75" s="65">
        <v>131</v>
      </c>
      <c r="G75" s="66">
        <v>87</v>
      </c>
      <c r="H75" s="64">
        <v>2502</v>
      </c>
      <c r="I75" s="65">
        <v>1370</v>
      </c>
      <c r="J75" s="66">
        <v>1132</v>
      </c>
      <c r="K75" s="64">
        <v>2105</v>
      </c>
      <c r="L75" s="65">
        <v>1200</v>
      </c>
      <c r="M75" s="66">
        <v>905</v>
      </c>
    </row>
    <row r="76" spans="1:13">
      <c r="A76" s="27" t="s">
        <v>5</v>
      </c>
      <c r="B76" s="67">
        <v>46</v>
      </c>
      <c r="C76" s="68">
        <v>14</v>
      </c>
      <c r="D76" s="69">
        <v>32</v>
      </c>
      <c r="E76" s="67">
        <v>40</v>
      </c>
      <c r="F76" s="68">
        <v>22</v>
      </c>
      <c r="G76" s="69">
        <v>18</v>
      </c>
      <c r="H76" s="67">
        <v>566</v>
      </c>
      <c r="I76" s="68">
        <v>309</v>
      </c>
      <c r="J76" s="69">
        <v>257</v>
      </c>
      <c r="K76" s="67">
        <v>480</v>
      </c>
      <c r="L76" s="68">
        <v>273</v>
      </c>
      <c r="M76" s="69">
        <v>207</v>
      </c>
    </row>
    <row r="77" spans="1:13">
      <c r="A77" s="27" t="s">
        <v>7</v>
      </c>
      <c r="B77" s="67">
        <v>-11</v>
      </c>
      <c r="C77" s="68">
        <v>-26</v>
      </c>
      <c r="D77" s="69">
        <v>15</v>
      </c>
      <c r="E77" s="67">
        <v>52</v>
      </c>
      <c r="F77" s="68">
        <v>33</v>
      </c>
      <c r="G77" s="69">
        <v>19</v>
      </c>
      <c r="H77" s="67">
        <v>504</v>
      </c>
      <c r="I77" s="68">
        <v>264</v>
      </c>
      <c r="J77" s="69">
        <v>240</v>
      </c>
      <c r="K77" s="67">
        <v>463</v>
      </c>
      <c r="L77" s="68">
        <v>257</v>
      </c>
      <c r="M77" s="69">
        <v>206</v>
      </c>
    </row>
    <row r="78" spans="1:13">
      <c r="A78" s="27" t="s">
        <v>9</v>
      </c>
      <c r="B78" s="67">
        <v>69</v>
      </c>
      <c r="C78" s="68">
        <v>27</v>
      </c>
      <c r="D78" s="69">
        <v>42</v>
      </c>
      <c r="E78" s="67">
        <v>38</v>
      </c>
      <c r="F78" s="68">
        <v>18</v>
      </c>
      <c r="G78" s="69">
        <v>20</v>
      </c>
      <c r="H78" s="67">
        <v>500</v>
      </c>
      <c r="I78" s="68">
        <v>274</v>
      </c>
      <c r="J78" s="69">
        <v>226</v>
      </c>
      <c r="K78" s="67">
        <v>393</v>
      </c>
      <c r="L78" s="68">
        <v>229</v>
      </c>
      <c r="M78" s="69">
        <v>164</v>
      </c>
    </row>
    <row r="79" spans="1:13">
      <c r="A79" s="27" t="s">
        <v>11</v>
      </c>
      <c r="B79" s="67">
        <v>44</v>
      </c>
      <c r="C79" s="68">
        <v>-3</v>
      </c>
      <c r="D79" s="69">
        <v>47</v>
      </c>
      <c r="E79" s="67">
        <v>42</v>
      </c>
      <c r="F79" s="68">
        <v>30</v>
      </c>
      <c r="G79" s="69">
        <v>12</v>
      </c>
      <c r="H79" s="67">
        <v>465</v>
      </c>
      <c r="I79" s="68">
        <v>247</v>
      </c>
      <c r="J79" s="69">
        <v>218</v>
      </c>
      <c r="K79" s="67">
        <v>379</v>
      </c>
      <c r="L79" s="68">
        <v>220</v>
      </c>
      <c r="M79" s="69">
        <v>159</v>
      </c>
    </row>
    <row r="80" spans="1:13">
      <c r="A80" s="27" t="s">
        <v>13</v>
      </c>
      <c r="B80" s="67">
        <v>31</v>
      </c>
      <c r="C80" s="68">
        <v>27</v>
      </c>
      <c r="D80" s="69">
        <v>4</v>
      </c>
      <c r="E80" s="67">
        <v>46</v>
      </c>
      <c r="F80" s="68">
        <v>28</v>
      </c>
      <c r="G80" s="69">
        <v>18</v>
      </c>
      <c r="H80" s="67">
        <v>467</v>
      </c>
      <c r="I80" s="68">
        <v>276</v>
      </c>
      <c r="J80" s="69">
        <v>191</v>
      </c>
      <c r="K80" s="67">
        <v>390</v>
      </c>
      <c r="L80" s="68">
        <v>221</v>
      </c>
      <c r="M80" s="69">
        <v>169</v>
      </c>
    </row>
    <row r="81" spans="1:13" ht="21" customHeight="1">
      <c r="A81" s="38" t="s">
        <v>15</v>
      </c>
      <c r="B81" s="64">
        <v>48</v>
      </c>
      <c r="C81" s="65">
        <v>7</v>
      </c>
      <c r="D81" s="66">
        <v>41</v>
      </c>
      <c r="E81" s="64">
        <v>317</v>
      </c>
      <c r="F81" s="65">
        <v>203</v>
      </c>
      <c r="G81" s="66">
        <v>114</v>
      </c>
      <c r="H81" s="64">
        <v>1835</v>
      </c>
      <c r="I81" s="65">
        <v>1033</v>
      </c>
      <c r="J81" s="66">
        <v>802</v>
      </c>
      <c r="K81" s="64">
        <v>1470</v>
      </c>
      <c r="L81" s="65">
        <v>823</v>
      </c>
      <c r="M81" s="66">
        <v>647</v>
      </c>
    </row>
    <row r="82" spans="1:13">
      <c r="A82" s="27" t="s">
        <v>17</v>
      </c>
      <c r="B82" s="67">
        <v>77</v>
      </c>
      <c r="C82" s="68">
        <v>41</v>
      </c>
      <c r="D82" s="69">
        <v>36</v>
      </c>
      <c r="E82" s="67">
        <v>64</v>
      </c>
      <c r="F82" s="68">
        <v>38</v>
      </c>
      <c r="G82" s="69">
        <v>26</v>
      </c>
      <c r="H82" s="67">
        <v>465</v>
      </c>
      <c r="I82" s="68">
        <v>277</v>
      </c>
      <c r="J82" s="69">
        <v>188</v>
      </c>
      <c r="K82" s="67">
        <v>324</v>
      </c>
      <c r="L82" s="68">
        <v>198</v>
      </c>
      <c r="M82" s="69">
        <v>126</v>
      </c>
    </row>
    <row r="83" spans="1:13">
      <c r="A83" s="27" t="s">
        <v>19</v>
      </c>
      <c r="B83" s="67">
        <v>-15</v>
      </c>
      <c r="C83" s="68">
        <v>-17</v>
      </c>
      <c r="D83" s="69">
        <v>2</v>
      </c>
      <c r="E83" s="67">
        <v>37</v>
      </c>
      <c r="F83" s="68">
        <v>24</v>
      </c>
      <c r="G83" s="69">
        <v>13</v>
      </c>
      <c r="H83" s="67">
        <v>305</v>
      </c>
      <c r="I83" s="68">
        <v>165</v>
      </c>
      <c r="J83" s="69">
        <v>140</v>
      </c>
      <c r="K83" s="67">
        <v>283</v>
      </c>
      <c r="L83" s="68">
        <v>158</v>
      </c>
      <c r="M83" s="69">
        <v>125</v>
      </c>
    </row>
    <row r="84" spans="1:13">
      <c r="A84" s="27" t="s">
        <v>21</v>
      </c>
      <c r="B84" s="67">
        <v>1</v>
      </c>
      <c r="C84" s="68">
        <v>-1</v>
      </c>
      <c r="D84" s="69">
        <v>2</v>
      </c>
      <c r="E84" s="67">
        <v>60</v>
      </c>
      <c r="F84" s="68">
        <v>44</v>
      </c>
      <c r="G84" s="69">
        <v>16</v>
      </c>
      <c r="H84" s="67">
        <v>396</v>
      </c>
      <c r="I84" s="68">
        <v>221</v>
      </c>
      <c r="J84" s="69">
        <v>175</v>
      </c>
      <c r="K84" s="67">
        <v>335</v>
      </c>
      <c r="L84" s="68">
        <v>178</v>
      </c>
      <c r="M84" s="69">
        <v>157</v>
      </c>
    </row>
    <row r="85" spans="1:13">
      <c r="A85" s="27" t="s">
        <v>23</v>
      </c>
      <c r="B85" s="67">
        <v>-18</v>
      </c>
      <c r="C85" s="68">
        <v>-18</v>
      </c>
      <c r="D85" s="69">
        <v>0</v>
      </c>
      <c r="E85" s="67">
        <v>81</v>
      </c>
      <c r="F85" s="68">
        <v>50</v>
      </c>
      <c r="G85" s="69">
        <v>31</v>
      </c>
      <c r="H85" s="67">
        <v>328</v>
      </c>
      <c r="I85" s="68">
        <v>183</v>
      </c>
      <c r="J85" s="69">
        <v>145</v>
      </c>
      <c r="K85" s="67">
        <v>265</v>
      </c>
      <c r="L85" s="68">
        <v>151</v>
      </c>
      <c r="M85" s="69">
        <v>114</v>
      </c>
    </row>
    <row r="86" spans="1:13">
      <c r="A86" s="27" t="s">
        <v>25</v>
      </c>
      <c r="B86" s="67">
        <v>3</v>
      </c>
      <c r="C86" s="68">
        <v>2</v>
      </c>
      <c r="D86" s="69">
        <v>1</v>
      </c>
      <c r="E86" s="67">
        <v>75</v>
      </c>
      <c r="F86" s="68">
        <v>47</v>
      </c>
      <c r="G86" s="69">
        <v>28</v>
      </c>
      <c r="H86" s="67">
        <v>341</v>
      </c>
      <c r="I86" s="68">
        <v>187</v>
      </c>
      <c r="J86" s="69">
        <v>154</v>
      </c>
      <c r="K86" s="67">
        <v>263</v>
      </c>
      <c r="L86" s="68">
        <v>138</v>
      </c>
      <c r="M86" s="69">
        <v>125</v>
      </c>
    </row>
    <row r="87" spans="1:13" ht="21" customHeight="1">
      <c r="A87" s="38" t="s">
        <v>27</v>
      </c>
      <c r="B87" s="64">
        <v>-137</v>
      </c>
      <c r="C87" s="65">
        <v>-137</v>
      </c>
      <c r="D87" s="66">
        <v>0</v>
      </c>
      <c r="E87" s="64">
        <v>391</v>
      </c>
      <c r="F87" s="65">
        <v>256</v>
      </c>
      <c r="G87" s="66">
        <v>135</v>
      </c>
      <c r="H87" s="64">
        <v>1272</v>
      </c>
      <c r="I87" s="65">
        <v>716</v>
      </c>
      <c r="J87" s="66">
        <v>556</v>
      </c>
      <c r="K87" s="64">
        <v>1018</v>
      </c>
      <c r="L87" s="65">
        <v>597</v>
      </c>
      <c r="M87" s="66">
        <v>421</v>
      </c>
    </row>
    <row r="88" spans="1:13">
      <c r="A88" s="27" t="s">
        <v>29</v>
      </c>
      <c r="B88" s="67">
        <v>-53</v>
      </c>
      <c r="C88" s="68">
        <v>-46</v>
      </c>
      <c r="D88" s="69">
        <v>-7</v>
      </c>
      <c r="E88" s="67">
        <v>69</v>
      </c>
      <c r="F88" s="68">
        <v>45</v>
      </c>
      <c r="G88" s="69">
        <v>24</v>
      </c>
      <c r="H88" s="67">
        <v>290</v>
      </c>
      <c r="I88" s="68">
        <v>166</v>
      </c>
      <c r="J88" s="69">
        <v>124</v>
      </c>
      <c r="K88" s="67">
        <v>274</v>
      </c>
      <c r="L88" s="68">
        <v>167</v>
      </c>
      <c r="M88" s="69">
        <v>107</v>
      </c>
    </row>
    <row r="89" spans="1:13">
      <c r="A89" s="27" t="s">
        <v>31</v>
      </c>
      <c r="B89" s="67">
        <v>27</v>
      </c>
      <c r="C89" s="68">
        <v>-10</v>
      </c>
      <c r="D89" s="69">
        <v>37</v>
      </c>
      <c r="E89" s="67">
        <v>83</v>
      </c>
      <c r="F89" s="68">
        <v>58</v>
      </c>
      <c r="G89" s="69">
        <v>25</v>
      </c>
      <c r="H89" s="67">
        <v>294</v>
      </c>
      <c r="I89" s="68">
        <v>163</v>
      </c>
      <c r="J89" s="69">
        <v>131</v>
      </c>
      <c r="K89" s="67">
        <v>184</v>
      </c>
      <c r="L89" s="68">
        <v>115</v>
      </c>
      <c r="M89" s="69">
        <v>69</v>
      </c>
    </row>
    <row r="90" spans="1:13">
      <c r="A90" s="27" t="s">
        <v>33</v>
      </c>
      <c r="B90" s="67">
        <v>-24</v>
      </c>
      <c r="C90" s="68">
        <v>-17</v>
      </c>
      <c r="D90" s="69">
        <v>-7</v>
      </c>
      <c r="E90" s="67">
        <v>73</v>
      </c>
      <c r="F90" s="68">
        <v>46</v>
      </c>
      <c r="G90" s="69">
        <v>27</v>
      </c>
      <c r="H90" s="67">
        <v>245</v>
      </c>
      <c r="I90" s="68">
        <v>135</v>
      </c>
      <c r="J90" s="69">
        <v>110</v>
      </c>
      <c r="K90" s="67">
        <v>196</v>
      </c>
      <c r="L90" s="68">
        <v>106</v>
      </c>
      <c r="M90" s="69">
        <v>90</v>
      </c>
    </row>
    <row r="91" spans="1:13">
      <c r="A91" s="27" t="s">
        <v>35</v>
      </c>
      <c r="B91" s="67">
        <v>-46</v>
      </c>
      <c r="C91" s="68">
        <v>-31</v>
      </c>
      <c r="D91" s="69">
        <v>-15</v>
      </c>
      <c r="E91" s="67">
        <v>82</v>
      </c>
      <c r="F91" s="68">
        <v>53</v>
      </c>
      <c r="G91" s="69">
        <v>29</v>
      </c>
      <c r="H91" s="67">
        <v>221</v>
      </c>
      <c r="I91" s="68">
        <v>125</v>
      </c>
      <c r="J91" s="69">
        <v>96</v>
      </c>
      <c r="K91" s="67">
        <v>185</v>
      </c>
      <c r="L91" s="68">
        <v>103</v>
      </c>
      <c r="M91" s="69">
        <v>82</v>
      </c>
    </row>
    <row r="92" spans="1:13">
      <c r="A92" s="27" t="s">
        <v>37</v>
      </c>
      <c r="B92" s="67">
        <v>-41</v>
      </c>
      <c r="C92" s="68">
        <v>-33</v>
      </c>
      <c r="D92" s="69">
        <v>-8</v>
      </c>
      <c r="E92" s="67">
        <v>84</v>
      </c>
      <c r="F92" s="68">
        <v>54</v>
      </c>
      <c r="G92" s="69">
        <v>30</v>
      </c>
      <c r="H92" s="67">
        <v>222</v>
      </c>
      <c r="I92" s="68">
        <v>127</v>
      </c>
      <c r="J92" s="69">
        <v>95</v>
      </c>
      <c r="K92" s="67">
        <v>179</v>
      </c>
      <c r="L92" s="68">
        <v>106</v>
      </c>
      <c r="M92" s="69">
        <v>73</v>
      </c>
    </row>
    <row r="93" spans="1:13" ht="21" customHeight="1">
      <c r="A93" s="38" t="s">
        <v>39</v>
      </c>
      <c r="B93" s="64">
        <v>-485</v>
      </c>
      <c r="C93" s="65">
        <v>-331</v>
      </c>
      <c r="D93" s="66">
        <v>-154</v>
      </c>
      <c r="E93" s="64">
        <v>593</v>
      </c>
      <c r="F93" s="65">
        <v>404</v>
      </c>
      <c r="G93" s="66">
        <v>189</v>
      </c>
      <c r="H93" s="64">
        <v>926</v>
      </c>
      <c r="I93" s="65">
        <v>525</v>
      </c>
      <c r="J93" s="66">
        <v>401</v>
      </c>
      <c r="K93" s="64">
        <v>818</v>
      </c>
      <c r="L93" s="65">
        <v>452</v>
      </c>
      <c r="M93" s="66">
        <v>366</v>
      </c>
    </row>
    <row r="94" spans="1:13">
      <c r="A94" s="27" t="s">
        <v>41</v>
      </c>
      <c r="B94" s="67">
        <v>-65</v>
      </c>
      <c r="C94" s="68">
        <v>-34</v>
      </c>
      <c r="D94" s="69">
        <v>-31</v>
      </c>
      <c r="E94" s="67">
        <v>91</v>
      </c>
      <c r="F94" s="68">
        <v>59</v>
      </c>
      <c r="G94" s="69">
        <v>32</v>
      </c>
      <c r="H94" s="67">
        <v>215</v>
      </c>
      <c r="I94" s="68">
        <v>131</v>
      </c>
      <c r="J94" s="69">
        <v>84</v>
      </c>
      <c r="K94" s="67">
        <v>189</v>
      </c>
      <c r="L94" s="68">
        <v>106</v>
      </c>
      <c r="M94" s="69">
        <v>83</v>
      </c>
    </row>
    <row r="95" spans="1:13">
      <c r="A95" s="27" t="s">
        <v>43</v>
      </c>
      <c r="B95" s="67">
        <v>-107</v>
      </c>
      <c r="C95" s="68">
        <v>-69</v>
      </c>
      <c r="D95" s="69">
        <v>-38</v>
      </c>
      <c r="E95" s="67">
        <v>115</v>
      </c>
      <c r="F95" s="68">
        <v>83</v>
      </c>
      <c r="G95" s="69">
        <v>32</v>
      </c>
      <c r="H95" s="67">
        <v>190</v>
      </c>
      <c r="I95" s="68">
        <v>111</v>
      </c>
      <c r="J95" s="69">
        <v>79</v>
      </c>
      <c r="K95" s="67">
        <v>182</v>
      </c>
      <c r="L95" s="68">
        <v>97</v>
      </c>
      <c r="M95" s="69">
        <v>85</v>
      </c>
    </row>
    <row r="96" spans="1:13">
      <c r="A96" s="27" t="s">
        <v>45</v>
      </c>
      <c r="B96" s="67">
        <v>-129</v>
      </c>
      <c r="C96" s="68">
        <v>-92</v>
      </c>
      <c r="D96" s="69">
        <v>-37</v>
      </c>
      <c r="E96" s="67">
        <v>127</v>
      </c>
      <c r="F96" s="68">
        <v>90</v>
      </c>
      <c r="G96" s="69">
        <v>37</v>
      </c>
      <c r="H96" s="67">
        <v>155</v>
      </c>
      <c r="I96" s="68">
        <v>82</v>
      </c>
      <c r="J96" s="69">
        <v>73</v>
      </c>
      <c r="K96" s="67">
        <v>157</v>
      </c>
      <c r="L96" s="68">
        <v>84</v>
      </c>
      <c r="M96" s="69">
        <v>73</v>
      </c>
    </row>
    <row r="97" spans="1:13">
      <c r="A97" s="27" t="s">
        <v>47</v>
      </c>
      <c r="B97" s="67">
        <v>-95</v>
      </c>
      <c r="C97" s="68">
        <v>-68</v>
      </c>
      <c r="D97" s="69">
        <v>-27</v>
      </c>
      <c r="E97" s="67">
        <v>123</v>
      </c>
      <c r="F97" s="68">
        <v>78</v>
      </c>
      <c r="G97" s="69">
        <v>45</v>
      </c>
      <c r="H97" s="67">
        <v>175</v>
      </c>
      <c r="I97" s="68">
        <v>96</v>
      </c>
      <c r="J97" s="69">
        <v>79</v>
      </c>
      <c r="K97" s="67">
        <v>147</v>
      </c>
      <c r="L97" s="68">
        <v>86</v>
      </c>
      <c r="M97" s="69">
        <v>61</v>
      </c>
    </row>
    <row r="98" spans="1:13">
      <c r="A98" s="27" t="s">
        <v>49</v>
      </c>
      <c r="B98" s="67">
        <v>-89</v>
      </c>
      <c r="C98" s="68">
        <v>-68</v>
      </c>
      <c r="D98" s="69">
        <v>-21</v>
      </c>
      <c r="E98" s="67">
        <v>137</v>
      </c>
      <c r="F98" s="68">
        <v>94</v>
      </c>
      <c r="G98" s="69">
        <v>43</v>
      </c>
      <c r="H98" s="67">
        <v>191</v>
      </c>
      <c r="I98" s="68">
        <v>105</v>
      </c>
      <c r="J98" s="69">
        <v>86</v>
      </c>
      <c r="K98" s="67">
        <v>143</v>
      </c>
      <c r="L98" s="68">
        <v>79</v>
      </c>
      <c r="M98" s="69">
        <v>64</v>
      </c>
    </row>
    <row r="99" spans="1:13" ht="21" customHeight="1">
      <c r="A99" s="38" t="s">
        <v>51</v>
      </c>
      <c r="B99" s="64">
        <v>-1021</v>
      </c>
      <c r="C99" s="65">
        <v>-745</v>
      </c>
      <c r="D99" s="66">
        <v>-276</v>
      </c>
      <c r="E99" s="64">
        <v>1228</v>
      </c>
      <c r="F99" s="65">
        <v>807</v>
      </c>
      <c r="G99" s="66">
        <v>421</v>
      </c>
      <c r="H99" s="64">
        <v>920</v>
      </c>
      <c r="I99" s="65">
        <v>438</v>
      </c>
      <c r="J99" s="66">
        <v>482</v>
      </c>
      <c r="K99" s="64">
        <v>713</v>
      </c>
      <c r="L99" s="65">
        <v>376</v>
      </c>
      <c r="M99" s="66">
        <v>337</v>
      </c>
    </row>
    <row r="100" spans="1:13">
      <c r="A100" s="27" t="s">
        <v>53</v>
      </c>
      <c r="B100" s="67">
        <v>-172</v>
      </c>
      <c r="C100" s="68">
        <v>-118</v>
      </c>
      <c r="D100" s="69">
        <v>-54</v>
      </c>
      <c r="E100" s="67">
        <v>194</v>
      </c>
      <c r="F100" s="68">
        <v>122</v>
      </c>
      <c r="G100" s="69">
        <v>72</v>
      </c>
      <c r="H100" s="67">
        <v>156</v>
      </c>
      <c r="I100" s="68">
        <v>75</v>
      </c>
      <c r="J100" s="69">
        <v>81</v>
      </c>
      <c r="K100" s="67">
        <v>134</v>
      </c>
      <c r="L100" s="68">
        <v>71</v>
      </c>
      <c r="M100" s="69">
        <v>63</v>
      </c>
    </row>
    <row r="101" spans="1:13">
      <c r="A101" s="27" t="s">
        <v>55</v>
      </c>
      <c r="B101" s="67">
        <v>-189</v>
      </c>
      <c r="C101" s="68">
        <v>-144</v>
      </c>
      <c r="D101" s="69">
        <v>-45</v>
      </c>
      <c r="E101" s="67">
        <v>211</v>
      </c>
      <c r="F101" s="68">
        <v>141</v>
      </c>
      <c r="G101" s="69">
        <v>70</v>
      </c>
      <c r="H101" s="67">
        <v>157</v>
      </c>
      <c r="I101" s="68">
        <v>74</v>
      </c>
      <c r="J101" s="69">
        <v>83</v>
      </c>
      <c r="K101" s="67">
        <v>135</v>
      </c>
      <c r="L101" s="68">
        <v>77</v>
      </c>
      <c r="M101" s="69">
        <v>58</v>
      </c>
    </row>
    <row r="102" spans="1:13">
      <c r="A102" s="27" t="s">
        <v>57</v>
      </c>
      <c r="B102" s="67">
        <v>-178</v>
      </c>
      <c r="C102" s="68">
        <v>-132</v>
      </c>
      <c r="D102" s="69">
        <v>-46</v>
      </c>
      <c r="E102" s="67">
        <v>220</v>
      </c>
      <c r="F102" s="68">
        <v>140</v>
      </c>
      <c r="G102" s="69">
        <v>80</v>
      </c>
      <c r="H102" s="67">
        <v>193</v>
      </c>
      <c r="I102" s="68">
        <v>97</v>
      </c>
      <c r="J102" s="69">
        <v>96</v>
      </c>
      <c r="K102" s="67">
        <v>151</v>
      </c>
      <c r="L102" s="68">
        <v>89</v>
      </c>
      <c r="M102" s="69">
        <v>62</v>
      </c>
    </row>
    <row r="103" spans="1:13">
      <c r="A103" s="27" t="s">
        <v>59</v>
      </c>
      <c r="B103" s="67">
        <v>-226</v>
      </c>
      <c r="C103" s="68">
        <v>-171</v>
      </c>
      <c r="D103" s="69">
        <v>-55</v>
      </c>
      <c r="E103" s="67">
        <v>288</v>
      </c>
      <c r="F103" s="68">
        <v>193</v>
      </c>
      <c r="G103" s="69">
        <v>95</v>
      </c>
      <c r="H103" s="67">
        <v>206</v>
      </c>
      <c r="I103" s="68">
        <v>91</v>
      </c>
      <c r="J103" s="69">
        <v>115</v>
      </c>
      <c r="K103" s="67">
        <v>144</v>
      </c>
      <c r="L103" s="68">
        <v>69</v>
      </c>
      <c r="M103" s="69">
        <v>75</v>
      </c>
    </row>
    <row r="104" spans="1:13">
      <c r="A104" s="27" t="s">
        <v>61</v>
      </c>
      <c r="B104" s="67">
        <v>-256</v>
      </c>
      <c r="C104" s="68">
        <v>-180</v>
      </c>
      <c r="D104" s="69">
        <v>-76</v>
      </c>
      <c r="E104" s="67">
        <v>315</v>
      </c>
      <c r="F104" s="68">
        <v>211</v>
      </c>
      <c r="G104" s="69">
        <v>104</v>
      </c>
      <c r="H104" s="67">
        <v>208</v>
      </c>
      <c r="I104" s="68">
        <v>101</v>
      </c>
      <c r="J104" s="69">
        <v>107</v>
      </c>
      <c r="K104" s="67">
        <v>149</v>
      </c>
      <c r="L104" s="68">
        <v>70</v>
      </c>
      <c r="M104" s="69">
        <v>79</v>
      </c>
    </row>
    <row r="105" spans="1:13" ht="21" customHeight="1">
      <c r="A105" s="38" t="s">
        <v>63</v>
      </c>
      <c r="B105" s="64">
        <v>-1614</v>
      </c>
      <c r="C105" s="65">
        <v>-1109</v>
      </c>
      <c r="D105" s="66">
        <v>-505</v>
      </c>
      <c r="E105" s="64">
        <v>1716</v>
      </c>
      <c r="F105" s="65">
        <v>1125</v>
      </c>
      <c r="G105" s="66">
        <v>591</v>
      </c>
      <c r="H105" s="64">
        <v>681</v>
      </c>
      <c r="I105" s="65">
        <v>291</v>
      </c>
      <c r="J105" s="66">
        <v>390</v>
      </c>
      <c r="K105" s="64">
        <v>579</v>
      </c>
      <c r="L105" s="65">
        <v>275</v>
      </c>
      <c r="M105" s="66">
        <v>304</v>
      </c>
    </row>
    <row r="106" spans="1:13">
      <c r="A106" s="27" t="s">
        <v>65</v>
      </c>
      <c r="B106" s="67">
        <v>-289</v>
      </c>
      <c r="C106" s="68">
        <v>-224</v>
      </c>
      <c r="D106" s="69">
        <v>-65</v>
      </c>
      <c r="E106" s="67">
        <v>327</v>
      </c>
      <c r="F106" s="68">
        <v>231</v>
      </c>
      <c r="G106" s="69">
        <v>96</v>
      </c>
      <c r="H106" s="67">
        <v>171</v>
      </c>
      <c r="I106" s="68">
        <v>78</v>
      </c>
      <c r="J106" s="69">
        <v>93</v>
      </c>
      <c r="K106" s="67">
        <v>133</v>
      </c>
      <c r="L106" s="68">
        <v>71</v>
      </c>
      <c r="M106" s="69">
        <v>62</v>
      </c>
    </row>
    <row r="107" spans="1:13">
      <c r="A107" s="27" t="s">
        <v>67</v>
      </c>
      <c r="B107" s="67">
        <v>-278</v>
      </c>
      <c r="C107" s="68">
        <v>-195</v>
      </c>
      <c r="D107" s="69">
        <v>-83</v>
      </c>
      <c r="E107" s="67">
        <v>283</v>
      </c>
      <c r="F107" s="68">
        <v>192</v>
      </c>
      <c r="G107" s="69">
        <v>91</v>
      </c>
      <c r="H107" s="67">
        <v>119</v>
      </c>
      <c r="I107" s="68">
        <v>53</v>
      </c>
      <c r="J107" s="69">
        <v>66</v>
      </c>
      <c r="K107" s="67">
        <v>114</v>
      </c>
      <c r="L107" s="68">
        <v>56</v>
      </c>
      <c r="M107" s="69">
        <v>58</v>
      </c>
    </row>
    <row r="108" spans="1:13">
      <c r="A108" s="27" t="s">
        <v>69</v>
      </c>
      <c r="B108" s="67">
        <v>-269</v>
      </c>
      <c r="C108" s="68">
        <v>-160</v>
      </c>
      <c r="D108" s="69">
        <v>-109</v>
      </c>
      <c r="E108" s="67">
        <v>290</v>
      </c>
      <c r="F108" s="68">
        <v>171</v>
      </c>
      <c r="G108" s="69">
        <v>119</v>
      </c>
      <c r="H108" s="67">
        <v>116</v>
      </c>
      <c r="I108" s="68">
        <v>55</v>
      </c>
      <c r="J108" s="69">
        <v>61</v>
      </c>
      <c r="K108" s="67">
        <v>95</v>
      </c>
      <c r="L108" s="68">
        <v>44</v>
      </c>
      <c r="M108" s="69">
        <v>51</v>
      </c>
    </row>
    <row r="109" spans="1:13">
      <c r="A109" s="27" t="s">
        <v>71</v>
      </c>
      <c r="B109" s="67">
        <v>-370</v>
      </c>
      <c r="C109" s="68">
        <v>-246</v>
      </c>
      <c r="D109" s="69">
        <v>-124</v>
      </c>
      <c r="E109" s="67">
        <v>401</v>
      </c>
      <c r="F109" s="68">
        <v>248</v>
      </c>
      <c r="G109" s="69">
        <v>153</v>
      </c>
      <c r="H109" s="67">
        <v>141</v>
      </c>
      <c r="I109" s="68">
        <v>52</v>
      </c>
      <c r="J109" s="69">
        <v>89</v>
      </c>
      <c r="K109" s="67">
        <v>110</v>
      </c>
      <c r="L109" s="68">
        <v>50</v>
      </c>
      <c r="M109" s="69">
        <v>60</v>
      </c>
    </row>
    <row r="110" spans="1:13">
      <c r="A110" s="27" t="s">
        <v>73</v>
      </c>
      <c r="B110" s="67">
        <v>-408</v>
      </c>
      <c r="C110" s="68">
        <v>-284</v>
      </c>
      <c r="D110" s="69">
        <v>-124</v>
      </c>
      <c r="E110" s="67">
        <v>415</v>
      </c>
      <c r="F110" s="68">
        <v>283</v>
      </c>
      <c r="G110" s="69">
        <v>132</v>
      </c>
      <c r="H110" s="67">
        <v>134</v>
      </c>
      <c r="I110" s="68">
        <v>53</v>
      </c>
      <c r="J110" s="69">
        <v>81</v>
      </c>
      <c r="K110" s="67">
        <v>127</v>
      </c>
      <c r="L110" s="68">
        <v>54</v>
      </c>
      <c r="M110" s="69">
        <v>73</v>
      </c>
    </row>
    <row r="111" spans="1:13" ht="21" customHeight="1">
      <c r="A111" s="38" t="s">
        <v>75</v>
      </c>
      <c r="B111" s="64">
        <v>-2235</v>
      </c>
      <c r="C111" s="65">
        <v>-1360</v>
      </c>
      <c r="D111" s="66">
        <v>-875</v>
      </c>
      <c r="E111" s="64">
        <v>2373</v>
      </c>
      <c r="F111" s="65">
        <v>1378</v>
      </c>
      <c r="G111" s="66">
        <v>995</v>
      </c>
      <c r="H111" s="64">
        <v>652</v>
      </c>
      <c r="I111" s="65">
        <v>235</v>
      </c>
      <c r="J111" s="66">
        <v>417</v>
      </c>
      <c r="K111" s="64">
        <v>514</v>
      </c>
      <c r="L111" s="65">
        <v>217</v>
      </c>
      <c r="M111" s="66">
        <v>297</v>
      </c>
    </row>
    <row r="112" spans="1:13">
      <c r="A112" s="27" t="s">
        <v>77</v>
      </c>
      <c r="B112" s="67">
        <v>-411</v>
      </c>
      <c r="C112" s="68">
        <v>-263</v>
      </c>
      <c r="D112" s="69">
        <v>-148</v>
      </c>
      <c r="E112" s="67">
        <v>449</v>
      </c>
      <c r="F112" s="68">
        <v>269</v>
      </c>
      <c r="G112" s="69">
        <v>180</v>
      </c>
      <c r="H112" s="67">
        <v>147</v>
      </c>
      <c r="I112" s="68">
        <v>54</v>
      </c>
      <c r="J112" s="69">
        <v>93</v>
      </c>
      <c r="K112" s="67">
        <v>109</v>
      </c>
      <c r="L112" s="68">
        <v>48</v>
      </c>
      <c r="M112" s="69">
        <v>61</v>
      </c>
    </row>
    <row r="113" spans="1:13">
      <c r="A113" s="27" t="s">
        <v>79</v>
      </c>
      <c r="B113" s="67">
        <v>-453</v>
      </c>
      <c r="C113" s="68">
        <v>-287</v>
      </c>
      <c r="D113" s="69">
        <v>-166</v>
      </c>
      <c r="E113" s="67">
        <v>473</v>
      </c>
      <c r="F113" s="68">
        <v>283</v>
      </c>
      <c r="G113" s="69">
        <v>190</v>
      </c>
      <c r="H113" s="67">
        <v>135</v>
      </c>
      <c r="I113" s="68">
        <v>51</v>
      </c>
      <c r="J113" s="69">
        <v>84</v>
      </c>
      <c r="K113" s="67">
        <v>115</v>
      </c>
      <c r="L113" s="68">
        <v>55</v>
      </c>
      <c r="M113" s="69">
        <v>60</v>
      </c>
    </row>
    <row r="114" spans="1:13">
      <c r="A114" s="27" t="s">
        <v>81</v>
      </c>
      <c r="B114" s="67">
        <v>-465</v>
      </c>
      <c r="C114" s="68">
        <v>-291</v>
      </c>
      <c r="D114" s="69">
        <v>-174</v>
      </c>
      <c r="E114" s="67">
        <v>491</v>
      </c>
      <c r="F114" s="68">
        <v>293</v>
      </c>
      <c r="G114" s="69">
        <v>198</v>
      </c>
      <c r="H114" s="67">
        <v>131</v>
      </c>
      <c r="I114" s="68">
        <v>47</v>
      </c>
      <c r="J114" s="69">
        <v>84</v>
      </c>
      <c r="K114" s="67">
        <v>105</v>
      </c>
      <c r="L114" s="68">
        <v>45</v>
      </c>
      <c r="M114" s="69">
        <v>60</v>
      </c>
    </row>
    <row r="115" spans="1:13">
      <c r="A115" s="27" t="s">
        <v>83</v>
      </c>
      <c r="B115" s="67">
        <v>-436</v>
      </c>
      <c r="C115" s="68">
        <v>-241</v>
      </c>
      <c r="D115" s="69">
        <v>-195</v>
      </c>
      <c r="E115" s="67">
        <v>475</v>
      </c>
      <c r="F115" s="68">
        <v>260</v>
      </c>
      <c r="G115" s="69">
        <v>215</v>
      </c>
      <c r="H115" s="67">
        <v>130</v>
      </c>
      <c r="I115" s="68">
        <v>54</v>
      </c>
      <c r="J115" s="69">
        <v>76</v>
      </c>
      <c r="K115" s="67">
        <v>91</v>
      </c>
      <c r="L115" s="68">
        <v>35</v>
      </c>
      <c r="M115" s="69">
        <v>56</v>
      </c>
    </row>
    <row r="116" spans="1:13">
      <c r="A116" s="27" t="s">
        <v>85</v>
      </c>
      <c r="B116" s="67">
        <v>-470</v>
      </c>
      <c r="C116" s="68">
        <v>-278</v>
      </c>
      <c r="D116" s="69">
        <v>-192</v>
      </c>
      <c r="E116" s="67">
        <v>485</v>
      </c>
      <c r="F116" s="68">
        <v>273</v>
      </c>
      <c r="G116" s="69">
        <v>212</v>
      </c>
      <c r="H116" s="67">
        <v>109</v>
      </c>
      <c r="I116" s="68">
        <v>29</v>
      </c>
      <c r="J116" s="69">
        <v>80</v>
      </c>
      <c r="K116" s="67">
        <v>94</v>
      </c>
      <c r="L116" s="68">
        <v>34</v>
      </c>
      <c r="M116" s="69">
        <v>60</v>
      </c>
    </row>
    <row r="117" spans="1:13" ht="21" customHeight="1">
      <c r="A117" s="38" t="s">
        <v>87</v>
      </c>
      <c r="B117" s="64">
        <v>-2875</v>
      </c>
      <c r="C117" s="65">
        <v>-1529</v>
      </c>
      <c r="D117" s="66">
        <v>-1346</v>
      </c>
      <c r="E117" s="64">
        <v>3006</v>
      </c>
      <c r="F117" s="65">
        <v>1546</v>
      </c>
      <c r="G117" s="66">
        <v>1460</v>
      </c>
      <c r="H117" s="64">
        <v>601</v>
      </c>
      <c r="I117" s="65">
        <v>168</v>
      </c>
      <c r="J117" s="66">
        <v>433</v>
      </c>
      <c r="K117" s="64">
        <v>470</v>
      </c>
      <c r="L117" s="65">
        <v>151</v>
      </c>
      <c r="M117" s="66">
        <v>319</v>
      </c>
    </row>
    <row r="118" spans="1:13">
      <c r="A118" s="27" t="s">
        <v>89</v>
      </c>
      <c r="B118" s="67">
        <v>-559</v>
      </c>
      <c r="C118" s="68">
        <v>-337</v>
      </c>
      <c r="D118" s="69">
        <v>-222</v>
      </c>
      <c r="E118" s="67">
        <v>577</v>
      </c>
      <c r="F118" s="68">
        <v>336</v>
      </c>
      <c r="G118" s="69">
        <v>241</v>
      </c>
      <c r="H118" s="67">
        <v>131</v>
      </c>
      <c r="I118" s="68">
        <v>37</v>
      </c>
      <c r="J118" s="69">
        <v>94</v>
      </c>
      <c r="K118" s="67">
        <v>113</v>
      </c>
      <c r="L118" s="68">
        <v>38</v>
      </c>
      <c r="M118" s="69">
        <v>75</v>
      </c>
    </row>
    <row r="119" spans="1:13">
      <c r="A119" s="27" t="s">
        <v>91</v>
      </c>
      <c r="B119" s="67">
        <v>-549</v>
      </c>
      <c r="C119" s="68">
        <v>-292</v>
      </c>
      <c r="D119" s="69">
        <v>-257</v>
      </c>
      <c r="E119" s="67">
        <v>592</v>
      </c>
      <c r="F119" s="68">
        <v>300</v>
      </c>
      <c r="G119" s="69">
        <v>292</v>
      </c>
      <c r="H119" s="67">
        <v>140</v>
      </c>
      <c r="I119" s="68">
        <v>38</v>
      </c>
      <c r="J119" s="69">
        <v>102</v>
      </c>
      <c r="K119" s="67">
        <v>97</v>
      </c>
      <c r="L119" s="68">
        <v>30</v>
      </c>
      <c r="M119" s="69">
        <v>67</v>
      </c>
    </row>
    <row r="120" spans="1:13">
      <c r="A120" s="27" t="s">
        <v>93</v>
      </c>
      <c r="B120" s="67">
        <v>-592</v>
      </c>
      <c r="C120" s="68">
        <v>-305</v>
      </c>
      <c r="D120" s="69">
        <v>-287</v>
      </c>
      <c r="E120" s="67">
        <v>622</v>
      </c>
      <c r="F120" s="68">
        <v>311</v>
      </c>
      <c r="G120" s="69">
        <v>311</v>
      </c>
      <c r="H120" s="67">
        <v>124</v>
      </c>
      <c r="I120" s="68">
        <v>32</v>
      </c>
      <c r="J120" s="69">
        <v>92</v>
      </c>
      <c r="K120" s="67">
        <v>94</v>
      </c>
      <c r="L120" s="68">
        <v>26</v>
      </c>
      <c r="M120" s="69">
        <v>68</v>
      </c>
    </row>
    <row r="121" spans="1:13">
      <c r="A121" s="27" t="s">
        <v>95</v>
      </c>
      <c r="B121" s="67">
        <v>-611</v>
      </c>
      <c r="C121" s="68">
        <v>-312</v>
      </c>
      <c r="D121" s="69">
        <v>-299</v>
      </c>
      <c r="E121" s="67">
        <v>626</v>
      </c>
      <c r="F121" s="68">
        <v>309</v>
      </c>
      <c r="G121" s="69">
        <v>317</v>
      </c>
      <c r="H121" s="67">
        <v>102</v>
      </c>
      <c r="I121" s="68">
        <v>28</v>
      </c>
      <c r="J121" s="69">
        <v>74</v>
      </c>
      <c r="K121" s="67">
        <v>87</v>
      </c>
      <c r="L121" s="68">
        <v>31</v>
      </c>
      <c r="M121" s="69">
        <v>56</v>
      </c>
    </row>
    <row r="122" spans="1:13">
      <c r="A122" s="27" t="s">
        <v>97</v>
      </c>
      <c r="B122" s="67">
        <v>-564</v>
      </c>
      <c r="C122" s="68">
        <v>-283</v>
      </c>
      <c r="D122" s="69">
        <v>-281</v>
      </c>
      <c r="E122" s="67">
        <v>589</v>
      </c>
      <c r="F122" s="68">
        <v>290</v>
      </c>
      <c r="G122" s="69">
        <v>299</v>
      </c>
      <c r="H122" s="67">
        <v>104</v>
      </c>
      <c r="I122" s="68">
        <v>33</v>
      </c>
      <c r="J122" s="69">
        <v>71</v>
      </c>
      <c r="K122" s="67">
        <v>79</v>
      </c>
      <c r="L122" s="68">
        <v>26</v>
      </c>
      <c r="M122" s="69">
        <v>53</v>
      </c>
    </row>
    <row r="123" spans="1:13" ht="21" customHeight="1">
      <c r="A123" s="38" t="s">
        <v>99</v>
      </c>
      <c r="B123" s="64">
        <v>-2440</v>
      </c>
      <c r="C123" s="65">
        <v>-1000</v>
      </c>
      <c r="D123" s="66">
        <v>-1440</v>
      </c>
      <c r="E123" s="64">
        <v>2510</v>
      </c>
      <c r="F123" s="65">
        <v>1015</v>
      </c>
      <c r="G123" s="66">
        <v>1495</v>
      </c>
      <c r="H123" s="64">
        <v>292</v>
      </c>
      <c r="I123" s="65">
        <v>83</v>
      </c>
      <c r="J123" s="66">
        <v>209</v>
      </c>
      <c r="K123" s="64">
        <v>222</v>
      </c>
      <c r="L123" s="65">
        <v>68</v>
      </c>
      <c r="M123" s="66">
        <v>154</v>
      </c>
    </row>
    <row r="124" spans="1:13">
      <c r="A124" s="27" t="s">
        <v>101</v>
      </c>
      <c r="B124" s="67">
        <v>-550</v>
      </c>
      <c r="C124" s="68">
        <v>-251</v>
      </c>
      <c r="D124" s="69">
        <v>-299</v>
      </c>
      <c r="E124" s="67">
        <v>568</v>
      </c>
      <c r="F124" s="68">
        <v>251</v>
      </c>
      <c r="G124" s="69">
        <v>317</v>
      </c>
      <c r="H124" s="67">
        <v>85</v>
      </c>
      <c r="I124" s="68">
        <v>28</v>
      </c>
      <c r="J124" s="69">
        <v>57</v>
      </c>
      <c r="K124" s="67">
        <v>67</v>
      </c>
      <c r="L124" s="68">
        <v>28</v>
      </c>
      <c r="M124" s="69">
        <v>39</v>
      </c>
    </row>
    <row r="125" spans="1:13">
      <c r="A125" s="27" t="s">
        <v>103</v>
      </c>
      <c r="B125" s="67">
        <v>-541</v>
      </c>
      <c r="C125" s="68">
        <v>-218</v>
      </c>
      <c r="D125" s="69">
        <v>-323</v>
      </c>
      <c r="E125" s="67">
        <v>562</v>
      </c>
      <c r="F125" s="68">
        <v>223</v>
      </c>
      <c r="G125" s="69">
        <v>339</v>
      </c>
      <c r="H125" s="67">
        <v>71</v>
      </c>
      <c r="I125" s="68">
        <v>17</v>
      </c>
      <c r="J125" s="69">
        <v>54</v>
      </c>
      <c r="K125" s="67">
        <v>50</v>
      </c>
      <c r="L125" s="68">
        <v>12</v>
      </c>
      <c r="M125" s="69">
        <v>38</v>
      </c>
    </row>
    <row r="126" spans="1:13">
      <c r="A126" s="27" t="s">
        <v>105</v>
      </c>
      <c r="B126" s="67">
        <v>-514</v>
      </c>
      <c r="C126" s="68">
        <v>-222</v>
      </c>
      <c r="D126" s="69">
        <v>-292</v>
      </c>
      <c r="E126" s="67">
        <v>525</v>
      </c>
      <c r="F126" s="68">
        <v>222</v>
      </c>
      <c r="G126" s="69">
        <v>303</v>
      </c>
      <c r="H126" s="67">
        <v>65</v>
      </c>
      <c r="I126" s="68">
        <v>15</v>
      </c>
      <c r="J126" s="69">
        <v>50</v>
      </c>
      <c r="K126" s="67">
        <v>54</v>
      </c>
      <c r="L126" s="68">
        <v>15</v>
      </c>
      <c r="M126" s="69">
        <v>39</v>
      </c>
    </row>
    <row r="127" spans="1:13">
      <c r="A127" s="27" t="s">
        <v>107</v>
      </c>
      <c r="B127" s="67">
        <v>-431</v>
      </c>
      <c r="C127" s="68">
        <v>-159</v>
      </c>
      <c r="D127" s="69">
        <v>-272</v>
      </c>
      <c r="E127" s="67">
        <v>443</v>
      </c>
      <c r="F127" s="68">
        <v>167</v>
      </c>
      <c r="G127" s="69">
        <v>276</v>
      </c>
      <c r="H127" s="67">
        <v>38</v>
      </c>
      <c r="I127" s="68">
        <v>11</v>
      </c>
      <c r="J127" s="69">
        <v>27</v>
      </c>
      <c r="K127" s="67">
        <v>26</v>
      </c>
      <c r="L127" s="68">
        <v>3</v>
      </c>
      <c r="M127" s="69">
        <v>23</v>
      </c>
    </row>
    <row r="128" spans="1:13">
      <c r="A128" s="27" t="s">
        <v>109</v>
      </c>
      <c r="B128" s="67">
        <v>-404</v>
      </c>
      <c r="C128" s="68">
        <v>-150</v>
      </c>
      <c r="D128" s="69">
        <v>-254</v>
      </c>
      <c r="E128" s="67">
        <v>412</v>
      </c>
      <c r="F128" s="68">
        <v>152</v>
      </c>
      <c r="G128" s="69">
        <v>260</v>
      </c>
      <c r="H128" s="67">
        <v>33</v>
      </c>
      <c r="I128" s="68">
        <v>12</v>
      </c>
      <c r="J128" s="69">
        <v>21</v>
      </c>
      <c r="K128" s="67">
        <v>25</v>
      </c>
      <c r="L128" s="68">
        <v>10</v>
      </c>
      <c r="M128" s="69">
        <v>15</v>
      </c>
    </row>
    <row r="129" spans="1:13" ht="21" customHeight="1">
      <c r="A129" s="38" t="s">
        <v>111</v>
      </c>
      <c r="B129" s="64">
        <v>-1253</v>
      </c>
      <c r="C129" s="65">
        <v>-345</v>
      </c>
      <c r="D129" s="66">
        <v>-908</v>
      </c>
      <c r="E129" s="64">
        <v>1269</v>
      </c>
      <c r="F129" s="65">
        <v>342</v>
      </c>
      <c r="G129" s="66">
        <v>927</v>
      </c>
      <c r="H129" s="64">
        <v>83</v>
      </c>
      <c r="I129" s="65">
        <v>18</v>
      </c>
      <c r="J129" s="66">
        <v>65</v>
      </c>
      <c r="K129" s="64">
        <v>67</v>
      </c>
      <c r="L129" s="65">
        <v>21</v>
      </c>
      <c r="M129" s="66">
        <v>46</v>
      </c>
    </row>
    <row r="130" spans="1:13">
      <c r="A130" s="27" t="s">
        <v>113</v>
      </c>
      <c r="B130" s="67">
        <v>-358</v>
      </c>
      <c r="C130" s="68">
        <v>-109</v>
      </c>
      <c r="D130" s="69">
        <v>-249</v>
      </c>
      <c r="E130" s="67">
        <v>357</v>
      </c>
      <c r="F130" s="68">
        <v>112</v>
      </c>
      <c r="G130" s="69">
        <v>245</v>
      </c>
      <c r="H130" s="67">
        <v>34</v>
      </c>
      <c r="I130" s="68">
        <v>11</v>
      </c>
      <c r="J130" s="69">
        <v>23</v>
      </c>
      <c r="K130" s="67">
        <v>35</v>
      </c>
      <c r="L130" s="68">
        <v>8</v>
      </c>
      <c r="M130" s="69">
        <v>27</v>
      </c>
    </row>
    <row r="131" spans="1:13">
      <c r="A131" s="27" t="s">
        <v>115</v>
      </c>
      <c r="B131" s="67">
        <v>-309</v>
      </c>
      <c r="C131" s="68">
        <v>-101</v>
      </c>
      <c r="D131" s="69">
        <v>-208</v>
      </c>
      <c r="E131" s="67">
        <v>310</v>
      </c>
      <c r="F131" s="68">
        <v>95</v>
      </c>
      <c r="G131" s="69">
        <v>215</v>
      </c>
      <c r="H131" s="67">
        <v>20</v>
      </c>
      <c r="I131" s="68">
        <v>3</v>
      </c>
      <c r="J131" s="69">
        <v>17</v>
      </c>
      <c r="K131" s="67">
        <v>19</v>
      </c>
      <c r="L131" s="68">
        <v>9</v>
      </c>
      <c r="M131" s="69">
        <v>10</v>
      </c>
    </row>
    <row r="132" spans="1:13">
      <c r="A132" s="27" t="s">
        <v>117</v>
      </c>
      <c r="B132" s="67">
        <v>-250</v>
      </c>
      <c r="C132" s="68">
        <v>-55</v>
      </c>
      <c r="D132" s="69">
        <v>-195</v>
      </c>
      <c r="E132" s="67">
        <v>259</v>
      </c>
      <c r="F132" s="68">
        <v>54</v>
      </c>
      <c r="G132" s="69">
        <v>205</v>
      </c>
      <c r="H132" s="67">
        <v>15</v>
      </c>
      <c r="I132" s="68">
        <v>2</v>
      </c>
      <c r="J132" s="69">
        <v>13</v>
      </c>
      <c r="K132" s="67">
        <v>6</v>
      </c>
      <c r="L132" s="68">
        <v>3</v>
      </c>
      <c r="M132" s="69">
        <v>3</v>
      </c>
    </row>
    <row r="133" spans="1:13">
      <c r="A133" s="27" t="s">
        <v>119</v>
      </c>
      <c r="B133" s="67">
        <v>-186</v>
      </c>
      <c r="C133" s="68">
        <v>-45</v>
      </c>
      <c r="D133" s="69">
        <v>-141</v>
      </c>
      <c r="E133" s="67">
        <v>189</v>
      </c>
      <c r="F133" s="68">
        <v>46</v>
      </c>
      <c r="G133" s="69">
        <v>143</v>
      </c>
      <c r="H133" s="67">
        <v>8</v>
      </c>
      <c r="I133" s="68">
        <v>1</v>
      </c>
      <c r="J133" s="69">
        <v>7</v>
      </c>
      <c r="K133" s="67">
        <v>5</v>
      </c>
      <c r="L133" s="68">
        <v>0</v>
      </c>
      <c r="M133" s="69">
        <v>5</v>
      </c>
    </row>
    <row r="134" spans="1:13">
      <c r="A134" s="27" t="s">
        <v>121</v>
      </c>
      <c r="B134" s="67">
        <v>-150</v>
      </c>
      <c r="C134" s="68">
        <v>-35</v>
      </c>
      <c r="D134" s="69">
        <v>-115</v>
      </c>
      <c r="E134" s="67">
        <v>154</v>
      </c>
      <c r="F134" s="68">
        <v>35</v>
      </c>
      <c r="G134" s="69">
        <v>119</v>
      </c>
      <c r="H134" s="67">
        <v>6</v>
      </c>
      <c r="I134" s="68">
        <v>1</v>
      </c>
      <c r="J134" s="69">
        <v>5</v>
      </c>
      <c r="K134" s="67">
        <v>2</v>
      </c>
      <c r="L134" s="68">
        <v>1</v>
      </c>
      <c r="M134" s="69">
        <v>1</v>
      </c>
    </row>
    <row r="135" spans="1:13" ht="21" customHeight="1">
      <c r="A135" s="39" t="s">
        <v>122</v>
      </c>
      <c r="B135" s="42">
        <v>-342</v>
      </c>
      <c r="C135" s="40">
        <v>-51</v>
      </c>
      <c r="D135" s="43">
        <v>-291</v>
      </c>
      <c r="E135" s="42">
        <v>337</v>
      </c>
      <c r="F135" s="40">
        <v>52</v>
      </c>
      <c r="G135" s="43">
        <v>285</v>
      </c>
      <c r="H135" s="42">
        <v>7</v>
      </c>
      <c r="I135" s="40">
        <v>2</v>
      </c>
      <c r="J135" s="43">
        <v>5</v>
      </c>
      <c r="K135" s="42">
        <v>12</v>
      </c>
      <c r="L135" s="40">
        <v>1</v>
      </c>
      <c r="M135" s="43">
        <v>11</v>
      </c>
    </row>
    <row r="136" spans="1:13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65"/>
      <c r="M136" s="62"/>
    </row>
    <row r="137" spans="1:13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2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8</v>
      </c>
      <c r="C5" s="62">
        <v>-35</v>
      </c>
      <c r="D5" s="62">
        <v>53</v>
      </c>
      <c r="E5" s="61">
        <v>3032</v>
      </c>
      <c r="F5" s="62">
        <v>1599</v>
      </c>
      <c r="G5" s="63">
        <v>1433</v>
      </c>
      <c r="H5" s="62">
        <v>10047</v>
      </c>
      <c r="I5" s="62">
        <v>5458</v>
      </c>
      <c r="J5" s="62">
        <v>4589</v>
      </c>
      <c r="K5" s="61">
        <v>8371</v>
      </c>
      <c r="L5" s="75">
        <v>4591</v>
      </c>
      <c r="M5" s="76">
        <v>3780</v>
      </c>
    </row>
    <row r="6" spans="1:13" ht="23.25" customHeight="1">
      <c r="A6" s="36" t="s">
        <v>2</v>
      </c>
      <c r="B6" s="64">
        <v>1527</v>
      </c>
      <c r="C6" s="65">
        <v>760</v>
      </c>
      <c r="D6" s="65">
        <v>767</v>
      </c>
      <c r="E6" s="64">
        <v>6</v>
      </c>
      <c r="F6" s="65">
        <v>5</v>
      </c>
      <c r="G6" s="66">
        <v>1</v>
      </c>
      <c r="H6" s="65">
        <v>606</v>
      </c>
      <c r="I6" s="65">
        <v>306</v>
      </c>
      <c r="J6" s="65">
        <v>300</v>
      </c>
      <c r="K6" s="64">
        <v>447</v>
      </c>
      <c r="L6" s="77">
        <v>238</v>
      </c>
      <c r="M6" s="78">
        <v>209</v>
      </c>
    </row>
    <row r="7" spans="1:13">
      <c r="A7" s="15" t="s">
        <v>4</v>
      </c>
      <c r="B7" s="67">
        <v>1447</v>
      </c>
      <c r="C7" s="68">
        <v>728</v>
      </c>
      <c r="D7" s="68">
        <v>719</v>
      </c>
      <c r="E7" s="67">
        <v>4</v>
      </c>
      <c r="F7" s="68">
        <v>3</v>
      </c>
      <c r="G7" s="69">
        <v>1</v>
      </c>
      <c r="H7" s="68">
        <v>238</v>
      </c>
      <c r="I7" s="68">
        <v>119</v>
      </c>
      <c r="J7" s="68">
        <v>119</v>
      </c>
      <c r="K7" s="67">
        <v>161</v>
      </c>
      <c r="L7" s="79">
        <v>85</v>
      </c>
      <c r="M7" s="80">
        <v>76</v>
      </c>
    </row>
    <row r="8" spans="1:13">
      <c r="A8" s="15" t="s">
        <v>6</v>
      </c>
      <c r="B8" s="67">
        <v>24</v>
      </c>
      <c r="C8" s="68">
        <v>15</v>
      </c>
      <c r="D8" s="68">
        <v>9</v>
      </c>
      <c r="E8" s="67">
        <v>1</v>
      </c>
      <c r="F8" s="68">
        <v>1</v>
      </c>
      <c r="G8" s="69">
        <v>0</v>
      </c>
      <c r="H8" s="68">
        <v>112</v>
      </c>
      <c r="I8" s="68">
        <v>64</v>
      </c>
      <c r="J8" s="68">
        <v>48</v>
      </c>
      <c r="K8" s="67">
        <v>87</v>
      </c>
      <c r="L8" s="79">
        <v>48</v>
      </c>
      <c r="M8" s="80">
        <v>39</v>
      </c>
    </row>
    <row r="9" spans="1:13">
      <c r="A9" s="15" t="s">
        <v>8</v>
      </c>
      <c r="B9" s="67">
        <v>25</v>
      </c>
      <c r="C9" s="68">
        <v>16</v>
      </c>
      <c r="D9" s="68">
        <v>9</v>
      </c>
      <c r="E9" s="67">
        <v>0</v>
      </c>
      <c r="F9" s="68">
        <v>0</v>
      </c>
      <c r="G9" s="69">
        <v>0</v>
      </c>
      <c r="H9" s="68">
        <v>101</v>
      </c>
      <c r="I9" s="68">
        <v>53</v>
      </c>
      <c r="J9" s="68">
        <v>48</v>
      </c>
      <c r="K9" s="67">
        <v>76</v>
      </c>
      <c r="L9" s="79">
        <v>37</v>
      </c>
      <c r="M9" s="80">
        <v>39</v>
      </c>
    </row>
    <row r="10" spans="1:13">
      <c r="A10" s="15" t="s">
        <v>10</v>
      </c>
      <c r="B10" s="67">
        <v>11</v>
      </c>
      <c r="C10" s="68">
        <v>3</v>
      </c>
      <c r="D10" s="68">
        <v>8</v>
      </c>
      <c r="E10" s="67">
        <v>1</v>
      </c>
      <c r="F10" s="68">
        <v>1</v>
      </c>
      <c r="G10" s="69">
        <v>0</v>
      </c>
      <c r="H10" s="68">
        <v>76</v>
      </c>
      <c r="I10" s="68">
        <v>34</v>
      </c>
      <c r="J10" s="68">
        <v>42</v>
      </c>
      <c r="K10" s="67">
        <v>64</v>
      </c>
      <c r="L10" s="79">
        <v>30</v>
      </c>
      <c r="M10" s="80">
        <v>34</v>
      </c>
    </row>
    <row r="11" spans="1:13">
      <c r="A11" s="15" t="s">
        <v>12</v>
      </c>
      <c r="B11" s="67">
        <v>20</v>
      </c>
      <c r="C11" s="68">
        <v>-2</v>
      </c>
      <c r="D11" s="68">
        <v>22</v>
      </c>
      <c r="E11" s="67">
        <v>0</v>
      </c>
      <c r="F11" s="68">
        <v>0</v>
      </c>
      <c r="G11" s="69">
        <v>0</v>
      </c>
      <c r="H11" s="68">
        <v>79</v>
      </c>
      <c r="I11" s="68">
        <v>36</v>
      </c>
      <c r="J11" s="68">
        <v>43</v>
      </c>
      <c r="K11" s="67">
        <v>59</v>
      </c>
      <c r="L11" s="79">
        <v>38</v>
      </c>
      <c r="M11" s="80">
        <v>21</v>
      </c>
    </row>
    <row r="12" spans="1:13" ht="21" customHeight="1">
      <c r="A12" s="36" t="s">
        <v>14</v>
      </c>
      <c r="B12" s="64">
        <v>59</v>
      </c>
      <c r="C12" s="65">
        <v>25</v>
      </c>
      <c r="D12" s="65">
        <v>34</v>
      </c>
      <c r="E12" s="64">
        <v>0</v>
      </c>
      <c r="F12" s="65">
        <v>0</v>
      </c>
      <c r="G12" s="66">
        <v>0</v>
      </c>
      <c r="H12" s="65">
        <v>257</v>
      </c>
      <c r="I12" s="65">
        <v>122</v>
      </c>
      <c r="J12" s="65">
        <v>135</v>
      </c>
      <c r="K12" s="64">
        <v>198</v>
      </c>
      <c r="L12" s="77">
        <v>97</v>
      </c>
      <c r="M12" s="78">
        <v>101</v>
      </c>
    </row>
    <row r="13" spans="1:13">
      <c r="A13" s="15" t="s">
        <v>16</v>
      </c>
      <c r="B13" s="67">
        <v>10</v>
      </c>
      <c r="C13" s="68">
        <v>0</v>
      </c>
      <c r="D13" s="68">
        <v>10</v>
      </c>
      <c r="E13" s="67">
        <v>0</v>
      </c>
      <c r="F13" s="68">
        <v>0</v>
      </c>
      <c r="G13" s="69">
        <v>0</v>
      </c>
      <c r="H13" s="68">
        <v>69</v>
      </c>
      <c r="I13" s="68">
        <v>28</v>
      </c>
      <c r="J13" s="68">
        <v>41</v>
      </c>
      <c r="K13" s="67">
        <v>59</v>
      </c>
      <c r="L13" s="79">
        <v>28</v>
      </c>
      <c r="M13" s="80">
        <v>31</v>
      </c>
    </row>
    <row r="14" spans="1:13">
      <c r="A14" s="15" t="s">
        <v>18</v>
      </c>
      <c r="B14" s="67">
        <v>24</v>
      </c>
      <c r="C14" s="68">
        <v>11</v>
      </c>
      <c r="D14" s="68">
        <v>13</v>
      </c>
      <c r="E14" s="67">
        <v>0</v>
      </c>
      <c r="F14" s="68">
        <v>0</v>
      </c>
      <c r="G14" s="69">
        <v>0</v>
      </c>
      <c r="H14" s="68">
        <v>66</v>
      </c>
      <c r="I14" s="68">
        <v>33</v>
      </c>
      <c r="J14" s="68">
        <v>33</v>
      </c>
      <c r="K14" s="67">
        <v>42</v>
      </c>
      <c r="L14" s="79">
        <v>22</v>
      </c>
      <c r="M14" s="80">
        <v>20</v>
      </c>
    </row>
    <row r="15" spans="1:13">
      <c r="A15" s="15" t="s">
        <v>20</v>
      </c>
      <c r="B15" s="67">
        <v>16</v>
      </c>
      <c r="C15" s="68">
        <v>8</v>
      </c>
      <c r="D15" s="68">
        <v>8</v>
      </c>
      <c r="E15" s="67">
        <v>0</v>
      </c>
      <c r="F15" s="68">
        <v>0</v>
      </c>
      <c r="G15" s="69">
        <v>0</v>
      </c>
      <c r="H15" s="68">
        <v>51</v>
      </c>
      <c r="I15" s="68">
        <v>27</v>
      </c>
      <c r="J15" s="68">
        <v>24</v>
      </c>
      <c r="K15" s="67">
        <v>35</v>
      </c>
      <c r="L15" s="79">
        <v>19</v>
      </c>
      <c r="M15" s="80">
        <v>16</v>
      </c>
    </row>
    <row r="16" spans="1:13">
      <c r="A16" s="15" t="s">
        <v>22</v>
      </c>
      <c r="B16" s="67">
        <v>1</v>
      </c>
      <c r="C16" s="68">
        <v>4</v>
      </c>
      <c r="D16" s="68">
        <v>-3</v>
      </c>
      <c r="E16" s="67">
        <v>0</v>
      </c>
      <c r="F16" s="68">
        <v>0</v>
      </c>
      <c r="G16" s="69">
        <v>0</v>
      </c>
      <c r="H16" s="68">
        <v>37</v>
      </c>
      <c r="I16" s="68">
        <v>18</v>
      </c>
      <c r="J16" s="68">
        <v>19</v>
      </c>
      <c r="K16" s="67">
        <v>36</v>
      </c>
      <c r="L16" s="79">
        <v>14</v>
      </c>
      <c r="M16" s="80">
        <v>22</v>
      </c>
    </row>
    <row r="17" spans="1:13">
      <c r="A17" s="15" t="s">
        <v>24</v>
      </c>
      <c r="B17" s="67">
        <v>8</v>
      </c>
      <c r="C17" s="68">
        <v>2</v>
      </c>
      <c r="D17" s="68">
        <v>6</v>
      </c>
      <c r="E17" s="67">
        <v>0</v>
      </c>
      <c r="F17" s="68">
        <v>0</v>
      </c>
      <c r="G17" s="69">
        <v>0</v>
      </c>
      <c r="H17" s="68">
        <v>34</v>
      </c>
      <c r="I17" s="68">
        <v>16</v>
      </c>
      <c r="J17" s="68">
        <v>18</v>
      </c>
      <c r="K17" s="67">
        <v>26</v>
      </c>
      <c r="L17" s="79">
        <v>14</v>
      </c>
      <c r="M17" s="80">
        <v>12</v>
      </c>
    </row>
    <row r="18" spans="1:13" ht="21" customHeight="1">
      <c r="A18" s="36" t="s">
        <v>26</v>
      </c>
      <c r="B18" s="64">
        <v>45</v>
      </c>
      <c r="C18" s="65">
        <v>11</v>
      </c>
      <c r="D18" s="65">
        <v>34</v>
      </c>
      <c r="E18" s="64">
        <v>0</v>
      </c>
      <c r="F18" s="65">
        <v>0</v>
      </c>
      <c r="G18" s="66">
        <v>0</v>
      </c>
      <c r="H18" s="65">
        <v>176</v>
      </c>
      <c r="I18" s="65">
        <v>88</v>
      </c>
      <c r="J18" s="65">
        <v>88</v>
      </c>
      <c r="K18" s="64">
        <v>131</v>
      </c>
      <c r="L18" s="77">
        <v>77</v>
      </c>
      <c r="M18" s="78">
        <v>54</v>
      </c>
    </row>
    <row r="19" spans="1:13">
      <c r="A19" s="15" t="s">
        <v>28</v>
      </c>
      <c r="B19" s="67">
        <v>16</v>
      </c>
      <c r="C19" s="68">
        <v>13</v>
      </c>
      <c r="D19" s="68">
        <v>3</v>
      </c>
      <c r="E19" s="67">
        <v>0</v>
      </c>
      <c r="F19" s="68">
        <v>0</v>
      </c>
      <c r="G19" s="69">
        <v>0</v>
      </c>
      <c r="H19" s="68">
        <v>43</v>
      </c>
      <c r="I19" s="68">
        <v>26</v>
      </c>
      <c r="J19" s="68">
        <v>17</v>
      </c>
      <c r="K19" s="67">
        <v>27</v>
      </c>
      <c r="L19" s="79">
        <v>13</v>
      </c>
      <c r="M19" s="80">
        <v>14</v>
      </c>
    </row>
    <row r="20" spans="1:13">
      <c r="A20" s="15" t="s">
        <v>30</v>
      </c>
      <c r="B20" s="67">
        <v>5</v>
      </c>
      <c r="C20" s="68">
        <v>-1</v>
      </c>
      <c r="D20" s="68">
        <v>6</v>
      </c>
      <c r="E20" s="67">
        <v>0</v>
      </c>
      <c r="F20" s="68">
        <v>0</v>
      </c>
      <c r="G20" s="69">
        <v>0</v>
      </c>
      <c r="H20" s="68">
        <v>32</v>
      </c>
      <c r="I20" s="68">
        <v>20</v>
      </c>
      <c r="J20" s="68">
        <v>12</v>
      </c>
      <c r="K20" s="67">
        <v>27</v>
      </c>
      <c r="L20" s="79">
        <v>21</v>
      </c>
      <c r="M20" s="80">
        <v>6</v>
      </c>
    </row>
    <row r="21" spans="1:13">
      <c r="A21" s="15" t="s">
        <v>32</v>
      </c>
      <c r="B21" s="67">
        <v>21</v>
      </c>
      <c r="C21" s="68">
        <v>8</v>
      </c>
      <c r="D21" s="68">
        <v>13</v>
      </c>
      <c r="E21" s="67">
        <v>0</v>
      </c>
      <c r="F21" s="68">
        <v>0</v>
      </c>
      <c r="G21" s="69">
        <v>0</v>
      </c>
      <c r="H21" s="68">
        <v>49</v>
      </c>
      <c r="I21" s="68">
        <v>24</v>
      </c>
      <c r="J21" s="68">
        <v>25</v>
      </c>
      <c r="K21" s="67">
        <v>28</v>
      </c>
      <c r="L21" s="79">
        <v>16</v>
      </c>
      <c r="M21" s="80">
        <v>12</v>
      </c>
    </row>
    <row r="22" spans="1:13">
      <c r="A22" s="15" t="s">
        <v>34</v>
      </c>
      <c r="B22" s="67">
        <v>6</v>
      </c>
      <c r="C22" s="68">
        <v>0</v>
      </c>
      <c r="D22" s="68">
        <v>6</v>
      </c>
      <c r="E22" s="67">
        <v>0</v>
      </c>
      <c r="F22" s="68">
        <v>0</v>
      </c>
      <c r="G22" s="69">
        <v>0</v>
      </c>
      <c r="H22" s="68">
        <v>29</v>
      </c>
      <c r="I22" s="68">
        <v>10</v>
      </c>
      <c r="J22" s="68">
        <v>19</v>
      </c>
      <c r="K22" s="67">
        <v>23</v>
      </c>
      <c r="L22" s="79">
        <v>10</v>
      </c>
      <c r="M22" s="80">
        <v>13</v>
      </c>
    </row>
    <row r="23" spans="1:13">
      <c r="A23" s="15" t="s">
        <v>36</v>
      </c>
      <c r="B23" s="67">
        <v>-3</v>
      </c>
      <c r="C23" s="68">
        <v>-9</v>
      </c>
      <c r="D23" s="68">
        <v>6</v>
      </c>
      <c r="E23" s="67">
        <v>0</v>
      </c>
      <c r="F23" s="68">
        <v>0</v>
      </c>
      <c r="G23" s="69">
        <v>0</v>
      </c>
      <c r="H23" s="68">
        <v>23</v>
      </c>
      <c r="I23" s="68">
        <v>8</v>
      </c>
      <c r="J23" s="68">
        <v>15</v>
      </c>
      <c r="K23" s="67">
        <v>26</v>
      </c>
      <c r="L23" s="79">
        <v>17</v>
      </c>
      <c r="M23" s="80">
        <v>9</v>
      </c>
    </row>
    <row r="24" spans="1:13" ht="21" customHeight="1">
      <c r="A24" s="36" t="s">
        <v>38</v>
      </c>
      <c r="B24" s="64">
        <v>211</v>
      </c>
      <c r="C24" s="65">
        <v>120</v>
      </c>
      <c r="D24" s="65">
        <v>91</v>
      </c>
      <c r="E24" s="64">
        <v>1</v>
      </c>
      <c r="F24" s="65">
        <v>1</v>
      </c>
      <c r="G24" s="66">
        <v>0</v>
      </c>
      <c r="H24" s="65">
        <v>541</v>
      </c>
      <c r="I24" s="65">
        <v>298</v>
      </c>
      <c r="J24" s="65">
        <v>243</v>
      </c>
      <c r="K24" s="64">
        <v>329</v>
      </c>
      <c r="L24" s="77">
        <v>177</v>
      </c>
      <c r="M24" s="78">
        <v>152</v>
      </c>
    </row>
    <row r="25" spans="1:13">
      <c r="A25" s="15" t="s">
        <v>40</v>
      </c>
      <c r="B25" s="67">
        <v>15</v>
      </c>
      <c r="C25" s="68">
        <v>5</v>
      </c>
      <c r="D25" s="68">
        <v>10</v>
      </c>
      <c r="E25" s="67">
        <v>0</v>
      </c>
      <c r="F25" s="68">
        <v>0</v>
      </c>
      <c r="G25" s="69">
        <v>0</v>
      </c>
      <c r="H25" s="68">
        <v>44</v>
      </c>
      <c r="I25" s="68">
        <v>20</v>
      </c>
      <c r="J25" s="68">
        <v>24</v>
      </c>
      <c r="K25" s="67">
        <v>29</v>
      </c>
      <c r="L25" s="79">
        <v>15</v>
      </c>
      <c r="M25" s="80">
        <v>14</v>
      </c>
    </row>
    <row r="26" spans="1:13">
      <c r="A26" s="15" t="s">
        <v>42</v>
      </c>
      <c r="B26" s="67">
        <v>7</v>
      </c>
      <c r="C26" s="68">
        <v>4</v>
      </c>
      <c r="D26" s="68">
        <v>3</v>
      </c>
      <c r="E26" s="67">
        <v>0</v>
      </c>
      <c r="F26" s="68">
        <v>0</v>
      </c>
      <c r="G26" s="69">
        <v>0</v>
      </c>
      <c r="H26" s="68">
        <v>24</v>
      </c>
      <c r="I26" s="68">
        <v>10</v>
      </c>
      <c r="J26" s="68">
        <v>14</v>
      </c>
      <c r="K26" s="67">
        <v>17</v>
      </c>
      <c r="L26" s="79">
        <v>6</v>
      </c>
      <c r="M26" s="80">
        <v>11</v>
      </c>
    </row>
    <row r="27" spans="1:13">
      <c r="A27" s="15" t="s">
        <v>44</v>
      </c>
      <c r="B27" s="67">
        <v>25</v>
      </c>
      <c r="C27" s="68">
        <v>21</v>
      </c>
      <c r="D27" s="68">
        <v>4</v>
      </c>
      <c r="E27" s="67">
        <v>1</v>
      </c>
      <c r="F27" s="68">
        <v>1</v>
      </c>
      <c r="G27" s="69">
        <v>0</v>
      </c>
      <c r="H27" s="68">
        <v>72</v>
      </c>
      <c r="I27" s="68">
        <v>48</v>
      </c>
      <c r="J27" s="68">
        <v>24</v>
      </c>
      <c r="K27" s="67">
        <v>46</v>
      </c>
      <c r="L27" s="79">
        <v>26</v>
      </c>
      <c r="M27" s="80">
        <v>20</v>
      </c>
    </row>
    <row r="28" spans="1:13">
      <c r="A28" s="15" t="s">
        <v>46</v>
      </c>
      <c r="B28" s="67">
        <v>103</v>
      </c>
      <c r="C28" s="68">
        <v>61</v>
      </c>
      <c r="D28" s="68">
        <v>42</v>
      </c>
      <c r="E28" s="67">
        <v>0</v>
      </c>
      <c r="F28" s="68">
        <v>0</v>
      </c>
      <c r="G28" s="69">
        <v>0</v>
      </c>
      <c r="H28" s="68">
        <v>222</v>
      </c>
      <c r="I28" s="68">
        <v>124</v>
      </c>
      <c r="J28" s="68">
        <v>98</v>
      </c>
      <c r="K28" s="67">
        <v>119</v>
      </c>
      <c r="L28" s="79">
        <v>63</v>
      </c>
      <c r="M28" s="80">
        <v>56</v>
      </c>
    </row>
    <row r="29" spans="1:13">
      <c r="A29" s="15" t="s">
        <v>48</v>
      </c>
      <c r="B29" s="67">
        <v>61</v>
      </c>
      <c r="C29" s="68">
        <v>29</v>
      </c>
      <c r="D29" s="68">
        <v>32</v>
      </c>
      <c r="E29" s="67">
        <v>0</v>
      </c>
      <c r="F29" s="68">
        <v>0</v>
      </c>
      <c r="G29" s="69">
        <v>0</v>
      </c>
      <c r="H29" s="68">
        <v>179</v>
      </c>
      <c r="I29" s="68">
        <v>96</v>
      </c>
      <c r="J29" s="68">
        <v>83</v>
      </c>
      <c r="K29" s="67">
        <v>118</v>
      </c>
      <c r="L29" s="79">
        <v>67</v>
      </c>
      <c r="M29" s="80">
        <v>51</v>
      </c>
    </row>
    <row r="30" spans="1:13" ht="21" customHeight="1">
      <c r="A30" s="36" t="s">
        <v>50</v>
      </c>
      <c r="B30" s="64">
        <v>30</v>
      </c>
      <c r="C30" s="65">
        <v>33</v>
      </c>
      <c r="D30" s="65">
        <v>-3</v>
      </c>
      <c r="E30" s="64">
        <v>7</v>
      </c>
      <c r="F30" s="65">
        <v>4</v>
      </c>
      <c r="G30" s="66">
        <v>3</v>
      </c>
      <c r="H30" s="65">
        <v>1873</v>
      </c>
      <c r="I30" s="65">
        <v>1031</v>
      </c>
      <c r="J30" s="65">
        <v>842</v>
      </c>
      <c r="K30" s="64">
        <v>1836</v>
      </c>
      <c r="L30" s="77">
        <v>994</v>
      </c>
      <c r="M30" s="78">
        <v>842</v>
      </c>
    </row>
    <row r="31" spans="1:13">
      <c r="A31" s="15" t="s">
        <v>52</v>
      </c>
      <c r="B31" s="67">
        <v>83</v>
      </c>
      <c r="C31" s="68">
        <v>53</v>
      </c>
      <c r="D31" s="68">
        <v>30</v>
      </c>
      <c r="E31" s="67">
        <v>2</v>
      </c>
      <c r="F31" s="68">
        <v>1</v>
      </c>
      <c r="G31" s="69">
        <v>1</v>
      </c>
      <c r="H31" s="68">
        <v>269</v>
      </c>
      <c r="I31" s="68">
        <v>139</v>
      </c>
      <c r="J31" s="68">
        <v>130</v>
      </c>
      <c r="K31" s="67">
        <v>184</v>
      </c>
      <c r="L31" s="79">
        <v>85</v>
      </c>
      <c r="M31" s="80">
        <v>99</v>
      </c>
    </row>
    <row r="32" spans="1:13">
      <c r="A32" s="15" t="s">
        <v>54</v>
      </c>
      <c r="B32" s="67">
        <v>21</v>
      </c>
      <c r="C32" s="68">
        <v>6</v>
      </c>
      <c r="D32" s="68">
        <v>15</v>
      </c>
      <c r="E32" s="67">
        <v>4</v>
      </c>
      <c r="F32" s="68">
        <v>2</v>
      </c>
      <c r="G32" s="69">
        <v>2</v>
      </c>
      <c r="H32" s="68">
        <v>328</v>
      </c>
      <c r="I32" s="68">
        <v>171</v>
      </c>
      <c r="J32" s="68">
        <v>157</v>
      </c>
      <c r="K32" s="67">
        <v>303</v>
      </c>
      <c r="L32" s="79">
        <v>163</v>
      </c>
      <c r="M32" s="80">
        <v>140</v>
      </c>
    </row>
    <row r="33" spans="1:13">
      <c r="A33" s="15" t="s">
        <v>56</v>
      </c>
      <c r="B33" s="67">
        <v>-110</v>
      </c>
      <c r="C33" s="68">
        <v>-89</v>
      </c>
      <c r="D33" s="68">
        <v>-21</v>
      </c>
      <c r="E33" s="67">
        <v>0</v>
      </c>
      <c r="F33" s="68">
        <v>0</v>
      </c>
      <c r="G33" s="69">
        <v>0</v>
      </c>
      <c r="H33" s="68">
        <v>421</v>
      </c>
      <c r="I33" s="68">
        <v>213</v>
      </c>
      <c r="J33" s="68">
        <v>208</v>
      </c>
      <c r="K33" s="67">
        <v>531</v>
      </c>
      <c r="L33" s="79">
        <v>302</v>
      </c>
      <c r="M33" s="80">
        <v>229</v>
      </c>
    </row>
    <row r="34" spans="1:13">
      <c r="A34" s="15" t="s">
        <v>58</v>
      </c>
      <c r="B34" s="67">
        <v>-15</v>
      </c>
      <c r="C34" s="68">
        <v>-3</v>
      </c>
      <c r="D34" s="68">
        <v>-12</v>
      </c>
      <c r="E34" s="67">
        <v>0</v>
      </c>
      <c r="F34" s="68">
        <v>0</v>
      </c>
      <c r="G34" s="69">
        <v>0</v>
      </c>
      <c r="H34" s="68">
        <v>382</v>
      </c>
      <c r="I34" s="68">
        <v>209</v>
      </c>
      <c r="J34" s="68">
        <v>173</v>
      </c>
      <c r="K34" s="67">
        <v>397</v>
      </c>
      <c r="L34" s="79">
        <v>212</v>
      </c>
      <c r="M34" s="80">
        <v>185</v>
      </c>
    </row>
    <row r="35" spans="1:13">
      <c r="A35" s="15" t="s">
        <v>60</v>
      </c>
      <c r="B35" s="67">
        <v>51</v>
      </c>
      <c r="C35" s="68">
        <v>66</v>
      </c>
      <c r="D35" s="68">
        <v>-15</v>
      </c>
      <c r="E35" s="67">
        <v>1</v>
      </c>
      <c r="F35" s="68">
        <v>1</v>
      </c>
      <c r="G35" s="69">
        <v>0</v>
      </c>
      <c r="H35" s="68">
        <v>473</v>
      </c>
      <c r="I35" s="68">
        <v>299</v>
      </c>
      <c r="J35" s="68">
        <v>174</v>
      </c>
      <c r="K35" s="67">
        <v>421</v>
      </c>
      <c r="L35" s="79">
        <v>232</v>
      </c>
      <c r="M35" s="80">
        <v>189</v>
      </c>
    </row>
    <row r="36" spans="1:13" ht="21" customHeight="1">
      <c r="A36" s="36" t="s">
        <v>62</v>
      </c>
      <c r="B36" s="64">
        <v>-2</v>
      </c>
      <c r="C36" s="65">
        <v>27</v>
      </c>
      <c r="D36" s="65">
        <v>-29</v>
      </c>
      <c r="E36" s="64">
        <v>4</v>
      </c>
      <c r="F36" s="65">
        <v>3</v>
      </c>
      <c r="G36" s="66">
        <v>1</v>
      </c>
      <c r="H36" s="65">
        <v>1786</v>
      </c>
      <c r="I36" s="65">
        <v>994</v>
      </c>
      <c r="J36" s="65">
        <v>792</v>
      </c>
      <c r="K36" s="64">
        <v>1784</v>
      </c>
      <c r="L36" s="77">
        <v>964</v>
      </c>
      <c r="M36" s="78">
        <v>820</v>
      </c>
    </row>
    <row r="37" spans="1:13">
      <c r="A37" s="15" t="s">
        <v>64</v>
      </c>
      <c r="B37" s="67">
        <v>-5</v>
      </c>
      <c r="C37" s="68">
        <v>33</v>
      </c>
      <c r="D37" s="68">
        <v>-38</v>
      </c>
      <c r="E37" s="67">
        <v>0</v>
      </c>
      <c r="F37" s="68">
        <v>0</v>
      </c>
      <c r="G37" s="69">
        <v>0</v>
      </c>
      <c r="H37" s="68">
        <v>415</v>
      </c>
      <c r="I37" s="68">
        <v>251</v>
      </c>
      <c r="J37" s="68">
        <v>164</v>
      </c>
      <c r="K37" s="67">
        <v>420</v>
      </c>
      <c r="L37" s="79">
        <v>218</v>
      </c>
      <c r="M37" s="80">
        <v>202</v>
      </c>
    </row>
    <row r="38" spans="1:13">
      <c r="A38" s="15" t="s">
        <v>66</v>
      </c>
      <c r="B38" s="67">
        <v>-34</v>
      </c>
      <c r="C38" s="68">
        <v>-26</v>
      </c>
      <c r="D38" s="68">
        <v>-8</v>
      </c>
      <c r="E38" s="67">
        <v>0</v>
      </c>
      <c r="F38" s="68">
        <v>0</v>
      </c>
      <c r="G38" s="69">
        <v>0</v>
      </c>
      <c r="H38" s="68">
        <v>365</v>
      </c>
      <c r="I38" s="68">
        <v>206</v>
      </c>
      <c r="J38" s="68">
        <v>159</v>
      </c>
      <c r="K38" s="67">
        <v>399</v>
      </c>
      <c r="L38" s="79">
        <v>232</v>
      </c>
      <c r="M38" s="80">
        <v>167</v>
      </c>
    </row>
    <row r="39" spans="1:13">
      <c r="A39" s="15" t="s">
        <v>68</v>
      </c>
      <c r="B39" s="67">
        <v>-17</v>
      </c>
      <c r="C39" s="68">
        <v>-18</v>
      </c>
      <c r="D39" s="68">
        <v>1</v>
      </c>
      <c r="E39" s="67">
        <v>1</v>
      </c>
      <c r="F39" s="68">
        <v>1</v>
      </c>
      <c r="G39" s="69">
        <v>0</v>
      </c>
      <c r="H39" s="68">
        <v>349</v>
      </c>
      <c r="I39" s="68">
        <v>184</v>
      </c>
      <c r="J39" s="68">
        <v>165</v>
      </c>
      <c r="K39" s="67">
        <v>365</v>
      </c>
      <c r="L39" s="79">
        <v>201</v>
      </c>
      <c r="M39" s="80">
        <v>164</v>
      </c>
    </row>
    <row r="40" spans="1:13">
      <c r="A40" s="15" t="s">
        <v>70</v>
      </c>
      <c r="B40" s="67">
        <v>20</v>
      </c>
      <c r="C40" s="68">
        <v>20</v>
      </c>
      <c r="D40" s="68">
        <v>0</v>
      </c>
      <c r="E40" s="67">
        <v>1</v>
      </c>
      <c r="F40" s="68">
        <v>0</v>
      </c>
      <c r="G40" s="69">
        <v>1</v>
      </c>
      <c r="H40" s="68">
        <v>344</v>
      </c>
      <c r="I40" s="68">
        <v>190</v>
      </c>
      <c r="J40" s="68">
        <v>154</v>
      </c>
      <c r="K40" s="67">
        <v>323</v>
      </c>
      <c r="L40" s="79">
        <v>170</v>
      </c>
      <c r="M40" s="80">
        <v>153</v>
      </c>
    </row>
    <row r="41" spans="1:13">
      <c r="A41" s="15" t="s">
        <v>72</v>
      </c>
      <c r="B41" s="67">
        <v>34</v>
      </c>
      <c r="C41" s="68">
        <v>18</v>
      </c>
      <c r="D41" s="68">
        <v>16</v>
      </c>
      <c r="E41" s="67">
        <v>2</v>
      </c>
      <c r="F41" s="68">
        <v>2</v>
      </c>
      <c r="G41" s="69">
        <v>0</v>
      </c>
      <c r="H41" s="68">
        <v>313</v>
      </c>
      <c r="I41" s="68">
        <v>163</v>
      </c>
      <c r="J41" s="68">
        <v>150</v>
      </c>
      <c r="K41" s="67">
        <v>277</v>
      </c>
      <c r="L41" s="79">
        <v>143</v>
      </c>
      <c r="M41" s="80">
        <v>134</v>
      </c>
    </row>
    <row r="42" spans="1:13" ht="21" customHeight="1">
      <c r="A42" s="36" t="s">
        <v>74</v>
      </c>
      <c r="B42" s="64">
        <v>129</v>
      </c>
      <c r="C42" s="65">
        <v>82</v>
      </c>
      <c r="D42" s="65">
        <v>47</v>
      </c>
      <c r="E42" s="64">
        <v>3</v>
      </c>
      <c r="F42" s="65">
        <v>1</v>
      </c>
      <c r="G42" s="66">
        <v>2</v>
      </c>
      <c r="H42" s="65">
        <v>1163</v>
      </c>
      <c r="I42" s="65">
        <v>652</v>
      </c>
      <c r="J42" s="65">
        <v>511</v>
      </c>
      <c r="K42" s="64">
        <v>1031</v>
      </c>
      <c r="L42" s="77">
        <v>569</v>
      </c>
      <c r="M42" s="78">
        <v>462</v>
      </c>
    </row>
    <row r="43" spans="1:13">
      <c r="A43" s="15" t="s">
        <v>76</v>
      </c>
      <c r="B43" s="67">
        <v>19</v>
      </c>
      <c r="C43" s="68">
        <v>-2</v>
      </c>
      <c r="D43" s="68">
        <v>21</v>
      </c>
      <c r="E43" s="67">
        <v>1</v>
      </c>
      <c r="F43" s="68">
        <v>0</v>
      </c>
      <c r="G43" s="69">
        <v>1</v>
      </c>
      <c r="H43" s="68">
        <v>288</v>
      </c>
      <c r="I43" s="68">
        <v>153</v>
      </c>
      <c r="J43" s="68">
        <v>135</v>
      </c>
      <c r="K43" s="67">
        <v>268</v>
      </c>
      <c r="L43" s="79">
        <v>155</v>
      </c>
      <c r="M43" s="80">
        <v>113</v>
      </c>
    </row>
    <row r="44" spans="1:13">
      <c r="A44" s="15" t="s">
        <v>78</v>
      </c>
      <c r="B44" s="67">
        <v>45</v>
      </c>
      <c r="C44" s="68">
        <v>35</v>
      </c>
      <c r="D44" s="68">
        <v>10</v>
      </c>
      <c r="E44" s="67">
        <v>0</v>
      </c>
      <c r="F44" s="68">
        <v>0</v>
      </c>
      <c r="G44" s="69">
        <v>0</v>
      </c>
      <c r="H44" s="68">
        <v>273</v>
      </c>
      <c r="I44" s="68">
        <v>155</v>
      </c>
      <c r="J44" s="68">
        <v>118</v>
      </c>
      <c r="K44" s="67">
        <v>228</v>
      </c>
      <c r="L44" s="79">
        <v>120</v>
      </c>
      <c r="M44" s="80">
        <v>108</v>
      </c>
    </row>
    <row r="45" spans="1:13">
      <c r="A45" s="15" t="s">
        <v>80</v>
      </c>
      <c r="B45" s="67">
        <v>32</v>
      </c>
      <c r="C45" s="68">
        <v>29</v>
      </c>
      <c r="D45" s="68">
        <v>3</v>
      </c>
      <c r="E45" s="67">
        <v>1</v>
      </c>
      <c r="F45" s="68">
        <v>0</v>
      </c>
      <c r="G45" s="69">
        <v>1</v>
      </c>
      <c r="H45" s="68">
        <v>215</v>
      </c>
      <c r="I45" s="68">
        <v>127</v>
      </c>
      <c r="J45" s="68">
        <v>88</v>
      </c>
      <c r="K45" s="67">
        <v>182</v>
      </c>
      <c r="L45" s="79">
        <v>98</v>
      </c>
      <c r="M45" s="80">
        <v>84</v>
      </c>
    </row>
    <row r="46" spans="1:13">
      <c r="A46" s="15" t="s">
        <v>82</v>
      </c>
      <c r="B46" s="67">
        <v>17</v>
      </c>
      <c r="C46" s="68">
        <v>-1</v>
      </c>
      <c r="D46" s="68">
        <v>18</v>
      </c>
      <c r="E46" s="67">
        <v>0</v>
      </c>
      <c r="F46" s="68">
        <v>0</v>
      </c>
      <c r="G46" s="69">
        <v>0</v>
      </c>
      <c r="H46" s="68">
        <v>201</v>
      </c>
      <c r="I46" s="68">
        <v>106</v>
      </c>
      <c r="J46" s="68">
        <v>95</v>
      </c>
      <c r="K46" s="67">
        <v>184</v>
      </c>
      <c r="L46" s="79">
        <v>107</v>
      </c>
      <c r="M46" s="80">
        <v>77</v>
      </c>
    </row>
    <row r="47" spans="1:13">
      <c r="A47" s="15" t="s">
        <v>84</v>
      </c>
      <c r="B47" s="67">
        <v>16</v>
      </c>
      <c r="C47" s="68">
        <v>21</v>
      </c>
      <c r="D47" s="68">
        <v>-5</v>
      </c>
      <c r="E47" s="67">
        <v>1</v>
      </c>
      <c r="F47" s="68">
        <v>1</v>
      </c>
      <c r="G47" s="69">
        <v>0</v>
      </c>
      <c r="H47" s="68">
        <v>186</v>
      </c>
      <c r="I47" s="68">
        <v>111</v>
      </c>
      <c r="J47" s="68">
        <v>75</v>
      </c>
      <c r="K47" s="67">
        <v>169</v>
      </c>
      <c r="L47" s="79">
        <v>89</v>
      </c>
      <c r="M47" s="80">
        <v>80</v>
      </c>
    </row>
    <row r="48" spans="1:13" ht="21" customHeight="1">
      <c r="A48" s="36" t="s">
        <v>86</v>
      </c>
      <c r="B48" s="64">
        <v>173</v>
      </c>
      <c r="C48" s="65">
        <v>99</v>
      </c>
      <c r="D48" s="65">
        <v>74</v>
      </c>
      <c r="E48" s="64">
        <v>7</v>
      </c>
      <c r="F48" s="65">
        <v>5</v>
      </c>
      <c r="G48" s="66">
        <v>2</v>
      </c>
      <c r="H48" s="65">
        <v>794</v>
      </c>
      <c r="I48" s="65">
        <v>455</v>
      </c>
      <c r="J48" s="65">
        <v>339</v>
      </c>
      <c r="K48" s="64">
        <v>614</v>
      </c>
      <c r="L48" s="77">
        <v>351</v>
      </c>
      <c r="M48" s="78">
        <v>263</v>
      </c>
    </row>
    <row r="49" spans="1:13">
      <c r="A49" s="15" t="s">
        <v>88</v>
      </c>
      <c r="B49" s="67">
        <v>36</v>
      </c>
      <c r="C49" s="68">
        <v>39</v>
      </c>
      <c r="D49" s="68">
        <v>-3</v>
      </c>
      <c r="E49" s="67">
        <v>1</v>
      </c>
      <c r="F49" s="68">
        <v>1</v>
      </c>
      <c r="G49" s="69">
        <v>0</v>
      </c>
      <c r="H49" s="68">
        <v>170</v>
      </c>
      <c r="I49" s="68">
        <v>117</v>
      </c>
      <c r="J49" s="68">
        <v>53</v>
      </c>
      <c r="K49" s="67">
        <v>133</v>
      </c>
      <c r="L49" s="79">
        <v>77</v>
      </c>
      <c r="M49" s="80">
        <v>56</v>
      </c>
    </row>
    <row r="50" spans="1:13">
      <c r="A50" s="15" t="s">
        <v>90</v>
      </c>
      <c r="B50" s="67">
        <v>36</v>
      </c>
      <c r="C50" s="68">
        <v>12</v>
      </c>
      <c r="D50" s="68">
        <v>24</v>
      </c>
      <c r="E50" s="67">
        <v>1</v>
      </c>
      <c r="F50" s="68">
        <v>1</v>
      </c>
      <c r="G50" s="69">
        <v>0</v>
      </c>
      <c r="H50" s="68">
        <v>169</v>
      </c>
      <c r="I50" s="68">
        <v>87</v>
      </c>
      <c r="J50" s="68">
        <v>82</v>
      </c>
      <c r="K50" s="67">
        <v>132</v>
      </c>
      <c r="L50" s="79">
        <v>74</v>
      </c>
      <c r="M50" s="80">
        <v>58</v>
      </c>
    </row>
    <row r="51" spans="1:13">
      <c r="A51" s="15" t="s">
        <v>92</v>
      </c>
      <c r="B51" s="67">
        <v>50</v>
      </c>
      <c r="C51" s="68">
        <v>25</v>
      </c>
      <c r="D51" s="68">
        <v>25</v>
      </c>
      <c r="E51" s="67">
        <v>2</v>
      </c>
      <c r="F51" s="68">
        <v>1</v>
      </c>
      <c r="G51" s="69">
        <v>1</v>
      </c>
      <c r="H51" s="68">
        <v>174</v>
      </c>
      <c r="I51" s="68">
        <v>100</v>
      </c>
      <c r="J51" s="68">
        <v>74</v>
      </c>
      <c r="K51" s="67">
        <v>122</v>
      </c>
      <c r="L51" s="79">
        <v>74</v>
      </c>
      <c r="M51" s="80">
        <v>48</v>
      </c>
    </row>
    <row r="52" spans="1:13">
      <c r="A52" s="15" t="s">
        <v>94</v>
      </c>
      <c r="B52" s="67">
        <v>41</v>
      </c>
      <c r="C52" s="68">
        <v>25</v>
      </c>
      <c r="D52" s="68">
        <v>16</v>
      </c>
      <c r="E52" s="67">
        <v>2</v>
      </c>
      <c r="F52" s="68">
        <v>2</v>
      </c>
      <c r="G52" s="69">
        <v>0</v>
      </c>
      <c r="H52" s="68">
        <v>154</v>
      </c>
      <c r="I52" s="68">
        <v>83</v>
      </c>
      <c r="J52" s="68">
        <v>71</v>
      </c>
      <c r="K52" s="67">
        <v>111</v>
      </c>
      <c r="L52" s="79">
        <v>56</v>
      </c>
      <c r="M52" s="80">
        <v>55</v>
      </c>
    </row>
    <row r="53" spans="1:13">
      <c r="A53" s="15" t="s">
        <v>96</v>
      </c>
      <c r="B53" s="67">
        <v>10</v>
      </c>
      <c r="C53" s="68">
        <v>-2</v>
      </c>
      <c r="D53" s="68">
        <v>12</v>
      </c>
      <c r="E53" s="67">
        <v>1</v>
      </c>
      <c r="F53" s="68">
        <v>0</v>
      </c>
      <c r="G53" s="69">
        <v>1</v>
      </c>
      <c r="H53" s="68">
        <v>127</v>
      </c>
      <c r="I53" s="68">
        <v>68</v>
      </c>
      <c r="J53" s="68">
        <v>59</v>
      </c>
      <c r="K53" s="67">
        <v>116</v>
      </c>
      <c r="L53" s="79">
        <v>70</v>
      </c>
      <c r="M53" s="80">
        <v>46</v>
      </c>
    </row>
    <row r="54" spans="1:13" ht="21" customHeight="1">
      <c r="A54" s="36" t="s">
        <v>98</v>
      </c>
      <c r="B54" s="64">
        <v>67</v>
      </c>
      <c r="C54" s="65">
        <v>23</v>
      </c>
      <c r="D54" s="65">
        <v>44</v>
      </c>
      <c r="E54" s="64">
        <v>17</v>
      </c>
      <c r="F54" s="65">
        <v>12</v>
      </c>
      <c r="G54" s="66">
        <v>5</v>
      </c>
      <c r="H54" s="65">
        <v>563</v>
      </c>
      <c r="I54" s="65">
        <v>307</v>
      </c>
      <c r="J54" s="65">
        <v>256</v>
      </c>
      <c r="K54" s="64">
        <v>479</v>
      </c>
      <c r="L54" s="77">
        <v>272</v>
      </c>
      <c r="M54" s="78">
        <v>207</v>
      </c>
    </row>
    <row r="55" spans="1:13">
      <c r="A55" s="15" t="s">
        <v>100</v>
      </c>
      <c r="B55" s="67">
        <v>19</v>
      </c>
      <c r="C55" s="68">
        <v>9</v>
      </c>
      <c r="D55" s="68">
        <v>10</v>
      </c>
      <c r="E55" s="67">
        <v>2</v>
      </c>
      <c r="F55" s="68">
        <v>1</v>
      </c>
      <c r="G55" s="69">
        <v>1</v>
      </c>
      <c r="H55" s="68">
        <v>133</v>
      </c>
      <c r="I55" s="68">
        <v>69</v>
      </c>
      <c r="J55" s="68">
        <v>64</v>
      </c>
      <c r="K55" s="67">
        <v>112</v>
      </c>
      <c r="L55" s="79">
        <v>59</v>
      </c>
      <c r="M55" s="80">
        <v>53</v>
      </c>
    </row>
    <row r="56" spans="1:13">
      <c r="A56" s="15" t="s">
        <v>102</v>
      </c>
      <c r="B56" s="67">
        <v>9</v>
      </c>
      <c r="C56" s="68">
        <v>1</v>
      </c>
      <c r="D56" s="68">
        <v>8</v>
      </c>
      <c r="E56" s="67">
        <v>2</v>
      </c>
      <c r="F56" s="68">
        <v>1</v>
      </c>
      <c r="G56" s="69">
        <v>1</v>
      </c>
      <c r="H56" s="68">
        <v>121</v>
      </c>
      <c r="I56" s="68">
        <v>67</v>
      </c>
      <c r="J56" s="68">
        <v>54</v>
      </c>
      <c r="K56" s="67">
        <v>110</v>
      </c>
      <c r="L56" s="79">
        <v>65</v>
      </c>
      <c r="M56" s="80">
        <v>45</v>
      </c>
    </row>
    <row r="57" spans="1:13">
      <c r="A57" s="15" t="s">
        <v>104</v>
      </c>
      <c r="B57" s="67">
        <v>21</v>
      </c>
      <c r="C57" s="68">
        <v>7</v>
      </c>
      <c r="D57" s="68">
        <v>14</v>
      </c>
      <c r="E57" s="67">
        <v>3</v>
      </c>
      <c r="F57" s="68">
        <v>2</v>
      </c>
      <c r="G57" s="69">
        <v>1</v>
      </c>
      <c r="H57" s="68">
        <v>116</v>
      </c>
      <c r="I57" s="68">
        <v>66</v>
      </c>
      <c r="J57" s="68">
        <v>50</v>
      </c>
      <c r="K57" s="67">
        <v>92</v>
      </c>
      <c r="L57" s="79">
        <v>57</v>
      </c>
      <c r="M57" s="80">
        <v>35</v>
      </c>
    </row>
    <row r="58" spans="1:13">
      <c r="A58" s="15" t="s">
        <v>106</v>
      </c>
      <c r="B58" s="67">
        <v>13</v>
      </c>
      <c r="C58" s="68">
        <v>9</v>
      </c>
      <c r="D58" s="68">
        <v>4</v>
      </c>
      <c r="E58" s="67">
        <v>4</v>
      </c>
      <c r="F58" s="68">
        <v>3</v>
      </c>
      <c r="G58" s="69">
        <v>1</v>
      </c>
      <c r="H58" s="68">
        <v>110</v>
      </c>
      <c r="I58" s="68">
        <v>64</v>
      </c>
      <c r="J58" s="68">
        <v>46</v>
      </c>
      <c r="K58" s="67">
        <v>93</v>
      </c>
      <c r="L58" s="79">
        <v>52</v>
      </c>
      <c r="M58" s="80">
        <v>41</v>
      </c>
    </row>
    <row r="59" spans="1:13">
      <c r="A59" s="15" t="s">
        <v>108</v>
      </c>
      <c r="B59" s="67">
        <v>5</v>
      </c>
      <c r="C59" s="68">
        <v>-3</v>
      </c>
      <c r="D59" s="68">
        <v>8</v>
      </c>
      <c r="E59" s="67">
        <v>6</v>
      </c>
      <c r="F59" s="68">
        <v>5</v>
      </c>
      <c r="G59" s="69">
        <v>1</v>
      </c>
      <c r="H59" s="68">
        <v>83</v>
      </c>
      <c r="I59" s="68">
        <v>41</v>
      </c>
      <c r="J59" s="68">
        <v>42</v>
      </c>
      <c r="K59" s="67">
        <v>72</v>
      </c>
      <c r="L59" s="79">
        <v>39</v>
      </c>
      <c r="M59" s="80">
        <v>33</v>
      </c>
    </row>
    <row r="60" spans="1:13" ht="21" customHeight="1">
      <c r="A60" s="36" t="s">
        <v>110</v>
      </c>
      <c r="B60" s="64">
        <v>118</v>
      </c>
      <c r="C60" s="65">
        <v>59</v>
      </c>
      <c r="D60" s="65">
        <v>59</v>
      </c>
      <c r="E60" s="64">
        <v>25</v>
      </c>
      <c r="F60" s="65">
        <v>17</v>
      </c>
      <c r="G60" s="66">
        <v>8</v>
      </c>
      <c r="H60" s="65">
        <v>525</v>
      </c>
      <c r="I60" s="65">
        <v>294</v>
      </c>
      <c r="J60" s="65">
        <v>231</v>
      </c>
      <c r="K60" s="64">
        <v>382</v>
      </c>
      <c r="L60" s="77">
        <v>218</v>
      </c>
      <c r="M60" s="78">
        <v>164</v>
      </c>
    </row>
    <row r="61" spans="1:13">
      <c r="A61" s="15" t="s">
        <v>112</v>
      </c>
      <c r="B61" s="67">
        <v>27</v>
      </c>
      <c r="C61" s="68">
        <v>5</v>
      </c>
      <c r="D61" s="68">
        <v>22</v>
      </c>
      <c r="E61" s="67">
        <v>3</v>
      </c>
      <c r="F61" s="68">
        <v>2</v>
      </c>
      <c r="G61" s="69">
        <v>1</v>
      </c>
      <c r="H61" s="68">
        <v>111</v>
      </c>
      <c r="I61" s="68">
        <v>54</v>
      </c>
      <c r="J61" s="68">
        <v>57</v>
      </c>
      <c r="K61" s="67">
        <v>81</v>
      </c>
      <c r="L61" s="79">
        <v>47</v>
      </c>
      <c r="M61" s="80">
        <v>34</v>
      </c>
    </row>
    <row r="62" spans="1:13">
      <c r="A62" s="15" t="s">
        <v>114</v>
      </c>
      <c r="B62" s="67">
        <v>27</v>
      </c>
      <c r="C62" s="68">
        <v>19</v>
      </c>
      <c r="D62" s="68">
        <v>8</v>
      </c>
      <c r="E62" s="67">
        <v>4</v>
      </c>
      <c r="F62" s="68">
        <v>2</v>
      </c>
      <c r="G62" s="69">
        <v>2</v>
      </c>
      <c r="H62" s="68">
        <v>102</v>
      </c>
      <c r="I62" s="68">
        <v>57</v>
      </c>
      <c r="J62" s="68">
        <v>45</v>
      </c>
      <c r="K62" s="67">
        <v>71</v>
      </c>
      <c r="L62" s="79">
        <v>36</v>
      </c>
      <c r="M62" s="80">
        <v>35</v>
      </c>
    </row>
    <row r="63" spans="1:13">
      <c r="A63" s="15" t="s">
        <v>116</v>
      </c>
      <c r="B63" s="67">
        <v>21</v>
      </c>
      <c r="C63" s="68">
        <v>14</v>
      </c>
      <c r="D63" s="68">
        <v>7</v>
      </c>
      <c r="E63" s="67">
        <v>6</v>
      </c>
      <c r="F63" s="68">
        <v>5</v>
      </c>
      <c r="G63" s="69">
        <v>1</v>
      </c>
      <c r="H63" s="68">
        <v>98</v>
      </c>
      <c r="I63" s="68">
        <v>61</v>
      </c>
      <c r="J63" s="68">
        <v>37</v>
      </c>
      <c r="K63" s="67">
        <v>71</v>
      </c>
      <c r="L63" s="79">
        <v>42</v>
      </c>
      <c r="M63" s="80">
        <v>29</v>
      </c>
    </row>
    <row r="64" spans="1:13">
      <c r="A64" s="15" t="s">
        <v>118</v>
      </c>
      <c r="B64" s="67">
        <v>34</v>
      </c>
      <c r="C64" s="68">
        <v>20</v>
      </c>
      <c r="D64" s="68">
        <v>14</v>
      </c>
      <c r="E64" s="67">
        <v>7</v>
      </c>
      <c r="F64" s="68">
        <v>5</v>
      </c>
      <c r="G64" s="69">
        <v>2</v>
      </c>
      <c r="H64" s="68">
        <v>115</v>
      </c>
      <c r="I64" s="68">
        <v>69</v>
      </c>
      <c r="J64" s="68">
        <v>46</v>
      </c>
      <c r="K64" s="67">
        <v>74</v>
      </c>
      <c r="L64" s="79">
        <v>44</v>
      </c>
      <c r="M64" s="80">
        <v>30</v>
      </c>
    </row>
    <row r="65" spans="1:13">
      <c r="A65" s="19" t="s">
        <v>120</v>
      </c>
      <c r="B65" s="70">
        <v>9</v>
      </c>
      <c r="C65" s="71">
        <v>1</v>
      </c>
      <c r="D65" s="71">
        <v>8</v>
      </c>
      <c r="E65" s="70">
        <v>5</v>
      </c>
      <c r="F65" s="71">
        <v>3</v>
      </c>
      <c r="G65" s="72">
        <v>2</v>
      </c>
      <c r="H65" s="71">
        <v>99</v>
      </c>
      <c r="I65" s="71">
        <v>53</v>
      </c>
      <c r="J65" s="71">
        <v>46</v>
      </c>
      <c r="K65" s="70">
        <v>85</v>
      </c>
      <c r="L65" s="81">
        <v>49</v>
      </c>
      <c r="M65" s="82">
        <v>36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374</v>
      </c>
      <c r="C69" s="50">
        <v>697</v>
      </c>
      <c r="D69" s="84">
        <v>677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2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78</v>
      </c>
      <c r="C75" s="65">
        <v>23</v>
      </c>
      <c r="D75" s="65">
        <v>55</v>
      </c>
      <c r="E75" s="64">
        <v>57</v>
      </c>
      <c r="F75" s="65">
        <v>31</v>
      </c>
      <c r="G75" s="66">
        <v>26</v>
      </c>
      <c r="H75" s="65">
        <v>446</v>
      </c>
      <c r="I75" s="65">
        <v>250</v>
      </c>
      <c r="J75" s="65">
        <v>196</v>
      </c>
      <c r="K75" s="64">
        <v>311</v>
      </c>
      <c r="L75" s="77">
        <v>196</v>
      </c>
      <c r="M75" s="78">
        <v>115</v>
      </c>
    </row>
    <row r="76" spans="1:13">
      <c r="A76" s="27" t="s">
        <v>5</v>
      </c>
      <c r="B76" s="67">
        <v>20</v>
      </c>
      <c r="C76" s="68">
        <v>5</v>
      </c>
      <c r="D76" s="68">
        <v>15</v>
      </c>
      <c r="E76" s="67">
        <v>10</v>
      </c>
      <c r="F76" s="68">
        <v>4</v>
      </c>
      <c r="G76" s="69">
        <v>6</v>
      </c>
      <c r="H76" s="68">
        <v>96</v>
      </c>
      <c r="I76" s="68">
        <v>51</v>
      </c>
      <c r="J76" s="68">
        <v>45</v>
      </c>
      <c r="K76" s="67">
        <v>66</v>
      </c>
      <c r="L76" s="79">
        <v>42</v>
      </c>
      <c r="M76" s="80">
        <v>24</v>
      </c>
    </row>
    <row r="77" spans="1:13">
      <c r="A77" s="27" t="s">
        <v>7</v>
      </c>
      <c r="B77" s="67">
        <v>13</v>
      </c>
      <c r="C77" s="68">
        <v>-1</v>
      </c>
      <c r="D77" s="68">
        <v>14</v>
      </c>
      <c r="E77" s="67">
        <v>13</v>
      </c>
      <c r="F77" s="68">
        <v>9</v>
      </c>
      <c r="G77" s="69">
        <v>4</v>
      </c>
      <c r="H77" s="68">
        <v>90</v>
      </c>
      <c r="I77" s="68">
        <v>50</v>
      </c>
      <c r="J77" s="68">
        <v>40</v>
      </c>
      <c r="K77" s="67">
        <v>64</v>
      </c>
      <c r="L77" s="79">
        <v>42</v>
      </c>
      <c r="M77" s="80">
        <v>22</v>
      </c>
    </row>
    <row r="78" spans="1:13">
      <c r="A78" s="27" t="s">
        <v>9</v>
      </c>
      <c r="B78" s="67">
        <v>19</v>
      </c>
      <c r="C78" s="68">
        <v>13</v>
      </c>
      <c r="D78" s="68">
        <v>6</v>
      </c>
      <c r="E78" s="67">
        <v>11</v>
      </c>
      <c r="F78" s="68">
        <v>2</v>
      </c>
      <c r="G78" s="69">
        <v>9</v>
      </c>
      <c r="H78" s="68">
        <v>90</v>
      </c>
      <c r="I78" s="68">
        <v>50</v>
      </c>
      <c r="J78" s="68">
        <v>40</v>
      </c>
      <c r="K78" s="67">
        <v>60</v>
      </c>
      <c r="L78" s="79">
        <v>35</v>
      </c>
      <c r="M78" s="80">
        <v>25</v>
      </c>
    </row>
    <row r="79" spans="1:13">
      <c r="A79" s="27" t="s">
        <v>11</v>
      </c>
      <c r="B79" s="67">
        <v>19</v>
      </c>
      <c r="C79" s="68">
        <v>4</v>
      </c>
      <c r="D79" s="68">
        <v>15</v>
      </c>
      <c r="E79" s="67">
        <v>10</v>
      </c>
      <c r="F79" s="68">
        <v>7</v>
      </c>
      <c r="G79" s="69">
        <v>3</v>
      </c>
      <c r="H79" s="68">
        <v>88</v>
      </c>
      <c r="I79" s="68">
        <v>47</v>
      </c>
      <c r="J79" s="68">
        <v>41</v>
      </c>
      <c r="K79" s="67">
        <v>59</v>
      </c>
      <c r="L79" s="79">
        <v>36</v>
      </c>
      <c r="M79" s="80">
        <v>23</v>
      </c>
    </row>
    <row r="80" spans="1:13">
      <c r="A80" s="27" t="s">
        <v>13</v>
      </c>
      <c r="B80" s="67">
        <v>7</v>
      </c>
      <c r="C80" s="68">
        <v>2</v>
      </c>
      <c r="D80" s="68">
        <v>5</v>
      </c>
      <c r="E80" s="67">
        <v>13</v>
      </c>
      <c r="F80" s="68">
        <v>9</v>
      </c>
      <c r="G80" s="69">
        <v>4</v>
      </c>
      <c r="H80" s="68">
        <v>82</v>
      </c>
      <c r="I80" s="68">
        <v>52</v>
      </c>
      <c r="J80" s="68">
        <v>30</v>
      </c>
      <c r="K80" s="67">
        <v>62</v>
      </c>
      <c r="L80" s="79">
        <v>41</v>
      </c>
      <c r="M80" s="80">
        <v>21</v>
      </c>
    </row>
    <row r="81" spans="1:13" ht="21" customHeight="1">
      <c r="A81" s="38" t="s">
        <v>15</v>
      </c>
      <c r="B81" s="64">
        <v>24</v>
      </c>
      <c r="C81" s="65">
        <v>2</v>
      </c>
      <c r="D81" s="65">
        <v>22</v>
      </c>
      <c r="E81" s="64">
        <v>76</v>
      </c>
      <c r="F81" s="65">
        <v>51</v>
      </c>
      <c r="G81" s="66">
        <v>25</v>
      </c>
      <c r="H81" s="65">
        <v>323</v>
      </c>
      <c r="I81" s="65">
        <v>191</v>
      </c>
      <c r="J81" s="65">
        <v>132</v>
      </c>
      <c r="K81" s="64">
        <v>223</v>
      </c>
      <c r="L81" s="77">
        <v>138</v>
      </c>
      <c r="M81" s="78">
        <v>85</v>
      </c>
    </row>
    <row r="82" spans="1:13">
      <c r="A82" s="27" t="s">
        <v>17</v>
      </c>
      <c r="B82" s="67">
        <v>13</v>
      </c>
      <c r="C82" s="68">
        <v>3</v>
      </c>
      <c r="D82" s="68">
        <v>10</v>
      </c>
      <c r="E82" s="67">
        <v>13</v>
      </c>
      <c r="F82" s="68">
        <v>9</v>
      </c>
      <c r="G82" s="69">
        <v>4</v>
      </c>
      <c r="H82" s="68">
        <v>65</v>
      </c>
      <c r="I82" s="68">
        <v>43</v>
      </c>
      <c r="J82" s="68">
        <v>22</v>
      </c>
      <c r="K82" s="67">
        <v>39</v>
      </c>
      <c r="L82" s="79">
        <v>31</v>
      </c>
      <c r="M82" s="80">
        <v>8</v>
      </c>
    </row>
    <row r="83" spans="1:13">
      <c r="A83" s="27" t="s">
        <v>19</v>
      </c>
      <c r="B83" s="67">
        <v>0</v>
      </c>
      <c r="C83" s="68">
        <v>-7</v>
      </c>
      <c r="D83" s="68">
        <v>7</v>
      </c>
      <c r="E83" s="67">
        <v>10</v>
      </c>
      <c r="F83" s="68">
        <v>8</v>
      </c>
      <c r="G83" s="69">
        <v>2</v>
      </c>
      <c r="H83" s="68">
        <v>61</v>
      </c>
      <c r="I83" s="68">
        <v>33</v>
      </c>
      <c r="J83" s="68">
        <v>28</v>
      </c>
      <c r="K83" s="67">
        <v>51</v>
      </c>
      <c r="L83" s="79">
        <v>32</v>
      </c>
      <c r="M83" s="80">
        <v>19</v>
      </c>
    </row>
    <row r="84" spans="1:13">
      <c r="A84" s="27" t="s">
        <v>21</v>
      </c>
      <c r="B84" s="67">
        <v>-6</v>
      </c>
      <c r="C84" s="68">
        <v>-6</v>
      </c>
      <c r="D84" s="68">
        <v>0</v>
      </c>
      <c r="E84" s="67">
        <v>18</v>
      </c>
      <c r="F84" s="68">
        <v>13</v>
      </c>
      <c r="G84" s="69">
        <v>5</v>
      </c>
      <c r="H84" s="68">
        <v>73</v>
      </c>
      <c r="I84" s="68">
        <v>41</v>
      </c>
      <c r="J84" s="68">
        <v>32</v>
      </c>
      <c r="K84" s="67">
        <v>61</v>
      </c>
      <c r="L84" s="79">
        <v>34</v>
      </c>
      <c r="M84" s="80">
        <v>27</v>
      </c>
    </row>
    <row r="85" spans="1:13">
      <c r="A85" s="27" t="s">
        <v>23</v>
      </c>
      <c r="B85" s="67">
        <v>-2</v>
      </c>
      <c r="C85" s="68">
        <v>7</v>
      </c>
      <c r="D85" s="68">
        <v>-9</v>
      </c>
      <c r="E85" s="67">
        <v>22</v>
      </c>
      <c r="F85" s="68">
        <v>11</v>
      </c>
      <c r="G85" s="69">
        <v>11</v>
      </c>
      <c r="H85" s="68">
        <v>55</v>
      </c>
      <c r="I85" s="68">
        <v>36</v>
      </c>
      <c r="J85" s="68">
        <v>19</v>
      </c>
      <c r="K85" s="67">
        <v>35</v>
      </c>
      <c r="L85" s="79">
        <v>18</v>
      </c>
      <c r="M85" s="80">
        <v>17</v>
      </c>
    </row>
    <row r="86" spans="1:13">
      <c r="A86" s="27" t="s">
        <v>25</v>
      </c>
      <c r="B86" s="67">
        <v>19</v>
      </c>
      <c r="C86" s="68">
        <v>5</v>
      </c>
      <c r="D86" s="68">
        <v>14</v>
      </c>
      <c r="E86" s="67">
        <v>13</v>
      </c>
      <c r="F86" s="68">
        <v>10</v>
      </c>
      <c r="G86" s="69">
        <v>3</v>
      </c>
      <c r="H86" s="68">
        <v>69</v>
      </c>
      <c r="I86" s="68">
        <v>38</v>
      </c>
      <c r="J86" s="68">
        <v>31</v>
      </c>
      <c r="K86" s="67">
        <v>37</v>
      </c>
      <c r="L86" s="79">
        <v>23</v>
      </c>
      <c r="M86" s="80">
        <v>14</v>
      </c>
    </row>
    <row r="87" spans="1:13" ht="21" customHeight="1">
      <c r="A87" s="38" t="s">
        <v>27</v>
      </c>
      <c r="B87" s="64">
        <v>-23</v>
      </c>
      <c r="C87" s="65">
        <v>-24</v>
      </c>
      <c r="D87" s="65">
        <v>1</v>
      </c>
      <c r="E87" s="64">
        <v>95</v>
      </c>
      <c r="F87" s="65">
        <v>64</v>
      </c>
      <c r="G87" s="66">
        <v>31</v>
      </c>
      <c r="H87" s="65">
        <v>218</v>
      </c>
      <c r="I87" s="65">
        <v>130</v>
      </c>
      <c r="J87" s="65">
        <v>88</v>
      </c>
      <c r="K87" s="64">
        <v>146</v>
      </c>
      <c r="L87" s="77">
        <v>90</v>
      </c>
      <c r="M87" s="78">
        <v>56</v>
      </c>
    </row>
    <row r="88" spans="1:13">
      <c r="A88" s="27" t="s">
        <v>29</v>
      </c>
      <c r="B88" s="67">
        <v>-9</v>
      </c>
      <c r="C88" s="68">
        <v>-8</v>
      </c>
      <c r="D88" s="68">
        <v>-1</v>
      </c>
      <c r="E88" s="67">
        <v>11</v>
      </c>
      <c r="F88" s="68">
        <v>8</v>
      </c>
      <c r="G88" s="69">
        <v>3</v>
      </c>
      <c r="H88" s="68">
        <v>41</v>
      </c>
      <c r="I88" s="68">
        <v>20</v>
      </c>
      <c r="J88" s="68">
        <v>21</v>
      </c>
      <c r="K88" s="67">
        <v>39</v>
      </c>
      <c r="L88" s="79">
        <v>20</v>
      </c>
      <c r="M88" s="80">
        <v>19</v>
      </c>
    </row>
    <row r="89" spans="1:13">
      <c r="A89" s="27" t="s">
        <v>31</v>
      </c>
      <c r="B89" s="67">
        <v>9</v>
      </c>
      <c r="C89" s="68">
        <v>5</v>
      </c>
      <c r="D89" s="68">
        <v>4</v>
      </c>
      <c r="E89" s="67">
        <v>21</v>
      </c>
      <c r="F89" s="68">
        <v>14</v>
      </c>
      <c r="G89" s="69">
        <v>7</v>
      </c>
      <c r="H89" s="68">
        <v>59</v>
      </c>
      <c r="I89" s="68">
        <v>37</v>
      </c>
      <c r="J89" s="68">
        <v>22</v>
      </c>
      <c r="K89" s="67">
        <v>29</v>
      </c>
      <c r="L89" s="79">
        <v>18</v>
      </c>
      <c r="M89" s="80">
        <v>11</v>
      </c>
    </row>
    <row r="90" spans="1:13">
      <c r="A90" s="27" t="s">
        <v>33</v>
      </c>
      <c r="B90" s="67">
        <v>-12</v>
      </c>
      <c r="C90" s="68">
        <v>-12</v>
      </c>
      <c r="D90" s="68">
        <v>0</v>
      </c>
      <c r="E90" s="67">
        <v>23</v>
      </c>
      <c r="F90" s="68">
        <v>15</v>
      </c>
      <c r="G90" s="69">
        <v>8</v>
      </c>
      <c r="H90" s="68">
        <v>45</v>
      </c>
      <c r="I90" s="68">
        <v>24</v>
      </c>
      <c r="J90" s="68">
        <v>21</v>
      </c>
      <c r="K90" s="67">
        <v>34</v>
      </c>
      <c r="L90" s="79">
        <v>21</v>
      </c>
      <c r="M90" s="80">
        <v>13</v>
      </c>
    </row>
    <row r="91" spans="1:13">
      <c r="A91" s="27" t="s">
        <v>35</v>
      </c>
      <c r="B91" s="67">
        <v>-7</v>
      </c>
      <c r="C91" s="68">
        <v>-8</v>
      </c>
      <c r="D91" s="68">
        <v>1</v>
      </c>
      <c r="E91" s="67">
        <v>23</v>
      </c>
      <c r="F91" s="68">
        <v>15</v>
      </c>
      <c r="G91" s="69">
        <v>8</v>
      </c>
      <c r="H91" s="68">
        <v>32</v>
      </c>
      <c r="I91" s="68">
        <v>21</v>
      </c>
      <c r="J91" s="68">
        <v>11</v>
      </c>
      <c r="K91" s="67">
        <v>16</v>
      </c>
      <c r="L91" s="79">
        <v>14</v>
      </c>
      <c r="M91" s="80">
        <v>2</v>
      </c>
    </row>
    <row r="92" spans="1:13">
      <c r="A92" s="27" t="s">
        <v>37</v>
      </c>
      <c r="B92" s="67">
        <v>-4</v>
      </c>
      <c r="C92" s="68">
        <v>-1</v>
      </c>
      <c r="D92" s="68">
        <v>-3</v>
      </c>
      <c r="E92" s="67">
        <v>17</v>
      </c>
      <c r="F92" s="68">
        <v>12</v>
      </c>
      <c r="G92" s="69">
        <v>5</v>
      </c>
      <c r="H92" s="68">
        <v>41</v>
      </c>
      <c r="I92" s="68">
        <v>28</v>
      </c>
      <c r="J92" s="68">
        <v>13</v>
      </c>
      <c r="K92" s="67">
        <v>28</v>
      </c>
      <c r="L92" s="79">
        <v>17</v>
      </c>
      <c r="M92" s="80">
        <v>11</v>
      </c>
    </row>
    <row r="93" spans="1:13" ht="21" customHeight="1">
      <c r="A93" s="38" t="s">
        <v>39</v>
      </c>
      <c r="B93" s="64">
        <v>-109</v>
      </c>
      <c r="C93" s="65">
        <v>-69</v>
      </c>
      <c r="D93" s="65">
        <v>-40</v>
      </c>
      <c r="E93" s="64">
        <v>145</v>
      </c>
      <c r="F93" s="65">
        <v>99</v>
      </c>
      <c r="G93" s="66">
        <v>46</v>
      </c>
      <c r="H93" s="65">
        <v>153</v>
      </c>
      <c r="I93" s="65">
        <v>97</v>
      </c>
      <c r="J93" s="65">
        <v>56</v>
      </c>
      <c r="K93" s="64">
        <v>117</v>
      </c>
      <c r="L93" s="77">
        <v>67</v>
      </c>
      <c r="M93" s="78">
        <v>50</v>
      </c>
    </row>
    <row r="94" spans="1:13">
      <c r="A94" s="27" t="s">
        <v>41</v>
      </c>
      <c r="B94" s="67">
        <v>-4</v>
      </c>
      <c r="C94" s="68">
        <v>-3</v>
      </c>
      <c r="D94" s="68">
        <v>-1</v>
      </c>
      <c r="E94" s="67">
        <v>17</v>
      </c>
      <c r="F94" s="68">
        <v>11</v>
      </c>
      <c r="G94" s="69">
        <v>6</v>
      </c>
      <c r="H94" s="68">
        <v>37</v>
      </c>
      <c r="I94" s="68">
        <v>25</v>
      </c>
      <c r="J94" s="68">
        <v>12</v>
      </c>
      <c r="K94" s="67">
        <v>24</v>
      </c>
      <c r="L94" s="79">
        <v>17</v>
      </c>
      <c r="M94" s="80">
        <v>7</v>
      </c>
    </row>
    <row r="95" spans="1:13">
      <c r="A95" s="27" t="s">
        <v>43</v>
      </c>
      <c r="B95" s="67">
        <v>-23</v>
      </c>
      <c r="C95" s="68">
        <v>-16</v>
      </c>
      <c r="D95" s="68">
        <v>-7</v>
      </c>
      <c r="E95" s="67">
        <v>29</v>
      </c>
      <c r="F95" s="68">
        <v>21</v>
      </c>
      <c r="G95" s="69">
        <v>8</v>
      </c>
      <c r="H95" s="68">
        <v>30</v>
      </c>
      <c r="I95" s="68">
        <v>16</v>
      </c>
      <c r="J95" s="68">
        <v>14</v>
      </c>
      <c r="K95" s="67">
        <v>24</v>
      </c>
      <c r="L95" s="79">
        <v>11</v>
      </c>
      <c r="M95" s="80">
        <v>13</v>
      </c>
    </row>
    <row r="96" spans="1:13">
      <c r="A96" s="27" t="s">
        <v>45</v>
      </c>
      <c r="B96" s="67">
        <v>-18</v>
      </c>
      <c r="C96" s="68">
        <v>-14</v>
      </c>
      <c r="D96" s="68">
        <v>-4</v>
      </c>
      <c r="E96" s="67">
        <v>22</v>
      </c>
      <c r="F96" s="68">
        <v>16</v>
      </c>
      <c r="G96" s="69">
        <v>6</v>
      </c>
      <c r="H96" s="68">
        <v>27</v>
      </c>
      <c r="I96" s="68">
        <v>17</v>
      </c>
      <c r="J96" s="68">
        <v>10</v>
      </c>
      <c r="K96" s="67">
        <v>23</v>
      </c>
      <c r="L96" s="79">
        <v>15</v>
      </c>
      <c r="M96" s="80">
        <v>8</v>
      </c>
    </row>
    <row r="97" spans="1:13">
      <c r="A97" s="27" t="s">
        <v>47</v>
      </c>
      <c r="B97" s="67">
        <v>-36</v>
      </c>
      <c r="C97" s="68">
        <v>-20</v>
      </c>
      <c r="D97" s="68">
        <v>-16</v>
      </c>
      <c r="E97" s="67">
        <v>39</v>
      </c>
      <c r="F97" s="68">
        <v>25</v>
      </c>
      <c r="G97" s="69">
        <v>14</v>
      </c>
      <c r="H97" s="68">
        <v>25</v>
      </c>
      <c r="I97" s="68">
        <v>17</v>
      </c>
      <c r="J97" s="68">
        <v>8</v>
      </c>
      <c r="K97" s="67">
        <v>22</v>
      </c>
      <c r="L97" s="79">
        <v>12</v>
      </c>
      <c r="M97" s="80">
        <v>10</v>
      </c>
    </row>
    <row r="98" spans="1:13">
      <c r="A98" s="27" t="s">
        <v>49</v>
      </c>
      <c r="B98" s="67">
        <v>-28</v>
      </c>
      <c r="C98" s="68">
        <v>-16</v>
      </c>
      <c r="D98" s="68">
        <v>-12</v>
      </c>
      <c r="E98" s="67">
        <v>38</v>
      </c>
      <c r="F98" s="68">
        <v>26</v>
      </c>
      <c r="G98" s="69">
        <v>12</v>
      </c>
      <c r="H98" s="68">
        <v>34</v>
      </c>
      <c r="I98" s="68">
        <v>22</v>
      </c>
      <c r="J98" s="68">
        <v>12</v>
      </c>
      <c r="K98" s="67">
        <v>24</v>
      </c>
      <c r="L98" s="79">
        <v>12</v>
      </c>
      <c r="M98" s="80">
        <v>12</v>
      </c>
    </row>
    <row r="99" spans="1:13" ht="21" customHeight="1">
      <c r="A99" s="38" t="s">
        <v>51</v>
      </c>
      <c r="B99" s="64">
        <v>-197</v>
      </c>
      <c r="C99" s="65">
        <v>-161</v>
      </c>
      <c r="D99" s="65">
        <v>-36</v>
      </c>
      <c r="E99" s="64">
        <v>284</v>
      </c>
      <c r="F99" s="65">
        <v>190</v>
      </c>
      <c r="G99" s="66">
        <v>94</v>
      </c>
      <c r="H99" s="65">
        <v>194</v>
      </c>
      <c r="I99" s="65">
        <v>84</v>
      </c>
      <c r="J99" s="65">
        <v>110</v>
      </c>
      <c r="K99" s="64">
        <v>107</v>
      </c>
      <c r="L99" s="77">
        <v>55</v>
      </c>
      <c r="M99" s="78">
        <v>52</v>
      </c>
    </row>
    <row r="100" spans="1:13">
      <c r="A100" s="27" t="s">
        <v>53</v>
      </c>
      <c r="B100" s="67">
        <v>-37</v>
      </c>
      <c r="C100" s="68">
        <v>-26</v>
      </c>
      <c r="D100" s="68">
        <v>-11</v>
      </c>
      <c r="E100" s="67">
        <v>41</v>
      </c>
      <c r="F100" s="68">
        <v>26</v>
      </c>
      <c r="G100" s="69">
        <v>15</v>
      </c>
      <c r="H100" s="68">
        <v>31</v>
      </c>
      <c r="I100" s="68">
        <v>14</v>
      </c>
      <c r="J100" s="68">
        <v>17</v>
      </c>
      <c r="K100" s="67">
        <v>27</v>
      </c>
      <c r="L100" s="79">
        <v>14</v>
      </c>
      <c r="M100" s="80">
        <v>13</v>
      </c>
    </row>
    <row r="101" spans="1:13">
      <c r="A101" s="27" t="s">
        <v>55</v>
      </c>
      <c r="B101" s="67">
        <v>-49</v>
      </c>
      <c r="C101" s="68">
        <v>-45</v>
      </c>
      <c r="D101" s="68">
        <v>-4</v>
      </c>
      <c r="E101" s="67">
        <v>62</v>
      </c>
      <c r="F101" s="68">
        <v>47</v>
      </c>
      <c r="G101" s="69">
        <v>15</v>
      </c>
      <c r="H101" s="68">
        <v>35</v>
      </c>
      <c r="I101" s="68">
        <v>14</v>
      </c>
      <c r="J101" s="68">
        <v>21</v>
      </c>
      <c r="K101" s="67">
        <v>22</v>
      </c>
      <c r="L101" s="79">
        <v>12</v>
      </c>
      <c r="M101" s="80">
        <v>10</v>
      </c>
    </row>
    <row r="102" spans="1:13">
      <c r="A102" s="27" t="s">
        <v>57</v>
      </c>
      <c r="B102" s="67">
        <v>-29</v>
      </c>
      <c r="C102" s="68">
        <v>-25</v>
      </c>
      <c r="D102" s="68">
        <v>-4</v>
      </c>
      <c r="E102" s="67">
        <v>49</v>
      </c>
      <c r="F102" s="68">
        <v>28</v>
      </c>
      <c r="G102" s="69">
        <v>21</v>
      </c>
      <c r="H102" s="68">
        <v>44</v>
      </c>
      <c r="I102" s="68">
        <v>20</v>
      </c>
      <c r="J102" s="68">
        <v>24</v>
      </c>
      <c r="K102" s="67">
        <v>24</v>
      </c>
      <c r="L102" s="79">
        <v>17</v>
      </c>
      <c r="M102" s="80">
        <v>7</v>
      </c>
    </row>
    <row r="103" spans="1:13">
      <c r="A103" s="27" t="s">
        <v>59</v>
      </c>
      <c r="B103" s="67">
        <v>-28</v>
      </c>
      <c r="C103" s="68">
        <v>-25</v>
      </c>
      <c r="D103" s="68">
        <v>-3</v>
      </c>
      <c r="E103" s="67">
        <v>57</v>
      </c>
      <c r="F103" s="68">
        <v>35</v>
      </c>
      <c r="G103" s="69">
        <v>22</v>
      </c>
      <c r="H103" s="68">
        <v>44</v>
      </c>
      <c r="I103" s="68">
        <v>16</v>
      </c>
      <c r="J103" s="68">
        <v>28</v>
      </c>
      <c r="K103" s="67">
        <v>15</v>
      </c>
      <c r="L103" s="79">
        <v>6</v>
      </c>
      <c r="M103" s="80">
        <v>9</v>
      </c>
    </row>
    <row r="104" spans="1:13">
      <c r="A104" s="27" t="s">
        <v>61</v>
      </c>
      <c r="B104" s="67">
        <v>-54</v>
      </c>
      <c r="C104" s="68">
        <v>-40</v>
      </c>
      <c r="D104" s="68">
        <v>-14</v>
      </c>
      <c r="E104" s="67">
        <v>75</v>
      </c>
      <c r="F104" s="68">
        <v>54</v>
      </c>
      <c r="G104" s="69">
        <v>21</v>
      </c>
      <c r="H104" s="68">
        <v>40</v>
      </c>
      <c r="I104" s="68">
        <v>20</v>
      </c>
      <c r="J104" s="68">
        <v>20</v>
      </c>
      <c r="K104" s="67">
        <v>19</v>
      </c>
      <c r="L104" s="79">
        <v>6</v>
      </c>
      <c r="M104" s="80">
        <v>13</v>
      </c>
    </row>
    <row r="105" spans="1:13" ht="21" customHeight="1">
      <c r="A105" s="38" t="s">
        <v>63</v>
      </c>
      <c r="B105" s="64">
        <v>-336</v>
      </c>
      <c r="C105" s="65">
        <v>-231</v>
      </c>
      <c r="D105" s="65">
        <v>-105</v>
      </c>
      <c r="E105" s="64">
        <v>408</v>
      </c>
      <c r="F105" s="65">
        <v>253</v>
      </c>
      <c r="G105" s="66">
        <v>155</v>
      </c>
      <c r="H105" s="65">
        <v>137</v>
      </c>
      <c r="I105" s="65">
        <v>55</v>
      </c>
      <c r="J105" s="65">
        <v>82</v>
      </c>
      <c r="K105" s="64">
        <v>65</v>
      </c>
      <c r="L105" s="77">
        <v>33</v>
      </c>
      <c r="M105" s="78">
        <v>32</v>
      </c>
    </row>
    <row r="106" spans="1:13">
      <c r="A106" s="27" t="s">
        <v>65</v>
      </c>
      <c r="B106" s="67">
        <v>-47</v>
      </c>
      <c r="C106" s="68">
        <v>-35</v>
      </c>
      <c r="D106" s="68">
        <v>-12</v>
      </c>
      <c r="E106" s="67">
        <v>61</v>
      </c>
      <c r="F106" s="68">
        <v>41</v>
      </c>
      <c r="G106" s="69">
        <v>20</v>
      </c>
      <c r="H106" s="68">
        <v>23</v>
      </c>
      <c r="I106" s="68">
        <v>11</v>
      </c>
      <c r="J106" s="68">
        <v>12</v>
      </c>
      <c r="K106" s="67">
        <v>9</v>
      </c>
      <c r="L106" s="79">
        <v>5</v>
      </c>
      <c r="M106" s="80">
        <v>4</v>
      </c>
    </row>
    <row r="107" spans="1:13">
      <c r="A107" s="27" t="s">
        <v>67</v>
      </c>
      <c r="B107" s="67">
        <v>-51</v>
      </c>
      <c r="C107" s="68">
        <v>-34</v>
      </c>
      <c r="D107" s="68">
        <v>-17</v>
      </c>
      <c r="E107" s="67">
        <v>53</v>
      </c>
      <c r="F107" s="68">
        <v>32</v>
      </c>
      <c r="G107" s="69">
        <v>21</v>
      </c>
      <c r="H107" s="68">
        <v>21</v>
      </c>
      <c r="I107" s="68">
        <v>8</v>
      </c>
      <c r="J107" s="68">
        <v>13</v>
      </c>
      <c r="K107" s="67">
        <v>19</v>
      </c>
      <c r="L107" s="79">
        <v>10</v>
      </c>
      <c r="M107" s="80">
        <v>9</v>
      </c>
    </row>
    <row r="108" spans="1:13">
      <c r="A108" s="27" t="s">
        <v>69</v>
      </c>
      <c r="B108" s="67">
        <v>-70</v>
      </c>
      <c r="C108" s="68">
        <v>-46</v>
      </c>
      <c r="D108" s="68">
        <v>-24</v>
      </c>
      <c r="E108" s="67">
        <v>81</v>
      </c>
      <c r="F108" s="68">
        <v>49</v>
      </c>
      <c r="G108" s="69">
        <v>32</v>
      </c>
      <c r="H108" s="68">
        <v>22</v>
      </c>
      <c r="I108" s="68">
        <v>10</v>
      </c>
      <c r="J108" s="68">
        <v>12</v>
      </c>
      <c r="K108" s="67">
        <v>11</v>
      </c>
      <c r="L108" s="79">
        <v>7</v>
      </c>
      <c r="M108" s="80">
        <v>4</v>
      </c>
    </row>
    <row r="109" spans="1:13">
      <c r="A109" s="27" t="s">
        <v>71</v>
      </c>
      <c r="B109" s="67">
        <v>-82</v>
      </c>
      <c r="C109" s="68">
        <v>-55</v>
      </c>
      <c r="D109" s="68">
        <v>-27</v>
      </c>
      <c r="E109" s="67">
        <v>107</v>
      </c>
      <c r="F109" s="68">
        <v>66</v>
      </c>
      <c r="G109" s="69">
        <v>41</v>
      </c>
      <c r="H109" s="68">
        <v>34</v>
      </c>
      <c r="I109" s="68">
        <v>16</v>
      </c>
      <c r="J109" s="68">
        <v>18</v>
      </c>
      <c r="K109" s="67">
        <v>9</v>
      </c>
      <c r="L109" s="79">
        <v>5</v>
      </c>
      <c r="M109" s="80">
        <v>4</v>
      </c>
    </row>
    <row r="110" spans="1:13">
      <c r="A110" s="27" t="s">
        <v>73</v>
      </c>
      <c r="B110" s="67">
        <v>-86</v>
      </c>
      <c r="C110" s="68">
        <v>-61</v>
      </c>
      <c r="D110" s="68">
        <v>-25</v>
      </c>
      <c r="E110" s="67">
        <v>106</v>
      </c>
      <c r="F110" s="68">
        <v>65</v>
      </c>
      <c r="G110" s="69">
        <v>41</v>
      </c>
      <c r="H110" s="68">
        <v>37</v>
      </c>
      <c r="I110" s="68">
        <v>10</v>
      </c>
      <c r="J110" s="68">
        <v>27</v>
      </c>
      <c r="K110" s="67">
        <v>17</v>
      </c>
      <c r="L110" s="79">
        <v>6</v>
      </c>
      <c r="M110" s="80">
        <v>11</v>
      </c>
    </row>
    <row r="111" spans="1:13" ht="21" customHeight="1">
      <c r="A111" s="38" t="s">
        <v>75</v>
      </c>
      <c r="B111" s="64">
        <v>-459</v>
      </c>
      <c r="C111" s="65">
        <v>-264</v>
      </c>
      <c r="D111" s="65">
        <v>-195</v>
      </c>
      <c r="E111" s="64">
        <v>524</v>
      </c>
      <c r="F111" s="65">
        <v>294</v>
      </c>
      <c r="G111" s="66">
        <v>230</v>
      </c>
      <c r="H111" s="65">
        <v>128</v>
      </c>
      <c r="I111" s="65">
        <v>54</v>
      </c>
      <c r="J111" s="65">
        <v>74</v>
      </c>
      <c r="K111" s="64">
        <v>63</v>
      </c>
      <c r="L111" s="77">
        <v>24</v>
      </c>
      <c r="M111" s="78">
        <v>39</v>
      </c>
    </row>
    <row r="112" spans="1:13">
      <c r="A112" s="27" t="s">
        <v>77</v>
      </c>
      <c r="B112" s="67">
        <v>-86</v>
      </c>
      <c r="C112" s="68">
        <v>-54</v>
      </c>
      <c r="D112" s="68">
        <v>-32</v>
      </c>
      <c r="E112" s="67">
        <v>100</v>
      </c>
      <c r="F112" s="68">
        <v>57</v>
      </c>
      <c r="G112" s="69">
        <v>43</v>
      </c>
      <c r="H112" s="68">
        <v>29</v>
      </c>
      <c r="I112" s="68">
        <v>10</v>
      </c>
      <c r="J112" s="68">
        <v>19</v>
      </c>
      <c r="K112" s="67">
        <v>15</v>
      </c>
      <c r="L112" s="79">
        <v>7</v>
      </c>
      <c r="M112" s="80">
        <v>8</v>
      </c>
    </row>
    <row r="113" spans="1:13">
      <c r="A113" s="27" t="s">
        <v>79</v>
      </c>
      <c r="B113" s="67">
        <v>-82</v>
      </c>
      <c r="C113" s="68">
        <v>-46</v>
      </c>
      <c r="D113" s="68">
        <v>-36</v>
      </c>
      <c r="E113" s="67">
        <v>92</v>
      </c>
      <c r="F113" s="68">
        <v>48</v>
      </c>
      <c r="G113" s="69">
        <v>44</v>
      </c>
      <c r="H113" s="68">
        <v>25</v>
      </c>
      <c r="I113" s="68">
        <v>9</v>
      </c>
      <c r="J113" s="68">
        <v>16</v>
      </c>
      <c r="K113" s="67">
        <v>15</v>
      </c>
      <c r="L113" s="79">
        <v>7</v>
      </c>
      <c r="M113" s="80">
        <v>8</v>
      </c>
    </row>
    <row r="114" spans="1:13">
      <c r="A114" s="27" t="s">
        <v>81</v>
      </c>
      <c r="B114" s="67">
        <v>-78</v>
      </c>
      <c r="C114" s="68">
        <v>-41</v>
      </c>
      <c r="D114" s="68">
        <v>-37</v>
      </c>
      <c r="E114" s="67">
        <v>89</v>
      </c>
      <c r="F114" s="68">
        <v>49</v>
      </c>
      <c r="G114" s="69">
        <v>40</v>
      </c>
      <c r="H114" s="68">
        <v>21</v>
      </c>
      <c r="I114" s="68">
        <v>11</v>
      </c>
      <c r="J114" s="68">
        <v>10</v>
      </c>
      <c r="K114" s="67">
        <v>10</v>
      </c>
      <c r="L114" s="79">
        <v>3</v>
      </c>
      <c r="M114" s="80">
        <v>7</v>
      </c>
    </row>
    <row r="115" spans="1:13">
      <c r="A115" s="27" t="s">
        <v>83</v>
      </c>
      <c r="B115" s="67">
        <v>-92</v>
      </c>
      <c r="C115" s="68">
        <v>-53</v>
      </c>
      <c r="D115" s="68">
        <v>-39</v>
      </c>
      <c r="E115" s="67">
        <v>112</v>
      </c>
      <c r="F115" s="68">
        <v>66</v>
      </c>
      <c r="G115" s="69">
        <v>46</v>
      </c>
      <c r="H115" s="68">
        <v>29</v>
      </c>
      <c r="I115" s="68">
        <v>16</v>
      </c>
      <c r="J115" s="68">
        <v>13</v>
      </c>
      <c r="K115" s="67">
        <v>9</v>
      </c>
      <c r="L115" s="79">
        <v>3</v>
      </c>
      <c r="M115" s="80">
        <v>6</v>
      </c>
    </row>
    <row r="116" spans="1:13">
      <c r="A116" s="27" t="s">
        <v>85</v>
      </c>
      <c r="B116" s="67">
        <v>-121</v>
      </c>
      <c r="C116" s="68">
        <v>-70</v>
      </c>
      <c r="D116" s="68">
        <v>-51</v>
      </c>
      <c r="E116" s="67">
        <v>131</v>
      </c>
      <c r="F116" s="68">
        <v>74</v>
      </c>
      <c r="G116" s="69">
        <v>57</v>
      </c>
      <c r="H116" s="68">
        <v>24</v>
      </c>
      <c r="I116" s="68">
        <v>8</v>
      </c>
      <c r="J116" s="68">
        <v>16</v>
      </c>
      <c r="K116" s="67">
        <v>14</v>
      </c>
      <c r="L116" s="79">
        <v>4</v>
      </c>
      <c r="M116" s="80">
        <v>10</v>
      </c>
    </row>
    <row r="117" spans="1:13" ht="21" customHeight="1">
      <c r="A117" s="38" t="s">
        <v>87</v>
      </c>
      <c r="B117" s="64">
        <v>-601</v>
      </c>
      <c r="C117" s="65">
        <v>-302</v>
      </c>
      <c r="D117" s="65">
        <v>-299</v>
      </c>
      <c r="E117" s="64">
        <v>634</v>
      </c>
      <c r="F117" s="65">
        <v>320</v>
      </c>
      <c r="G117" s="66">
        <v>314</v>
      </c>
      <c r="H117" s="65">
        <v>103</v>
      </c>
      <c r="I117" s="65">
        <v>36</v>
      </c>
      <c r="J117" s="65">
        <v>67</v>
      </c>
      <c r="K117" s="64">
        <v>70</v>
      </c>
      <c r="L117" s="77">
        <v>18</v>
      </c>
      <c r="M117" s="78">
        <v>52</v>
      </c>
    </row>
    <row r="118" spans="1:13">
      <c r="A118" s="27" t="s">
        <v>89</v>
      </c>
      <c r="B118" s="67">
        <v>-107</v>
      </c>
      <c r="C118" s="68">
        <v>-66</v>
      </c>
      <c r="D118" s="68">
        <v>-41</v>
      </c>
      <c r="E118" s="67">
        <v>112</v>
      </c>
      <c r="F118" s="68">
        <v>67</v>
      </c>
      <c r="G118" s="69">
        <v>45</v>
      </c>
      <c r="H118" s="68">
        <v>22</v>
      </c>
      <c r="I118" s="68">
        <v>6</v>
      </c>
      <c r="J118" s="68">
        <v>16</v>
      </c>
      <c r="K118" s="67">
        <v>17</v>
      </c>
      <c r="L118" s="79">
        <v>5</v>
      </c>
      <c r="M118" s="80">
        <v>12</v>
      </c>
    </row>
    <row r="119" spans="1:13">
      <c r="A119" s="27" t="s">
        <v>91</v>
      </c>
      <c r="B119" s="67">
        <v>-124</v>
      </c>
      <c r="C119" s="68">
        <v>-64</v>
      </c>
      <c r="D119" s="68">
        <v>-60</v>
      </c>
      <c r="E119" s="67">
        <v>130</v>
      </c>
      <c r="F119" s="68">
        <v>65</v>
      </c>
      <c r="G119" s="69">
        <v>65</v>
      </c>
      <c r="H119" s="68">
        <v>17</v>
      </c>
      <c r="I119" s="68">
        <v>5</v>
      </c>
      <c r="J119" s="68">
        <v>12</v>
      </c>
      <c r="K119" s="67">
        <v>11</v>
      </c>
      <c r="L119" s="79">
        <v>4</v>
      </c>
      <c r="M119" s="80">
        <v>7</v>
      </c>
    </row>
    <row r="120" spans="1:13">
      <c r="A120" s="27" t="s">
        <v>93</v>
      </c>
      <c r="B120" s="67">
        <v>-116</v>
      </c>
      <c r="C120" s="68">
        <v>-54</v>
      </c>
      <c r="D120" s="68">
        <v>-62</v>
      </c>
      <c r="E120" s="67">
        <v>126</v>
      </c>
      <c r="F120" s="68">
        <v>62</v>
      </c>
      <c r="G120" s="69">
        <v>64</v>
      </c>
      <c r="H120" s="68">
        <v>29</v>
      </c>
      <c r="I120" s="68">
        <v>11</v>
      </c>
      <c r="J120" s="68">
        <v>18</v>
      </c>
      <c r="K120" s="67">
        <v>19</v>
      </c>
      <c r="L120" s="79">
        <v>3</v>
      </c>
      <c r="M120" s="80">
        <v>16</v>
      </c>
    </row>
    <row r="121" spans="1:13">
      <c r="A121" s="27" t="s">
        <v>95</v>
      </c>
      <c r="B121" s="67">
        <v>-121</v>
      </c>
      <c r="C121" s="68">
        <v>-62</v>
      </c>
      <c r="D121" s="68">
        <v>-59</v>
      </c>
      <c r="E121" s="67">
        <v>129</v>
      </c>
      <c r="F121" s="68">
        <v>66</v>
      </c>
      <c r="G121" s="69">
        <v>63</v>
      </c>
      <c r="H121" s="68">
        <v>18</v>
      </c>
      <c r="I121" s="68">
        <v>6</v>
      </c>
      <c r="J121" s="68">
        <v>12</v>
      </c>
      <c r="K121" s="67">
        <v>10</v>
      </c>
      <c r="L121" s="79">
        <v>2</v>
      </c>
      <c r="M121" s="80">
        <v>8</v>
      </c>
    </row>
    <row r="122" spans="1:13">
      <c r="A122" s="27" t="s">
        <v>97</v>
      </c>
      <c r="B122" s="67">
        <v>-133</v>
      </c>
      <c r="C122" s="68">
        <v>-56</v>
      </c>
      <c r="D122" s="68">
        <v>-77</v>
      </c>
      <c r="E122" s="67">
        <v>137</v>
      </c>
      <c r="F122" s="68">
        <v>60</v>
      </c>
      <c r="G122" s="69">
        <v>77</v>
      </c>
      <c r="H122" s="68">
        <v>17</v>
      </c>
      <c r="I122" s="68">
        <v>8</v>
      </c>
      <c r="J122" s="68">
        <v>9</v>
      </c>
      <c r="K122" s="67">
        <v>13</v>
      </c>
      <c r="L122" s="79">
        <v>4</v>
      </c>
      <c r="M122" s="80">
        <v>9</v>
      </c>
    </row>
    <row r="123" spans="1:13" ht="21" customHeight="1">
      <c r="A123" s="38" t="s">
        <v>99</v>
      </c>
      <c r="B123" s="64">
        <v>-457</v>
      </c>
      <c r="C123" s="65">
        <v>-194</v>
      </c>
      <c r="D123" s="65">
        <v>-263</v>
      </c>
      <c r="E123" s="64">
        <v>471</v>
      </c>
      <c r="F123" s="65">
        <v>192</v>
      </c>
      <c r="G123" s="66">
        <v>279</v>
      </c>
      <c r="H123" s="65">
        <v>47</v>
      </c>
      <c r="I123" s="65">
        <v>11</v>
      </c>
      <c r="J123" s="65">
        <v>36</v>
      </c>
      <c r="K123" s="64">
        <v>33</v>
      </c>
      <c r="L123" s="77">
        <v>13</v>
      </c>
      <c r="M123" s="78">
        <v>20</v>
      </c>
    </row>
    <row r="124" spans="1:13">
      <c r="A124" s="27" t="s">
        <v>101</v>
      </c>
      <c r="B124" s="67">
        <v>-104</v>
      </c>
      <c r="C124" s="68">
        <v>-48</v>
      </c>
      <c r="D124" s="68">
        <v>-56</v>
      </c>
      <c r="E124" s="67">
        <v>111</v>
      </c>
      <c r="F124" s="68">
        <v>47</v>
      </c>
      <c r="G124" s="69">
        <v>64</v>
      </c>
      <c r="H124" s="68">
        <v>16</v>
      </c>
      <c r="I124" s="68">
        <v>4</v>
      </c>
      <c r="J124" s="68">
        <v>12</v>
      </c>
      <c r="K124" s="67">
        <v>9</v>
      </c>
      <c r="L124" s="79">
        <v>5</v>
      </c>
      <c r="M124" s="80">
        <v>4</v>
      </c>
    </row>
    <row r="125" spans="1:13">
      <c r="A125" s="27" t="s">
        <v>103</v>
      </c>
      <c r="B125" s="67">
        <v>-91</v>
      </c>
      <c r="C125" s="68">
        <v>-37</v>
      </c>
      <c r="D125" s="68">
        <v>-54</v>
      </c>
      <c r="E125" s="67">
        <v>97</v>
      </c>
      <c r="F125" s="68">
        <v>36</v>
      </c>
      <c r="G125" s="69">
        <v>61</v>
      </c>
      <c r="H125" s="68">
        <v>12</v>
      </c>
      <c r="I125" s="68">
        <v>1</v>
      </c>
      <c r="J125" s="68">
        <v>11</v>
      </c>
      <c r="K125" s="67">
        <v>6</v>
      </c>
      <c r="L125" s="79">
        <v>2</v>
      </c>
      <c r="M125" s="80">
        <v>4</v>
      </c>
    </row>
    <row r="126" spans="1:13">
      <c r="A126" s="27" t="s">
        <v>105</v>
      </c>
      <c r="B126" s="67">
        <v>-126</v>
      </c>
      <c r="C126" s="68">
        <v>-54</v>
      </c>
      <c r="D126" s="68">
        <v>-72</v>
      </c>
      <c r="E126" s="67">
        <v>122</v>
      </c>
      <c r="F126" s="68">
        <v>52</v>
      </c>
      <c r="G126" s="69">
        <v>70</v>
      </c>
      <c r="H126" s="68">
        <v>6</v>
      </c>
      <c r="I126" s="68">
        <v>2</v>
      </c>
      <c r="J126" s="68">
        <v>4</v>
      </c>
      <c r="K126" s="67">
        <v>10</v>
      </c>
      <c r="L126" s="79">
        <v>4</v>
      </c>
      <c r="M126" s="80">
        <v>6</v>
      </c>
    </row>
    <row r="127" spans="1:13">
      <c r="A127" s="27" t="s">
        <v>107</v>
      </c>
      <c r="B127" s="67">
        <v>-77</v>
      </c>
      <c r="C127" s="68">
        <v>-32</v>
      </c>
      <c r="D127" s="68">
        <v>-45</v>
      </c>
      <c r="E127" s="67">
        <v>81</v>
      </c>
      <c r="F127" s="68">
        <v>33</v>
      </c>
      <c r="G127" s="69">
        <v>48</v>
      </c>
      <c r="H127" s="68">
        <v>9</v>
      </c>
      <c r="I127" s="68">
        <v>2</v>
      </c>
      <c r="J127" s="68">
        <v>7</v>
      </c>
      <c r="K127" s="67">
        <v>5</v>
      </c>
      <c r="L127" s="79">
        <v>1</v>
      </c>
      <c r="M127" s="80">
        <v>4</v>
      </c>
    </row>
    <row r="128" spans="1:13">
      <c r="A128" s="27" t="s">
        <v>109</v>
      </c>
      <c r="B128" s="67">
        <v>-59</v>
      </c>
      <c r="C128" s="68">
        <v>-23</v>
      </c>
      <c r="D128" s="68">
        <v>-36</v>
      </c>
      <c r="E128" s="67">
        <v>60</v>
      </c>
      <c r="F128" s="68">
        <v>24</v>
      </c>
      <c r="G128" s="69">
        <v>36</v>
      </c>
      <c r="H128" s="68">
        <v>4</v>
      </c>
      <c r="I128" s="68">
        <v>2</v>
      </c>
      <c r="J128" s="68">
        <v>2</v>
      </c>
      <c r="K128" s="67">
        <v>3</v>
      </c>
      <c r="L128" s="79">
        <v>1</v>
      </c>
      <c r="M128" s="80">
        <v>2</v>
      </c>
    </row>
    <row r="129" spans="1:14" ht="21" customHeight="1">
      <c r="A129" s="38" t="s">
        <v>111</v>
      </c>
      <c r="B129" s="64">
        <v>-206</v>
      </c>
      <c r="C129" s="65">
        <v>-48</v>
      </c>
      <c r="D129" s="65">
        <v>-158</v>
      </c>
      <c r="E129" s="64">
        <v>215</v>
      </c>
      <c r="F129" s="65">
        <v>51</v>
      </c>
      <c r="G129" s="66">
        <v>164</v>
      </c>
      <c r="H129" s="65">
        <v>13</v>
      </c>
      <c r="I129" s="65">
        <v>3</v>
      </c>
      <c r="J129" s="65">
        <v>10</v>
      </c>
      <c r="K129" s="64">
        <v>4</v>
      </c>
      <c r="L129" s="77">
        <v>0</v>
      </c>
      <c r="M129" s="78">
        <v>4</v>
      </c>
    </row>
    <row r="130" spans="1:14">
      <c r="A130" s="27" t="s">
        <v>113</v>
      </c>
      <c r="B130" s="67">
        <v>-60</v>
      </c>
      <c r="C130" s="68">
        <v>-16</v>
      </c>
      <c r="D130" s="68">
        <v>-44</v>
      </c>
      <c r="E130" s="67">
        <v>62</v>
      </c>
      <c r="F130" s="68">
        <v>17</v>
      </c>
      <c r="G130" s="69">
        <v>45</v>
      </c>
      <c r="H130" s="68">
        <v>5</v>
      </c>
      <c r="I130" s="68">
        <v>1</v>
      </c>
      <c r="J130" s="68">
        <v>4</v>
      </c>
      <c r="K130" s="67">
        <v>3</v>
      </c>
      <c r="L130" s="79">
        <v>0</v>
      </c>
      <c r="M130" s="80">
        <v>3</v>
      </c>
    </row>
    <row r="131" spans="1:14">
      <c r="A131" s="27" t="s">
        <v>115</v>
      </c>
      <c r="B131" s="67">
        <v>-47</v>
      </c>
      <c r="C131" s="68">
        <v>-15</v>
      </c>
      <c r="D131" s="68">
        <v>-32</v>
      </c>
      <c r="E131" s="67">
        <v>50</v>
      </c>
      <c r="F131" s="68">
        <v>16</v>
      </c>
      <c r="G131" s="69">
        <v>34</v>
      </c>
      <c r="H131" s="68">
        <v>4</v>
      </c>
      <c r="I131" s="68">
        <v>1</v>
      </c>
      <c r="J131" s="68">
        <v>3</v>
      </c>
      <c r="K131" s="67">
        <v>1</v>
      </c>
      <c r="L131" s="79">
        <v>0</v>
      </c>
      <c r="M131" s="80">
        <v>1</v>
      </c>
    </row>
    <row r="132" spans="1:14">
      <c r="A132" s="27" t="s">
        <v>117</v>
      </c>
      <c r="B132" s="67">
        <v>-44</v>
      </c>
      <c r="C132" s="68">
        <v>-9</v>
      </c>
      <c r="D132" s="68">
        <v>-35</v>
      </c>
      <c r="E132" s="67">
        <v>47</v>
      </c>
      <c r="F132" s="68">
        <v>9</v>
      </c>
      <c r="G132" s="69">
        <v>38</v>
      </c>
      <c r="H132" s="68">
        <v>3</v>
      </c>
      <c r="I132" s="68">
        <v>0</v>
      </c>
      <c r="J132" s="68">
        <v>3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36</v>
      </c>
      <c r="C133" s="68">
        <v>-4</v>
      </c>
      <c r="D133" s="68">
        <v>-32</v>
      </c>
      <c r="E133" s="67">
        <v>37</v>
      </c>
      <c r="F133" s="68">
        <v>5</v>
      </c>
      <c r="G133" s="69">
        <v>32</v>
      </c>
      <c r="H133" s="68">
        <v>1</v>
      </c>
      <c r="I133" s="68">
        <v>1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19</v>
      </c>
      <c r="C134" s="68">
        <v>-4</v>
      </c>
      <c r="D134" s="68">
        <v>-15</v>
      </c>
      <c r="E134" s="67">
        <v>19</v>
      </c>
      <c r="F134" s="68">
        <v>4</v>
      </c>
      <c r="G134" s="69">
        <v>15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53</v>
      </c>
      <c r="C135" s="40">
        <v>-6</v>
      </c>
      <c r="D135" s="40">
        <v>-47</v>
      </c>
      <c r="E135" s="42">
        <v>53</v>
      </c>
      <c r="F135" s="40">
        <v>6</v>
      </c>
      <c r="G135" s="43">
        <v>47</v>
      </c>
      <c r="H135" s="40">
        <v>1</v>
      </c>
      <c r="I135" s="40">
        <v>0</v>
      </c>
      <c r="J135" s="40">
        <v>1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3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3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2124</v>
      </c>
      <c r="C5" s="62">
        <v>905</v>
      </c>
      <c r="D5" s="62">
        <v>1219</v>
      </c>
      <c r="E5" s="61">
        <v>4393</v>
      </c>
      <c r="F5" s="62">
        <v>2248</v>
      </c>
      <c r="G5" s="63">
        <v>2145</v>
      </c>
      <c r="H5" s="62">
        <v>21480</v>
      </c>
      <c r="I5" s="62">
        <v>11417</v>
      </c>
      <c r="J5" s="62">
        <v>10063</v>
      </c>
      <c r="K5" s="61">
        <v>18021</v>
      </c>
      <c r="L5" s="75">
        <v>9824</v>
      </c>
      <c r="M5" s="76">
        <v>8197</v>
      </c>
    </row>
    <row r="6" spans="1:13" ht="23.25" customHeight="1">
      <c r="A6" s="36" t="s">
        <v>2</v>
      </c>
      <c r="B6" s="64">
        <v>3410</v>
      </c>
      <c r="C6" s="65">
        <v>1746</v>
      </c>
      <c r="D6" s="65">
        <v>1664</v>
      </c>
      <c r="E6" s="64">
        <v>8</v>
      </c>
      <c r="F6" s="65">
        <v>4</v>
      </c>
      <c r="G6" s="66">
        <v>4</v>
      </c>
      <c r="H6" s="65">
        <v>1237</v>
      </c>
      <c r="I6" s="65">
        <v>640</v>
      </c>
      <c r="J6" s="65">
        <v>597</v>
      </c>
      <c r="K6" s="64">
        <v>877</v>
      </c>
      <c r="L6" s="77">
        <v>450</v>
      </c>
      <c r="M6" s="78">
        <v>427</v>
      </c>
    </row>
    <row r="7" spans="1:13">
      <c r="A7" s="15" t="s">
        <v>4</v>
      </c>
      <c r="B7" s="67">
        <v>3103</v>
      </c>
      <c r="C7" s="68">
        <v>1592</v>
      </c>
      <c r="D7" s="68">
        <v>1511</v>
      </c>
      <c r="E7" s="67">
        <v>4</v>
      </c>
      <c r="F7" s="68">
        <v>3</v>
      </c>
      <c r="G7" s="69">
        <v>1</v>
      </c>
      <c r="H7" s="68">
        <v>173</v>
      </c>
      <c r="I7" s="68">
        <v>94</v>
      </c>
      <c r="J7" s="68">
        <v>79</v>
      </c>
      <c r="K7" s="67">
        <v>124</v>
      </c>
      <c r="L7" s="79">
        <v>59</v>
      </c>
      <c r="M7" s="80">
        <v>65</v>
      </c>
    </row>
    <row r="8" spans="1:13">
      <c r="A8" s="15" t="s">
        <v>6</v>
      </c>
      <c r="B8" s="67">
        <v>105</v>
      </c>
      <c r="C8" s="68">
        <v>42</v>
      </c>
      <c r="D8" s="68">
        <v>63</v>
      </c>
      <c r="E8" s="67">
        <v>2</v>
      </c>
      <c r="F8" s="68">
        <v>0</v>
      </c>
      <c r="G8" s="69">
        <v>2</v>
      </c>
      <c r="H8" s="68">
        <v>345</v>
      </c>
      <c r="I8" s="68">
        <v>168</v>
      </c>
      <c r="J8" s="68">
        <v>177</v>
      </c>
      <c r="K8" s="67">
        <v>238</v>
      </c>
      <c r="L8" s="79">
        <v>126</v>
      </c>
      <c r="M8" s="80">
        <v>112</v>
      </c>
    </row>
    <row r="9" spans="1:13">
      <c r="A9" s="15" t="s">
        <v>8</v>
      </c>
      <c r="B9" s="67">
        <v>39</v>
      </c>
      <c r="C9" s="68">
        <v>13</v>
      </c>
      <c r="D9" s="68">
        <v>26</v>
      </c>
      <c r="E9" s="67">
        <v>0</v>
      </c>
      <c r="F9" s="68">
        <v>0</v>
      </c>
      <c r="G9" s="69">
        <v>0</v>
      </c>
      <c r="H9" s="68">
        <v>264</v>
      </c>
      <c r="I9" s="68">
        <v>132</v>
      </c>
      <c r="J9" s="68">
        <v>132</v>
      </c>
      <c r="K9" s="67">
        <v>225</v>
      </c>
      <c r="L9" s="79">
        <v>119</v>
      </c>
      <c r="M9" s="80">
        <v>106</v>
      </c>
    </row>
    <row r="10" spans="1:13">
      <c r="A10" s="15" t="s">
        <v>10</v>
      </c>
      <c r="B10" s="67">
        <v>99</v>
      </c>
      <c r="C10" s="68">
        <v>61</v>
      </c>
      <c r="D10" s="68">
        <v>38</v>
      </c>
      <c r="E10" s="67">
        <v>1</v>
      </c>
      <c r="F10" s="68">
        <v>1</v>
      </c>
      <c r="G10" s="69">
        <v>0</v>
      </c>
      <c r="H10" s="68">
        <v>248</v>
      </c>
      <c r="I10" s="68">
        <v>126</v>
      </c>
      <c r="J10" s="68">
        <v>122</v>
      </c>
      <c r="K10" s="67">
        <v>148</v>
      </c>
      <c r="L10" s="79">
        <v>64</v>
      </c>
      <c r="M10" s="80">
        <v>84</v>
      </c>
    </row>
    <row r="11" spans="1:13">
      <c r="A11" s="15" t="s">
        <v>12</v>
      </c>
      <c r="B11" s="67">
        <v>64</v>
      </c>
      <c r="C11" s="68">
        <v>38</v>
      </c>
      <c r="D11" s="68">
        <v>26</v>
      </c>
      <c r="E11" s="67">
        <v>1</v>
      </c>
      <c r="F11" s="68">
        <v>0</v>
      </c>
      <c r="G11" s="69">
        <v>1</v>
      </c>
      <c r="H11" s="68">
        <v>207</v>
      </c>
      <c r="I11" s="68">
        <v>120</v>
      </c>
      <c r="J11" s="68">
        <v>87</v>
      </c>
      <c r="K11" s="67">
        <v>142</v>
      </c>
      <c r="L11" s="79">
        <v>82</v>
      </c>
      <c r="M11" s="80">
        <v>60</v>
      </c>
    </row>
    <row r="12" spans="1:13" ht="21" customHeight="1">
      <c r="A12" s="36" t="s">
        <v>14</v>
      </c>
      <c r="B12" s="64">
        <v>203</v>
      </c>
      <c r="C12" s="65">
        <v>116</v>
      </c>
      <c r="D12" s="65">
        <v>87</v>
      </c>
      <c r="E12" s="64">
        <v>3</v>
      </c>
      <c r="F12" s="65">
        <v>0</v>
      </c>
      <c r="G12" s="66">
        <v>3</v>
      </c>
      <c r="H12" s="65">
        <v>720</v>
      </c>
      <c r="I12" s="65">
        <v>385</v>
      </c>
      <c r="J12" s="65">
        <v>335</v>
      </c>
      <c r="K12" s="64">
        <v>514</v>
      </c>
      <c r="L12" s="77">
        <v>269</v>
      </c>
      <c r="M12" s="78">
        <v>245</v>
      </c>
    </row>
    <row r="13" spans="1:13">
      <c r="A13" s="15" t="s">
        <v>16</v>
      </c>
      <c r="B13" s="67">
        <v>66</v>
      </c>
      <c r="C13" s="68">
        <v>52</v>
      </c>
      <c r="D13" s="68">
        <v>14</v>
      </c>
      <c r="E13" s="67">
        <v>1</v>
      </c>
      <c r="F13" s="68">
        <v>0</v>
      </c>
      <c r="G13" s="69">
        <v>1</v>
      </c>
      <c r="H13" s="68">
        <v>185</v>
      </c>
      <c r="I13" s="68">
        <v>108</v>
      </c>
      <c r="J13" s="68">
        <v>77</v>
      </c>
      <c r="K13" s="67">
        <v>118</v>
      </c>
      <c r="L13" s="79">
        <v>56</v>
      </c>
      <c r="M13" s="80">
        <v>62</v>
      </c>
    </row>
    <row r="14" spans="1:13">
      <c r="A14" s="15" t="s">
        <v>18</v>
      </c>
      <c r="B14" s="67">
        <v>45</v>
      </c>
      <c r="C14" s="68">
        <v>18</v>
      </c>
      <c r="D14" s="68">
        <v>27</v>
      </c>
      <c r="E14" s="67">
        <v>0</v>
      </c>
      <c r="F14" s="68">
        <v>0</v>
      </c>
      <c r="G14" s="69">
        <v>0</v>
      </c>
      <c r="H14" s="68">
        <v>171</v>
      </c>
      <c r="I14" s="68">
        <v>93</v>
      </c>
      <c r="J14" s="68">
        <v>78</v>
      </c>
      <c r="K14" s="67">
        <v>126</v>
      </c>
      <c r="L14" s="79">
        <v>75</v>
      </c>
      <c r="M14" s="80">
        <v>51</v>
      </c>
    </row>
    <row r="15" spans="1:13">
      <c r="A15" s="15" t="s">
        <v>20</v>
      </c>
      <c r="B15" s="67">
        <v>54</v>
      </c>
      <c r="C15" s="68">
        <v>34</v>
      </c>
      <c r="D15" s="68">
        <v>20</v>
      </c>
      <c r="E15" s="67">
        <v>0</v>
      </c>
      <c r="F15" s="68">
        <v>0</v>
      </c>
      <c r="G15" s="69">
        <v>0</v>
      </c>
      <c r="H15" s="68">
        <v>181</v>
      </c>
      <c r="I15" s="68">
        <v>96</v>
      </c>
      <c r="J15" s="68">
        <v>85</v>
      </c>
      <c r="K15" s="67">
        <v>127</v>
      </c>
      <c r="L15" s="79">
        <v>62</v>
      </c>
      <c r="M15" s="80">
        <v>65</v>
      </c>
    </row>
    <row r="16" spans="1:13">
      <c r="A16" s="15" t="s">
        <v>22</v>
      </c>
      <c r="B16" s="67">
        <v>27</v>
      </c>
      <c r="C16" s="68">
        <v>11</v>
      </c>
      <c r="D16" s="68">
        <v>16</v>
      </c>
      <c r="E16" s="67">
        <v>1</v>
      </c>
      <c r="F16" s="68">
        <v>0</v>
      </c>
      <c r="G16" s="69">
        <v>1</v>
      </c>
      <c r="H16" s="68">
        <v>102</v>
      </c>
      <c r="I16" s="68">
        <v>48</v>
      </c>
      <c r="J16" s="68">
        <v>54</v>
      </c>
      <c r="K16" s="67">
        <v>74</v>
      </c>
      <c r="L16" s="79">
        <v>37</v>
      </c>
      <c r="M16" s="80">
        <v>37</v>
      </c>
    </row>
    <row r="17" spans="1:13">
      <c r="A17" s="15" t="s">
        <v>24</v>
      </c>
      <c r="B17" s="67">
        <v>11</v>
      </c>
      <c r="C17" s="68">
        <v>1</v>
      </c>
      <c r="D17" s="68">
        <v>10</v>
      </c>
      <c r="E17" s="67">
        <v>1</v>
      </c>
      <c r="F17" s="68">
        <v>0</v>
      </c>
      <c r="G17" s="69">
        <v>1</v>
      </c>
      <c r="H17" s="68">
        <v>81</v>
      </c>
      <c r="I17" s="68">
        <v>40</v>
      </c>
      <c r="J17" s="68">
        <v>41</v>
      </c>
      <c r="K17" s="67">
        <v>69</v>
      </c>
      <c r="L17" s="79">
        <v>39</v>
      </c>
      <c r="M17" s="80">
        <v>30</v>
      </c>
    </row>
    <row r="18" spans="1:13" ht="21" customHeight="1">
      <c r="A18" s="36" t="s">
        <v>26</v>
      </c>
      <c r="B18" s="64">
        <v>78</v>
      </c>
      <c r="C18" s="65">
        <v>58</v>
      </c>
      <c r="D18" s="65">
        <v>20</v>
      </c>
      <c r="E18" s="64">
        <v>0</v>
      </c>
      <c r="F18" s="65">
        <v>0</v>
      </c>
      <c r="G18" s="66">
        <v>0</v>
      </c>
      <c r="H18" s="65">
        <v>347</v>
      </c>
      <c r="I18" s="65">
        <v>184</v>
      </c>
      <c r="J18" s="65">
        <v>163</v>
      </c>
      <c r="K18" s="64">
        <v>269</v>
      </c>
      <c r="L18" s="77">
        <v>126</v>
      </c>
      <c r="M18" s="78">
        <v>143</v>
      </c>
    </row>
    <row r="19" spans="1:13">
      <c r="A19" s="15" t="s">
        <v>28</v>
      </c>
      <c r="B19" s="67">
        <v>18</v>
      </c>
      <c r="C19" s="68">
        <v>6</v>
      </c>
      <c r="D19" s="68">
        <v>12</v>
      </c>
      <c r="E19" s="67">
        <v>0</v>
      </c>
      <c r="F19" s="68">
        <v>0</v>
      </c>
      <c r="G19" s="69">
        <v>0</v>
      </c>
      <c r="H19" s="68">
        <v>89</v>
      </c>
      <c r="I19" s="68">
        <v>41</v>
      </c>
      <c r="J19" s="68">
        <v>48</v>
      </c>
      <c r="K19" s="67">
        <v>71</v>
      </c>
      <c r="L19" s="79">
        <v>35</v>
      </c>
      <c r="M19" s="80">
        <v>36</v>
      </c>
    </row>
    <row r="20" spans="1:13">
      <c r="A20" s="15" t="s">
        <v>30</v>
      </c>
      <c r="B20" s="67">
        <v>18</v>
      </c>
      <c r="C20" s="68">
        <v>14</v>
      </c>
      <c r="D20" s="68">
        <v>4</v>
      </c>
      <c r="E20" s="67">
        <v>0</v>
      </c>
      <c r="F20" s="68">
        <v>0</v>
      </c>
      <c r="G20" s="69">
        <v>0</v>
      </c>
      <c r="H20" s="68">
        <v>69</v>
      </c>
      <c r="I20" s="68">
        <v>42</v>
      </c>
      <c r="J20" s="68">
        <v>27</v>
      </c>
      <c r="K20" s="67">
        <v>51</v>
      </c>
      <c r="L20" s="79">
        <v>28</v>
      </c>
      <c r="M20" s="80">
        <v>23</v>
      </c>
    </row>
    <row r="21" spans="1:13">
      <c r="A21" s="15" t="s">
        <v>32</v>
      </c>
      <c r="B21" s="67">
        <v>18</v>
      </c>
      <c r="C21" s="68">
        <v>14</v>
      </c>
      <c r="D21" s="68">
        <v>4</v>
      </c>
      <c r="E21" s="67">
        <v>0</v>
      </c>
      <c r="F21" s="68">
        <v>0</v>
      </c>
      <c r="G21" s="69">
        <v>0</v>
      </c>
      <c r="H21" s="68">
        <v>55</v>
      </c>
      <c r="I21" s="68">
        <v>31</v>
      </c>
      <c r="J21" s="68">
        <v>24</v>
      </c>
      <c r="K21" s="67">
        <v>37</v>
      </c>
      <c r="L21" s="79">
        <v>17</v>
      </c>
      <c r="M21" s="80">
        <v>20</v>
      </c>
    </row>
    <row r="22" spans="1:13">
      <c r="A22" s="15" t="s">
        <v>34</v>
      </c>
      <c r="B22" s="67">
        <v>30</v>
      </c>
      <c r="C22" s="68">
        <v>19</v>
      </c>
      <c r="D22" s="68">
        <v>11</v>
      </c>
      <c r="E22" s="67">
        <v>0</v>
      </c>
      <c r="F22" s="68">
        <v>0</v>
      </c>
      <c r="G22" s="69">
        <v>0</v>
      </c>
      <c r="H22" s="68">
        <v>98</v>
      </c>
      <c r="I22" s="68">
        <v>47</v>
      </c>
      <c r="J22" s="68">
        <v>51</v>
      </c>
      <c r="K22" s="67">
        <v>68</v>
      </c>
      <c r="L22" s="79">
        <v>28</v>
      </c>
      <c r="M22" s="80">
        <v>40</v>
      </c>
    </row>
    <row r="23" spans="1:13">
      <c r="A23" s="15" t="s">
        <v>36</v>
      </c>
      <c r="B23" s="67">
        <v>-6</v>
      </c>
      <c r="C23" s="68">
        <v>5</v>
      </c>
      <c r="D23" s="68">
        <v>-11</v>
      </c>
      <c r="E23" s="67">
        <v>0</v>
      </c>
      <c r="F23" s="68">
        <v>0</v>
      </c>
      <c r="G23" s="69">
        <v>0</v>
      </c>
      <c r="H23" s="68">
        <v>36</v>
      </c>
      <c r="I23" s="68">
        <v>23</v>
      </c>
      <c r="J23" s="68">
        <v>13</v>
      </c>
      <c r="K23" s="67">
        <v>42</v>
      </c>
      <c r="L23" s="79">
        <v>18</v>
      </c>
      <c r="M23" s="80">
        <v>24</v>
      </c>
    </row>
    <row r="24" spans="1:13" ht="21" customHeight="1">
      <c r="A24" s="36" t="s">
        <v>38</v>
      </c>
      <c r="B24" s="64">
        <v>223</v>
      </c>
      <c r="C24" s="65">
        <v>153</v>
      </c>
      <c r="D24" s="65">
        <v>70</v>
      </c>
      <c r="E24" s="64">
        <v>2</v>
      </c>
      <c r="F24" s="65">
        <v>2</v>
      </c>
      <c r="G24" s="66">
        <v>0</v>
      </c>
      <c r="H24" s="65">
        <v>750</v>
      </c>
      <c r="I24" s="65">
        <v>447</v>
      </c>
      <c r="J24" s="65">
        <v>303</v>
      </c>
      <c r="K24" s="64">
        <v>525</v>
      </c>
      <c r="L24" s="77">
        <v>292</v>
      </c>
      <c r="M24" s="78">
        <v>233</v>
      </c>
    </row>
    <row r="25" spans="1:13">
      <c r="A25" s="15" t="s">
        <v>40</v>
      </c>
      <c r="B25" s="67">
        <v>-13</v>
      </c>
      <c r="C25" s="68">
        <v>-4</v>
      </c>
      <c r="D25" s="68">
        <v>-9</v>
      </c>
      <c r="E25" s="67">
        <v>0</v>
      </c>
      <c r="F25" s="68">
        <v>0</v>
      </c>
      <c r="G25" s="69">
        <v>0</v>
      </c>
      <c r="H25" s="68">
        <v>49</v>
      </c>
      <c r="I25" s="68">
        <v>20</v>
      </c>
      <c r="J25" s="68">
        <v>29</v>
      </c>
      <c r="K25" s="67">
        <v>62</v>
      </c>
      <c r="L25" s="79">
        <v>24</v>
      </c>
      <c r="M25" s="80">
        <v>38</v>
      </c>
    </row>
    <row r="26" spans="1:13">
      <c r="A26" s="15" t="s">
        <v>42</v>
      </c>
      <c r="B26" s="67">
        <v>12</v>
      </c>
      <c r="C26" s="68">
        <v>8</v>
      </c>
      <c r="D26" s="68">
        <v>4</v>
      </c>
      <c r="E26" s="67">
        <v>1</v>
      </c>
      <c r="F26" s="68">
        <v>1</v>
      </c>
      <c r="G26" s="69">
        <v>0</v>
      </c>
      <c r="H26" s="68">
        <v>81</v>
      </c>
      <c r="I26" s="68">
        <v>39</v>
      </c>
      <c r="J26" s="68">
        <v>42</v>
      </c>
      <c r="K26" s="67">
        <v>68</v>
      </c>
      <c r="L26" s="79">
        <v>30</v>
      </c>
      <c r="M26" s="80">
        <v>38</v>
      </c>
    </row>
    <row r="27" spans="1:13">
      <c r="A27" s="15" t="s">
        <v>44</v>
      </c>
      <c r="B27" s="67">
        <v>-14</v>
      </c>
      <c r="C27" s="68">
        <v>-10</v>
      </c>
      <c r="D27" s="68">
        <v>-4</v>
      </c>
      <c r="E27" s="67">
        <v>0</v>
      </c>
      <c r="F27" s="68">
        <v>0</v>
      </c>
      <c r="G27" s="69">
        <v>0</v>
      </c>
      <c r="H27" s="68">
        <v>39</v>
      </c>
      <c r="I27" s="68">
        <v>19</v>
      </c>
      <c r="J27" s="68">
        <v>20</v>
      </c>
      <c r="K27" s="67">
        <v>53</v>
      </c>
      <c r="L27" s="79">
        <v>29</v>
      </c>
      <c r="M27" s="80">
        <v>24</v>
      </c>
    </row>
    <row r="28" spans="1:13">
      <c r="A28" s="15" t="s">
        <v>46</v>
      </c>
      <c r="B28" s="67">
        <v>64</v>
      </c>
      <c r="C28" s="68">
        <v>32</v>
      </c>
      <c r="D28" s="68">
        <v>32</v>
      </c>
      <c r="E28" s="67">
        <v>1</v>
      </c>
      <c r="F28" s="68">
        <v>1</v>
      </c>
      <c r="G28" s="69">
        <v>0</v>
      </c>
      <c r="H28" s="68">
        <v>162</v>
      </c>
      <c r="I28" s="68">
        <v>93</v>
      </c>
      <c r="J28" s="68">
        <v>69</v>
      </c>
      <c r="K28" s="67">
        <v>97</v>
      </c>
      <c r="L28" s="79">
        <v>60</v>
      </c>
      <c r="M28" s="80">
        <v>37</v>
      </c>
    </row>
    <row r="29" spans="1:13">
      <c r="A29" s="15" t="s">
        <v>48</v>
      </c>
      <c r="B29" s="67">
        <v>174</v>
      </c>
      <c r="C29" s="68">
        <v>127</v>
      </c>
      <c r="D29" s="68">
        <v>47</v>
      </c>
      <c r="E29" s="67">
        <v>0</v>
      </c>
      <c r="F29" s="68">
        <v>0</v>
      </c>
      <c r="G29" s="69">
        <v>0</v>
      </c>
      <c r="H29" s="68">
        <v>419</v>
      </c>
      <c r="I29" s="68">
        <v>276</v>
      </c>
      <c r="J29" s="68">
        <v>143</v>
      </c>
      <c r="K29" s="67">
        <v>245</v>
      </c>
      <c r="L29" s="79">
        <v>149</v>
      </c>
      <c r="M29" s="80">
        <v>96</v>
      </c>
    </row>
    <row r="30" spans="1:13" ht="21" customHeight="1">
      <c r="A30" s="36" t="s">
        <v>50</v>
      </c>
      <c r="B30" s="64">
        <v>46</v>
      </c>
      <c r="C30" s="65">
        <v>80</v>
      </c>
      <c r="D30" s="65">
        <v>-34</v>
      </c>
      <c r="E30" s="64">
        <v>13</v>
      </c>
      <c r="F30" s="65">
        <v>7</v>
      </c>
      <c r="G30" s="66">
        <v>6</v>
      </c>
      <c r="H30" s="65">
        <v>2700</v>
      </c>
      <c r="I30" s="65">
        <v>1468</v>
      </c>
      <c r="J30" s="65">
        <v>1232</v>
      </c>
      <c r="K30" s="64">
        <v>2641</v>
      </c>
      <c r="L30" s="77">
        <v>1381</v>
      </c>
      <c r="M30" s="78">
        <v>1260</v>
      </c>
    </row>
    <row r="31" spans="1:13">
      <c r="A31" s="15" t="s">
        <v>52</v>
      </c>
      <c r="B31" s="67">
        <v>11</v>
      </c>
      <c r="C31" s="68">
        <v>21</v>
      </c>
      <c r="D31" s="68">
        <v>-10</v>
      </c>
      <c r="E31" s="67">
        <v>2</v>
      </c>
      <c r="F31" s="68">
        <v>0</v>
      </c>
      <c r="G31" s="69">
        <v>2</v>
      </c>
      <c r="H31" s="68">
        <v>253</v>
      </c>
      <c r="I31" s="68">
        <v>151</v>
      </c>
      <c r="J31" s="68">
        <v>102</v>
      </c>
      <c r="K31" s="67">
        <v>240</v>
      </c>
      <c r="L31" s="79">
        <v>130</v>
      </c>
      <c r="M31" s="80">
        <v>110</v>
      </c>
    </row>
    <row r="32" spans="1:13">
      <c r="A32" s="15" t="s">
        <v>54</v>
      </c>
      <c r="B32" s="67">
        <v>87</v>
      </c>
      <c r="C32" s="68">
        <v>62</v>
      </c>
      <c r="D32" s="68">
        <v>25</v>
      </c>
      <c r="E32" s="67">
        <v>5</v>
      </c>
      <c r="F32" s="68">
        <v>4</v>
      </c>
      <c r="G32" s="69">
        <v>1</v>
      </c>
      <c r="H32" s="68">
        <v>396</v>
      </c>
      <c r="I32" s="68">
        <v>208</v>
      </c>
      <c r="J32" s="68">
        <v>188</v>
      </c>
      <c r="K32" s="67">
        <v>304</v>
      </c>
      <c r="L32" s="79">
        <v>142</v>
      </c>
      <c r="M32" s="80">
        <v>162</v>
      </c>
    </row>
    <row r="33" spans="1:13">
      <c r="A33" s="15" t="s">
        <v>56</v>
      </c>
      <c r="B33" s="67">
        <v>68</v>
      </c>
      <c r="C33" s="68">
        <v>40</v>
      </c>
      <c r="D33" s="68">
        <v>28</v>
      </c>
      <c r="E33" s="67">
        <v>3</v>
      </c>
      <c r="F33" s="68">
        <v>1</v>
      </c>
      <c r="G33" s="69">
        <v>2</v>
      </c>
      <c r="H33" s="68">
        <v>508</v>
      </c>
      <c r="I33" s="68">
        <v>262</v>
      </c>
      <c r="J33" s="68">
        <v>246</v>
      </c>
      <c r="K33" s="67">
        <v>437</v>
      </c>
      <c r="L33" s="79">
        <v>221</v>
      </c>
      <c r="M33" s="80">
        <v>216</v>
      </c>
    </row>
    <row r="34" spans="1:13">
      <c r="A34" s="15" t="s">
        <v>58</v>
      </c>
      <c r="B34" s="67">
        <v>-123</v>
      </c>
      <c r="C34" s="68">
        <v>-43</v>
      </c>
      <c r="D34" s="68">
        <v>-80</v>
      </c>
      <c r="E34" s="67">
        <v>0</v>
      </c>
      <c r="F34" s="68">
        <v>0</v>
      </c>
      <c r="G34" s="69">
        <v>0</v>
      </c>
      <c r="H34" s="68">
        <v>784</v>
      </c>
      <c r="I34" s="68">
        <v>426</v>
      </c>
      <c r="J34" s="68">
        <v>358</v>
      </c>
      <c r="K34" s="67">
        <v>907</v>
      </c>
      <c r="L34" s="79">
        <v>469</v>
      </c>
      <c r="M34" s="80">
        <v>438</v>
      </c>
    </row>
    <row r="35" spans="1:13">
      <c r="A35" s="15" t="s">
        <v>60</v>
      </c>
      <c r="B35" s="67">
        <v>3</v>
      </c>
      <c r="C35" s="68">
        <v>0</v>
      </c>
      <c r="D35" s="68">
        <v>3</v>
      </c>
      <c r="E35" s="67">
        <v>3</v>
      </c>
      <c r="F35" s="68">
        <v>2</v>
      </c>
      <c r="G35" s="69">
        <v>1</v>
      </c>
      <c r="H35" s="68">
        <v>759</v>
      </c>
      <c r="I35" s="68">
        <v>421</v>
      </c>
      <c r="J35" s="68">
        <v>338</v>
      </c>
      <c r="K35" s="67">
        <v>753</v>
      </c>
      <c r="L35" s="79">
        <v>419</v>
      </c>
      <c r="M35" s="80">
        <v>334</v>
      </c>
    </row>
    <row r="36" spans="1:13" ht="21" customHeight="1">
      <c r="A36" s="36" t="s">
        <v>62</v>
      </c>
      <c r="B36" s="64">
        <v>303</v>
      </c>
      <c r="C36" s="65">
        <v>75</v>
      </c>
      <c r="D36" s="65">
        <v>228</v>
      </c>
      <c r="E36" s="64">
        <v>8</v>
      </c>
      <c r="F36" s="65">
        <v>5</v>
      </c>
      <c r="G36" s="66">
        <v>3</v>
      </c>
      <c r="H36" s="65">
        <v>4326</v>
      </c>
      <c r="I36" s="65">
        <v>2297</v>
      </c>
      <c r="J36" s="65">
        <v>2029</v>
      </c>
      <c r="K36" s="64">
        <v>4015</v>
      </c>
      <c r="L36" s="77">
        <v>2217</v>
      </c>
      <c r="M36" s="78">
        <v>1798</v>
      </c>
    </row>
    <row r="37" spans="1:13">
      <c r="A37" s="15" t="s">
        <v>64</v>
      </c>
      <c r="B37" s="67">
        <v>41</v>
      </c>
      <c r="C37" s="68">
        <v>-6</v>
      </c>
      <c r="D37" s="68">
        <v>47</v>
      </c>
      <c r="E37" s="67">
        <v>2</v>
      </c>
      <c r="F37" s="68">
        <v>1</v>
      </c>
      <c r="G37" s="69">
        <v>1</v>
      </c>
      <c r="H37" s="68">
        <v>928</v>
      </c>
      <c r="I37" s="68">
        <v>501</v>
      </c>
      <c r="J37" s="68">
        <v>427</v>
      </c>
      <c r="K37" s="67">
        <v>885</v>
      </c>
      <c r="L37" s="79">
        <v>506</v>
      </c>
      <c r="M37" s="80">
        <v>379</v>
      </c>
    </row>
    <row r="38" spans="1:13">
      <c r="A38" s="15" t="s">
        <v>66</v>
      </c>
      <c r="B38" s="67">
        <v>116</v>
      </c>
      <c r="C38" s="68">
        <v>63</v>
      </c>
      <c r="D38" s="68">
        <v>53</v>
      </c>
      <c r="E38" s="67">
        <v>3</v>
      </c>
      <c r="F38" s="68">
        <v>2</v>
      </c>
      <c r="G38" s="69">
        <v>1</v>
      </c>
      <c r="H38" s="68">
        <v>938</v>
      </c>
      <c r="I38" s="68">
        <v>523</v>
      </c>
      <c r="J38" s="68">
        <v>415</v>
      </c>
      <c r="K38" s="67">
        <v>819</v>
      </c>
      <c r="L38" s="79">
        <v>458</v>
      </c>
      <c r="M38" s="80">
        <v>361</v>
      </c>
    </row>
    <row r="39" spans="1:13">
      <c r="A39" s="15" t="s">
        <v>68</v>
      </c>
      <c r="B39" s="67">
        <v>9</v>
      </c>
      <c r="C39" s="68">
        <v>-25</v>
      </c>
      <c r="D39" s="68">
        <v>34</v>
      </c>
      <c r="E39" s="67">
        <v>0</v>
      </c>
      <c r="F39" s="68">
        <v>0</v>
      </c>
      <c r="G39" s="69">
        <v>0</v>
      </c>
      <c r="H39" s="68">
        <v>851</v>
      </c>
      <c r="I39" s="68">
        <v>448</v>
      </c>
      <c r="J39" s="68">
        <v>403</v>
      </c>
      <c r="K39" s="67">
        <v>842</v>
      </c>
      <c r="L39" s="79">
        <v>473</v>
      </c>
      <c r="M39" s="80">
        <v>369</v>
      </c>
    </row>
    <row r="40" spans="1:13">
      <c r="A40" s="15" t="s">
        <v>70</v>
      </c>
      <c r="B40" s="67">
        <v>74</v>
      </c>
      <c r="C40" s="68">
        <v>42</v>
      </c>
      <c r="D40" s="68">
        <v>32</v>
      </c>
      <c r="E40" s="67">
        <v>1</v>
      </c>
      <c r="F40" s="68">
        <v>1</v>
      </c>
      <c r="G40" s="69">
        <v>0</v>
      </c>
      <c r="H40" s="68">
        <v>855</v>
      </c>
      <c r="I40" s="68">
        <v>446</v>
      </c>
      <c r="J40" s="68">
        <v>409</v>
      </c>
      <c r="K40" s="67">
        <v>780</v>
      </c>
      <c r="L40" s="79">
        <v>403</v>
      </c>
      <c r="M40" s="80">
        <v>377</v>
      </c>
    </row>
    <row r="41" spans="1:13">
      <c r="A41" s="15" t="s">
        <v>72</v>
      </c>
      <c r="B41" s="67">
        <v>63</v>
      </c>
      <c r="C41" s="68">
        <v>1</v>
      </c>
      <c r="D41" s="68">
        <v>62</v>
      </c>
      <c r="E41" s="67">
        <v>2</v>
      </c>
      <c r="F41" s="68">
        <v>1</v>
      </c>
      <c r="G41" s="69">
        <v>1</v>
      </c>
      <c r="H41" s="68">
        <v>754</v>
      </c>
      <c r="I41" s="68">
        <v>379</v>
      </c>
      <c r="J41" s="68">
        <v>375</v>
      </c>
      <c r="K41" s="67">
        <v>689</v>
      </c>
      <c r="L41" s="79">
        <v>377</v>
      </c>
      <c r="M41" s="80">
        <v>312</v>
      </c>
    </row>
    <row r="42" spans="1:13" ht="21" customHeight="1">
      <c r="A42" s="36" t="s">
        <v>74</v>
      </c>
      <c r="B42" s="64">
        <v>585</v>
      </c>
      <c r="C42" s="65">
        <v>258</v>
      </c>
      <c r="D42" s="65">
        <v>327</v>
      </c>
      <c r="E42" s="64">
        <v>8</v>
      </c>
      <c r="F42" s="65">
        <v>6</v>
      </c>
      <c r="G42" s="66">
        <v>2</v>
      </c>
      <c r="H42" s="65">
        <v>3200</v>
      </c>
      <c r="I42" s="65">
        <v>1695</v>
      </c>
      <c r="J42" s="65">
        <v>1505</v>
      </c>
      <c r="K42" s="64">
        <v>2607</v>
      </c>
      <c r="L42" s="77">
        <v>1431</v>
      </c>
      <c r="M42" s="78">
        <v>1176</v>
      </c>
    </row>
    <row r="43" spans="1:13">
      <c r="A43" s="15" t="s">
        <v>76</v>
      </c>
      <c r="B43" s="67">
        <v>123</v>
      </c>
      <c r="C43" s="68">
        <v>78</v>
      </c>
      <c r="D43" s="68">
        <v>45</v>
      </c>
      <c r="E43" s="67">
        <v>1</v>
      </c>
      <c r="F43" s="68">
        <v>0</v>
      </c>
      <c r="G43" s="69">
        <v>1</v>
      </c>
      <c r="H43" s="68">
        <v>766</v>
      </c>
      <c r="I43" s="68">
        <v>409</v>
      </c>
      <c r="J43" s="68">
        <v>357</v>
      </c>
      <c r="K43" s="67">
        <v>642</v>
      </c>
      <c r="L43" s="79">
        <v>331</v>
      </c>
      <c r="M43" s="80">
        <v>311</v>
      </c>
    </row>
    <row r="44" spans="1:13">
      <c r="A44" s="15" t="s">
        <v>78</v>
      </c>
      <c r="B44" s="67">
        <v>186</v>
      </c>
      <c r="C44" s="68">
        <v>62</v>
      </c>
      <c r="D44" s="68">
        <v>124</v>
      </c>
      <c r="E44" s="67">
        <v>2</v>
      </c>
      <c r="F44" s="68">
        <v>2</v>
      </c>
      <c r="G44" s="69">
        <v>0</v>
      </c>
      <c r="H44" s="68">
        <v>728</v>
      </c>
      <c r="I44" s="68">
        <v>360</v>
      </c>
      <c r="J44" s="68">
        <v>368</v>
      </c>
      <c r="K44" s="67">
        <v>540</v>
      </c>
      <c r="L44" s="79">
        <v>296</v>
      </c>
      <c r="M44" s="80">
        <v>244</v>
      </c>
    </row>
    <row r="45" spans="1:13">
      <c r="A45" s="15" t="s">
        <v>80</v>
      </c>
      <c r="B45" s="67">
        <v>127</v>
      </c>
      <c r="C45" s="68">
        <v>63</v>
      </c>
      <c r="D45" s="68">
        <v>64</v>
      </c>
      <c r="E45" s="67">
        <v>1</v>
      </c>
      <c r="F45" s="68">
        <v>1</v>
      </c>
      <c r="G45" s="69">
        <v>0</v>
      </c>
      <c r="H45" s="68">
        <v>651</v>
      </c>
      <c r="I45" s="68">
        <v>345</v>
      </c>
      <c r="J45" s="68">
        <v>306</v>
      </c>
      <c r="K45" s="67">
        <v>523</v>
      </c>
      <c r="L45" s="79">
        <v>281</v>
      </c>
      <c r="M45" s="80">
        <v>242</v>
      </c>
    </row>
    <row r="46" spans="1:13">
      <c r="A46" s="15" t="s">
        <v>82</v>
      </c>
      <c r="B46" s="67">
        <v>50</v>
      </c>
      <c r="C46" s="68">
        <v>12</v>
      </c>
      <c r="D46" s="68">
        <v>38</v>
      </c>
      <c r="E46" s="67">
        <v>3</v>
      </c>
      <c r="F46" s="68">
        <v>2</v>
      </c>
      <c r="G46" s="69">
        <v>1</v>
      </c>
      <c r="H46" s="68">
        <v>542</v>
      </c>
      <c r="I46" s="68">
        <v>297</v>
      </c>
      <c r="J46" s="68">
        <v>245</v>
      </c>
      <c r="K46" s="67">
        <v>489</v>
      </c>
      <c r="L46" s="79">
        <v>283</v>
      </c>
      <c r="M46" s="80">
        <v>206</v>
      </c>
    </row>
    <row r="47" spans="1:13">
      <c r="A47" s="15" t="s">
        <v>84</v>
      </c>
      <c r="B47" s="67">
        <v>99</v>
      </c>
      <c r="C47" s="68">
        <v>43</v>
      </c>
      <c r="D47" s="68">
        <v>56</v>
      </c>
      <c r="E47" s="67">
        <v>1</v>
      </c>
      <c r="F47" s="68">
        <v>1</v>
      </c>
      <c r="G47" s="69">
        <v>0</v>
      </c>
      <c r="H47" s="68">
        <v>513</v>
      </c>
      <c r="I47" s="68">
        <v>284</v>
      </c>
      <c r="J47" s="68">
        <v>229</v>
      </c>
      <c r="K47" s="67">
        <v>413</v>
      </c>
      <c r="L47" s="79">
        <v>240</v>
      </c>
      <c r="M47" s="80">
        <v>173</v>
      </c>
    </row>
    <row r="48" spans="1:13" ht="21" customHeight="1">
      <c r="A48" s="36" t="s">
        <v>86</v>
      </c>
      <c r="B48" s="64">
        <v>569</v>
      </c>
      <c r="C48" s="65">
        <v>278</v>
      </c>
      <c r="D48" s="65">
        <v>291</v>
      </c>
      <c r="E48" s="64">
        <v>12</v>
      </c>
      <c r="F48" s="65">
        <v>8</v>
      </c>
      <c r="G48" s="66">
        <v>4</v>
      </c>
      <c r="H48" s="65">
        <v>2209</v>
      </c>
      <c r="I48" s="65">
        <v>1194</v>
      </c>
      <c r="J48" s="65">
        <v>1015</v>
      </c>
      <c r="K48" s="64">
        <v>1628</v>
      </c>
      <c r="L48" s="77">
        <v>908</v>
      </c>
      <c r="M48" s="78">
        <v>720</v>
      </c>
    </row>
    <row r="49" spans="1:13">
      <c r="A49" s="15" t="s">
        <v>88</v>
      </c>
      <c r="B49" s="67">
        <v>104</v>
      </c>
      <c r="C49" s="68">
        <v>47</v>
      </c>
      <c r="D49" s="68">
        <v>57</v>
      </c>
      <c r="E49" s="67">
        <v>1</v>
      </c>
      <c r="F49" s="68">
        <v>1</v>
      </c>
      <c r="G49" s="69">
        <v>0</v>
      </c>
      <c r="H49" s="68">
        <v>489</v>
      </c>
      <c r="I49" s="68">
        <v>260</v>
      </c>
      <c r="J49" s="68">
        <v>229</v>
      </c>
      <c r="K49" s="67">
        <v>384</v>
      </c>
      <c r="L49" s="79">
        <v>212</v>
      </c>
      <c r="M49" s="80">
        <v>172</v>
      </c>
    </row>
    <row r="50" spans="1:13">
      <c r="A50" s="15" t="s">
        <v>90</v>
      </c>
      <c r="B50" s="67">
        <v>110</v>
      </c>
      <c r="C50" s="68">
        <v>60</v>
      </c>
      <c r="D50" s="68">
        <v>50</v>
      </c>
      <c r="E50" s="67">
        <v>4</v>
      </c>
      <c r="F50" s="68">
        <v>3</v>
      </c>
      <c r="G50" s="69">
        <v>1</v>
      </c>
      <c r="H50" s="68">
        <v>464</v>
      </c>
      <c r="I50" s="68">
        <v>249</v>
      </c>
      <c r="J50" s="68">
        <v>215</v>
      </c>
      <c r="K50" s="67">
        <v>350</v>
      </c>
      <c r="L50" s="79">
        <v>186</v>
      </c>
      <c r="M50" s="80">
        <v>164</v>
      </c>
    </row>
    <row r="51" spans="1:13">
      <c r="A51" s="15" t="s">
        <v>92</v>
      </c>
      <c r="B51" s="67">
        <v>120</v>
      </c>
      <c r="C51" s="68">
        <v>56</v>
      </c>
      <c r="D51" s="68">
        <v>64</v>
      </c>
      <c r="E51" s="67">
        <v>0</v>
      </c>
      <c r="F51" s="68">
        <v>0</v>
      </c>
      <c r="G51" s="69">
        <v>0</v>
      </c>
      <c r="H51" s="68">
        <v>426</v>
      </c>
      <c r="I51" s="68">
        <v>230</v>
      </c>
      <c r="J51" s="68">
        <v>196</v>
      </c>
      <c r="K51" s="67">
        <v>306</v>
      </c>
      <c r="L51" s="79">
        <v>174</v>
      </c>
      <c r="M51" s="80">
        <v>132</v>
      </c>
    </row>
    <row r="52" spans="1:13">
      <c r="A52" s="15" t="s">
        <v>94</v>
      </c>
      <c r="B52" s="67">
        <v>155</v>
      </c>
      <c r="C52" s="68">
        <v>72</v>
      </c>
      <c r="D52" s="68">
        <v>83</v>
      </c>
      <c r="E52" s="67">
        <v>4</v>
      </c>
      <c r="F52" s="68">
        <v>2</v>
      </c>
      <c r="G52" s="69">
        <v>2</v>
      </c>
      <c r="H52" s="68">
        <v>457</v>
      </c>
      <c r="I52" s="68">
        <v>241</v>
      </c>
      <c r="J52" s="68">
        <v>216</v>
      </c>
      <c r="K52" s="67">
        <v>298</v>
      </c>
      <c r="L52" s="79">
        <v>167</v>
      </c>
      <c r="M52" s="80">
        <v>131</v>
      </c>
    </row>
    <row r="53" spans="1:13">
      <c r="A53" s="15" t="s">
        <v>96</v>
      </c>
      <c r="B53" s="67">
        <v>80</v>
      </c>
      <c r="C53" s="68">
        <v>43</v>
      </c>
      <c r="D53" s="68">
        <v>37</v>
      </c>
      <c r="E53" s="67">
        <v>3</v>
      </c>
      <c r="F53" s="68">
        <v>2</v>
      </c>
      <c r="G53" s="69">
        <v>1</v>
      </c>
      <c r="H53" s="68">
        <v>373</v>
      </c>
      <c r="I53" s="68">
        <v>214</v>
      </c>
      <c r="J53" s="68">
        <v>159</v>
      </c>
      <c r="K53" s="67">
        <v>290</v>
      </c>
      <c r="L53" s="79">
        <v>169</v>
      </c>
      <c r="M53" s="80">
        <v>121</v>
      </c>
    </row>
    <row r="54" spans="1:13" ht="21" customHeight="1">
      <c r="A54" s="36" t="s">
        <v>98</v>
      </c>
      <c r="B54" s="64">
        <v>358</v>
      </c>
      <c r="C54" s="65">
        <v>161</v>
      </c>
      <c r="D54" s="65">
        <v>197</v>
      </c>
      <c r="E54" s="64">
        <v>14</v>
      </c>
      <c r="F54" s="65">
        <v>10</v>
      </c>
      <c r="G54" s="66">
        <v>4</v>
      </c>
      <c r="H54" s="65">
        <v>1482</v>
      </c>
      <c r="I54" s="65">
        <v>832</v>
      </c>
      <c r="J54" s="65">
        <v>650</v>
      </c>
      <c r="K54" s="64">
        <v>1110</v>
      </c>
      <c r="L54" s="77">
        <v>661</v>
      </c>
      <c r="M54" s="78">
        <v>449</v>
      </c>
    </row>
    <row r="55" spans="1:13">
      <c r="A55" s="15" t="s">
        <v>100</v>
      </c>
      <c r="B55" s="67">
        <v>109</v>
      </c>
      <c r="C55" s="68">
        <v>48</v>
      </c>
      <c r="D55" s="68">
        <v>61</v>
      </c>
      <c r="E55" s="67">
        <v>3</v>
      </c>
      <c r="F55" s="68">
        <v>2</v>
      </c>
      <c r="G55" s="69">
        <v>1</v>
      </c>
      <c r="H55" s="68">
        <v>360</v>
      </c>
      <c r="I55" s="68">
        <v>198</v>
      </c>
      <c r="J55" s="68">
        <v>162</v>
      </c>
      <c r="K55" s="67">
        <v>248</v>
      </c>
      <c r="L55" s="79">
        <v>148</v>
      </c>
      <c r="M55" s="80">
        <v>100</v>
      </c>
    </row>
    <row r="56" spans="1:13">
      <c r="A56" s="15" t="s">
        <v>102</v>
      </c>
      <c r="B56" s="67">
        <v>61</v>
      </c>
      <c r="C56" s="68">
        <v>39</v>
      </c>
      <c r="D56" s="68">
        <v>22</v>
      </c>
      <c r="E56" s="67">
        <v>2</v>
      </c>
      <c r="F56" s="68">
        <v>2</v>
      </c>
      <c r="G56" s="69">
        <v>0</v>
      </c>
      <c r="H56" s="68">
        <v>308</v>
      </c>
      <c r="I56" s="68">
        <v>182</v>
      </c>
      <c r="J56" s="68">
        <v>126</v>
      </c>
      <c r="K56" s="67">
        <v>245</v>
      </c>
      <c r="L56" s="79">
        <v>141</v>
      </c>
      <c r="M56" s="80">
        <v>104</v>
      </c>
    </row>
    <row r="57" spans="1:13">
      <c r="A57" s="15" t="s">
        <v>104</v>
      </c>
      <c r="B57" s="67">
        <v>56</v>
      </c>
      <c r="C57" s="68">
        <v>17</v>
      </c>
      <c r="D57" s="68">
        <v>39</v>
      </c>
      <c r="E57" s="67">
        <v>4</v>
      </c>
      <c r="F57" s="68">
        <v>2</v>
      </c>
      <c r="G57" s="69">
        <v>2</v>
      </c>
      <c r="H57" s="68">
        <v>269</v>
      </c>
      <c r="I57" s="68">
        <v>151</v>
      </c>
      <c r="J57" s="68">
        <v>118</v>
      </c>
      <c r="K57" s="67">
        <v>209</v>
      </c>
      <c r="L57" s="79">
        <v>132</v>
      </c>
      <c r="M57" s="80">
        <v>77</v>
      </c>
    </row>
    <row r="58" spans="1:13">
      <c r="A58" s="15" t="s">
        <v>106</v>
      </c>
      <c r="B58" s="67">
        <v>56</v>
      </c>
      <c r="C58" s="68">
        <v>22</v>
      </c>
      <c r="D58" s="68">
        <v>34</v>
      </c>
      <c r="E58" s="67">
        <v>2</v>
      </c>
      <c r="F58" s="68">
        <v>1</v>
      </c>
      <c r="G58" s="69">
        <v>1</v>
      </c>
      <c r="H58" s="68">
        <v>263</v>
      </c>
      <c r="I58" s="68">
        <v>138</v>
      </c>
      <c r="J58" s="68">
        <v>125</v>
      </c>
      <c r="K58" s="67">
        <v>205</v>
      </c>
      <c r="L58" s="79">
        <v>115</v>
      </c>
      <c r="M58" s="80">
        <v>90</v>
      </c>
    </row>
    <row r="59" spans="1:13">
      <c r="A59" s="15" t="s">
        <v>108</v>
      </c>
      <c r="B59" s="67">
        <v>76</v>
      </c>
      <c r="C59" s="68">
        <v>35</v>
      </c>
      <c r="D59" s="68">
        <v>41</v>
      </c>
      <c r="E59" s="67">
        <v>3</v>
      </c>
      <c r="F59" s="68">
        <v>3</v>
      </c>
      <c r="G59" s="69">
        <v>0</v>
      </c>
      <c r="H59" s="68">
        <v>282</v>
      </c>
      <c r="I59" s="68">
        <v>163</v>
      </c>
      <c r="J59" s="68">
        <v>119</v>
      </c>
      <c r="K59" s="67">
        <v>203</v>
      </c>
      <c r="L59" s="79">
        <v>125</v>
      </c>
      <c r="M59" s="80">
        <v>78</v>
      </c>
    </row>
    <row r="60" spans="1:13" ht="21" customHeight="1">
      <c r="A60" s="36" t="s">
        <v>110</v>
      </c>
      <c r="B60" s="64">
        <v>159</v>
      </c>
      <c r="C60" s="65">
        <v>51</v>
      </c>
      <c r="D60" s="65">
        <v>108</v>
      </c>
      <c r="E60" s="64">
        <v>47</v>
      </c>
      <c r="F60" s="65">
        <v>27</v>
      </c>
      <c r="G60" s="66">
        <v>20</v>
      </c>
      <c r="H60" s="65">
        <v>1120</v>
      </c>
      <c r="I60" s="65">
        <v>619</v>
      </c>
      <c r="J60" s="65">
        <v>501</v>
      </c>
      <c r="K60" s="64">
        <v>914</v>
      </c>
      <c r="L60" s="77">
        <v>541</v>
      </c>
      <c r="M60" s="78">
        <v>373</v>
      </c>
    </row>
    <row r="61" spans="1:13">
      <c r="A61" s="15" t="s">
        <v>112</v>
      </c>
      <c r="B61" s="67">
        <v>56</v>
      </c>
      <c r="C61" s="68">
        <v>27</v>
      </c>
      <c r="D61" s="68">
        <v>29</v>
      </c>
      <c r="E61" s="67">
        <v>3</v>
      </c>
      <c r="F61" s="68">
        <v>0</v>
      </c>
      <c r="G61" s="69">
        <v>3</v>
      </c>
      <c r="H61" s="68">
        <v>242</v>
      </c>
      <c r="I61" s="68">
        <v>142</v>
      </c>
      <c r="J61" s="68">
        <v>100</v>
      </c>
      <c r="K61" s="67">
        <v>183</v>
      </c>
      <c r="L61" s="79">
        <v>115</v>
      </c>
      <c r="M61" s="80">
        <v>68</v>
      </c>
    </row>
    <row r="62" spans="1:13">
      <c r="A62" s="15" t="s">
        <v>114</v>
      </c>
      <c r="B62" s="67">
        <v>58</v>
      </c>
      <c r="C62" s="68">
        <v>32</v>
      </c>
      <c r="D62" s="68">
        <v>26</v>
      </c>
      <c r="E62" s="67">
        <v>10</v>
      </c>
      <c r="F62" s="68">
        <v>5</v>
      </c>
      <c r="G62" s="69">
        <v>5</v>
      </c>
      <c r="H62" s="68">
        <v>249</v>
      </c>
      <c r="I62" s="68">
        <v>129</v>
      </c>
      <c r="J62" s="68">
        <v>120</v>
      </c>
      <c r="K62" s="67">
        <v>181</v>
      </c>
      <c r="L62" s="79">
        <v>92</v>
      </c>
      <c r="M62" s="80">
        <v>89</v>
      </c>
    </row>
    <row r="63" spans="1:13">
      <c r="A63" s="15" t="s">
        <v>116</v>
      </c>
      <c r="B63" s="67">
        <v>6</v>
      </c>
      <c r="C63" s="68">
        <v>-7</v>
      </c>
      <c r="D63" s="68">
        <v>13</v>
      </c>
      <c r="E63" s="67">
        <v>11</v>
      </c>
      <c r="F63" s="68">
        <v>7</v>
      </c>
      <c r="G63" s="69">
        <v>4</v>
      </c>
      <c r="H63" s="68">
        <v>198</v>
      </c>
      <c r="I63" s="68">
        <v>110</v>
      </c>
      <c r="J63" s="68">
        <v>88</v>
      </c>
      <c r="K63" s="67">
        <v>181</v>
      </c>
      <c r="L63" s="79">
        <v>110</v>
      </c>
      <c r="M63" s="80">
        <v>71</v>
      </c>
    </row>
    <row r="64" spans="1:13">
      <c r="A64" s="15" t="s">
        <v>118</v>
      </c>
      <c r="B64" s="67">
        <v>28</v>
      </c>
      <c r="C64" s="68">
        <v>0</v>
      </c>
      <c r="D64" s="68">
        <v>28</v>
      </c>
      <c r="E64" s="67">
        <v>8</v>
      </c>
      <c r="F64" s="68">
        <v>7</v>
      </c>
      <c r="G64" s="69">
        <v>1</v>
      </c>
      <c r="H64" s="68">
        <v>218</v>
      </c>
      <c r="I64" s="68">
        <v>120</v>
      </c>
      <c r="J64" s="68">
        <v>98</v>
      </c>
      <c r="K64" s="67">
        <v>182</v>
      </c>
      <c r="L64" s="79">
        <v>113</v>
      </c>
      <c r="M64" s="80">
        <v>69</v>
      </c>
    </row>
    <row r="65" spans="1:13">
      <c r="A65" s="19" t="s">
        <v>120</v>
      </c>
      <c r="B65" s="70">
        <v>11</v>
      </c>
      <c r="C65" s="71">
        <v>-1</v>
      </c>
      <c r="D65" s="71">
        <v>12</v>
      </c>
      <c r="E65" s="70">
        <v>15</v>
      </c>
      <c r="F65" s="71">
        <v>8</v>
      </c>
      <c r="G65" s="72">
        <v>7</v>
      </c>
      <c r="H65" s="71">
        <v>213</v>
      </c>
      <c r="I65" s="71">
        <v>118</v>
      </c>
      <c r="J65" s="71">
        <v>95</v>
      </c>
      <c r="K65" s="70">
        <v>187</v>
      </c>
      <c r="L65" s="81">
        <v>111</v>
      </c>
      <c r="M65" s="82">
        <v>76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3058</v>
      </c>
      <c r="C69" s="50">
        <v>1560</v>
      </c>
      <c r="D69" s="84">
        <v>1498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3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20</v>
      </c>
      <c r="C75" s="65">
        <v>-15</v>
      </c>
      <c r="D75" s="65">
        <v>35</v>
      </c>
      <c r="E75" s="64">
        <v>68</v>
      </c>
      <c r="F75" s="65">
        <v>44</v>
      </c>
      <c r="G75" s="66">
        <v>24</v>
      </c>
      <c r="H75" s="65">
        <v>913</v>
      </c>
      <c r="I75" s="65">
        <v>499</v>
      </c>
      <c r="J75" s="65">
        <v>414</v>
      </c>
      <c r="K75" s="64">
        <v>825</v>
      </c>
      <c r="L75" s="77">
        <v>470</v>
      </c>
      <c r="M75" s="78">
        <v>355</v>
      </c>
    </row>
    <row r="76" spans="1:13">
      <c r="A76" s="27" t="s">
        <v>5</v>
      </c>
      <c r="B76" s="67">
        <v>-15</v>
      </c>
      <c r="C76" s="68">
        <v>-14</v>
      </c>
      <c r="D76" s="68">
        <v>-1</v>
      </c>
      <c r="E76" s="67">
        <v>13</v>
      </c>
      <c r="F76" s="68">
        <v>8</v>
      </c>
      <c r="G76" s="69">
        <v>5</v>
      </c>
      <c r="H76" s="68">
        <v>197</v>
      </c>
      <c r="I76" s="68">
        <v>108</v>
      </c>
      <c r="J76" s="68">
        <v>89</v>
      </c>
      <c r="K76" s="67">
        <v>199</v>
      </c>
      <c r="L76" s="79">
        <v>114</v>
      </c>
      <c r="M76" s="80">
        <v>85</v>
      </c>
    </row>
    <row r="77" spans="1:13">
      <c r="A77" s="27" t="s">
        <v>7</v>
      </c>
      <c r="B77" s="67">
        <v>-36</v>
      </c>
      <c r="C77" s="68">
        <v>-36</v>
      </c>
      <c r="D77" s="68">
        <v>0</v>
      </c>
      <c r="E77" s="67">
        <v>16</v>
      </c>
      <c r="F77" s="68">
        <v>11</v>
      </c>
      <c r="G77" s="69">
        <v>5</v>
      </c>
      <c r="H77" s="68">
        <v>176</v>
      </c>
      <c r="I77" s="68">
        <v>90</v>
      </c>
      <c r="J77" s="68">
        <v>86</v>
      </c>
      <c r="K77" s="67">
        <v>196</v>
      </c>
      <c r="L77" s="79">
        <v>115</v>
      </c>
      <c r="M77" s="80">
        <v>81</v>
      </c>
    </row>
    <row r="78" spans="1:13">
      <c r="A78" s="27" t="s">
        <v>9</v>
      </c>
      <c r="B78" s="67">
        <v>14</v>
      </c>
      <c r="C78" s="68">
        <v>3</v>
      </c>
      <c r="D78" s="68">
        <v>11</v>
      </c>
      <c r="E78" s="67">
        <v>15</v>
      </c>
      <c r="F78" s="68">
        <v>8</v>
      </c>
      <c r="G78" s="69">
        <v>7</v>
      </c>
      <c r="H78" s="68">
        <v>179</v>
      </c>
      <c r="I78" s="68">
        <v>95</v>
      </c>
      <c r="J78" s="68">
        <v>84</v>
      </c>
      <c r="K78" s="67">
        <v>150</v>
      </c>
      <c r="L78" s="79">
        <v>84</v>
      </c>
      <c r="M78" s="80">
        <v>66</v>
      </c>
    </row>
    <row r="79" spans="1:13">
      <c r="A79" s="27" t="s">
        <v>11</v>
      </c>
      <c r="B79" s="67">
        <v>33</v>
      </c>
      <c r="C79" s="68">
        <v>6</v>
      </c>
      <c r="D79" s="68">
        <v>27</v>
      </c>
      <c r="E79" s="67">
        <v>10</v>
      </c>
      <c r="F79" s="68">
        <v>8</v>
      </c>
      <c r="G79" s="69">
        <v>2</v>
      </c>
      <c r="H79" s="68">
        <v>173</v>
      </c>
      <c r="I79" s="68">
        <v>93</v>
      </c>
      <c r="J79" s="68">
        <v>80</v>
      </c>
      <c r="K79" s="67">
        <v>130</v>
      </c>
      <c r="L79" s="79">
        <v>79</v>
      </c>
      <c r="M79" s="80">
        <v>51</v>
      </c>
    </row>
    <row r="80" spans="1:13">
      <c r="A80" s="27" t="s">
        <v>13</v>
      </c>
      <c r="B80" s="67">
        <v>24</v>
      </c>
      <c r="C80" s="68">
        <v>26</v>
      </c>
      <c r="D80" s="68">
        <v>-2</v>
      </c>
      <c r="E80" s="67">
        <v>14</v>
      </c>
      <c r="F80" s="68">
        <v>9</v>
      </c>
      <c r="G80" s="69">
        <v>5</v>
      </c>
      <c r="H80" s="68">
        <v>188</v>
      </c>
      <c r="I80" s="68">
        <v>113</v>
      </c>
      <c r="J80" s="68">
        <v>75</v>
      </c>
      <c r="K80" s="67">
        <v>150</v>
      </c>
      <c r="L80" s="79">
        <v>78</v>
      </c>
      <c r="M80" s="80">
        <v>72</v>
      </c>
    </row>
    <row r="81" spans="1:13" ht="21" customHeight="1">
      <c r="A81" s="38" t="s">
        <v>15</v>
      </c>
      <c r="B81" s="64">
        <v>0</v>
      </c>
      <c r="C81" s="65">
        <v>1</v>
      </c>
      <c r="D81" s="65">
        <v>-1</v>
      </c>
      <c r="E81" s="64">
        <v>98</v>
      </c>
      <c r="F81" s="65">
        <v>51</v>
      </c>
      <c r="G81" s="66">
        <v>47</v>
      </c>
      <c r="H81" s="65">
        <v>640</v>
      </c>
      <c r="I81" s="65">
        <v>364</v>
      </c>
      <c r="J81" s="65">
        <v>276</v>
      </c>
      <c r="K81" s="64">
        <v>542</v>
      </c>
      <c r="L81" s="77">
        <v>312</v>
      </c>
      <c r="M81" s="78">
        <v>230</v>
      </c>
    </row>
    <row r="82" spans="1:13">
      <c r="A82" s="27" t="s">
        <v>17</v>
      </c>
      <c r="B82" s="67">
        <v>31</v>
      </c>
      <c r="C82" s="68">
        <v>17</v>
      </c>
      <c r="D82" s="68">
        <v>14</v>
      </c>
      <c r="E82" s="67">
        <v>23</v>
      </c>
      <c r="F82" s="68">
        <v>10</v>
      </c>
      <c r="G82" s="69">
        <v>13</v>
      </c>
      <c r="H82" s="68">
        <v>172</v>
      </c>
      <c r="I82" s="68">
        <v>104</v>
      </c>
      <c r="J82" s="68">
        <v>68</v>
      </c>
      <c r="K82" s="67">
        <v>118</v>
      </c>
      <c r="L82" s="79">
        <v>77</v>
      </c>
      <c r="M82" s="80">
        <v>41</v>
      </c>
    </row>
    <row r="83" spans="1:13">
      <c r="A83" s="27" t="s">
        <v>19</v>
      </c>
      <c r="B83" s="67">
        <v>0</v>
      </c>
      <c r="C83" s="68">
        <v>-3</v>
      </c>
      <c r="D83" s="68">
        <v>3</v>
      </c>
      <c r="E83" s="67">
        <v>10</v>
      </c>
      <c r="F83" s="68">
        <v>6</v>
      </c>
      <c r="G83" s="69">
        <v>4</v>
      </c>
      <c r="H83" s="68">
        <v>101</v>
      </c>
      <c r="I83" s="68">
        <v>55</v>
      </c>
      <c r="J83" s="68">
        <v>46</v>
      </c>
      <c r="K83" s="67">
        <v>91</v>
      </c>
      <c r="L83" s="79">
        <v>52</v>
      </c>
      <c r="M83" s="80">
        <v>39</v>
      </c>
    </row>
    <row r="84" spans="1:13">
      <c r="A84" s="27" t="s">
        <v>21</v>
      </c>
      <c r="B84" s="67">
        <v>-11</v>
      </c>
      <c r="C84" s="68">
        <v>-9</v>
      </c>
      <c r="D84" s="68">
        <v>-2</v>
      </c>
      <c r="E84" s="67">
        <v>17</v>
      </c>
      <c r="F84" s="68">
        <v>8</v>
      </c>
      <c r="G84" s="69">
        <v>9</v>
      </c>
      <c r="H84" s="68">
        <v>132</v>
      </c>
      <c r="I84" s="68">
        <v>71</v>
      </c>
      <c r="J84" s="68">
        <v>61</v>
      </c>
      <c r="K84" s="67">
        <v>126</v>
      </c>
      <c r="L84" s="79">
        <v>72</v>
      </c>
      <c r="M84" s="80">
        <v>54</v>
      </c>
    </row>
    <row r="85" spans="1:13">
      <c r="A85" s="27" t="s">
        <v>23</v>
      </c>
      <c r="B85" s="67">
        <v>-11</v>
      </c>
      <c r="C85" s="68">
        <v>-7</v>
      </c>
      <c r="D85" s="68">
        <v>-4</v>
      </c>
      <c r="E85" s="67">
        <v>26</v>
      </c>
      <c r="F85" s="68">
        <v>15</v>
      </c>
      <c r="G85" s="69">
        <v>11</v>
      </c>
      <c r="H85" s="68">
        <v>124</v>
      </c>
      <c r="I85" s="68">
        <v>74</v>
      </c>
      <c r="J85" s="68">
        <v>50</v>
      </c>
      <c r="K85" s="67">
        <v>109</v>
      </c>
      <c r="L85" s="79">
        <v>66</v>
      </c>
      <c r="M85" s="80">
        <v>43</v>
      </c>
    </row>
    <row r="86" spans="1:13">
      <c r="A86" s="27" t="s">
        <v>25</v>
      </c>
      <c r="B86" s="67">
        <v>-9</v>
      </c>
      <c r="C86" s="68">
        <v>3</v>
      </c>
      <c r="D86" s="68">
        <v>-12</v>
      </c>
      <c r="E86" s="67">
        <v>22</v>
      </c>
      <c r="F86" s="68">
        <v>12</v>
      </c>
      <c r="G86" s="69">
        <v>10</v>
      </c>
      <c r="H86" s="68">
        <v>111</v>
      </c>
      <c r="I86" s="68">
        <v>60</v>
      </c>
      <c r="J86" s="68">
        <v>51</v>
      </c>
      <c r="K86" s="67">
        <v>98</v>
      </c>
      <c r="L86" s="79">
        <v>45</v>
      </c>
      <c r="M86" s="80">
        <v>53</v>
      </c>
    </row>
    <row r="87" spans="1:13" ht="21" customHeight="1">
      <c r="A87" s="38" t="s">
        <v>27</v>
      </c>
      <c r="B87" s="64">
        <v>-99</v>
      </c>
      <c r="C87" s="65">
        <v>-70</v>
      </c>
      <c r="D87" s="65">
        <v>-29</v>
      </c>
      <c r="E87" s="64">
        <v>109</v>
      </c>
      <c r="F87" s="65">
        <v>65</v>
      </c>
      <c r="G87" s="66">
        <v>44</v>
      </c>
      <c r="H87" s="65">
        <v>421</v>
      </c>
      <c r="I87" s="65">
        <v>231</v>
      </c>
      <c r="J87" s="65">
        <v>190</v>
      </c>
      <c r="K87" s="64">
        <v>411</v>
      </c>
      <c r="L87" s="77">
        <v>236</v>
      </c>
      <c r="M87" s="78">
        <v>175</v>
      </c>
    </row>
    <row r="88" spans="1:13">
      <c r="A88" s="27" t="s">
        <v>29</v>
      </c>
      <c r="B88" s="67">
        <v>-55</v>
      </c>
      <c r="C88" s="68">
        <v>-39</v>
      </c>
      <c r="D88" s="68">
        <v>-16</v>
      </c>
      <c r="E88" s="67">
        <v>17</v>
      </c>
      <c r="F88" s="68">
        <v>10</v>
      </c>
      <c r="G88" s="69">
        <v>7</v>
      </c>
      <c r="H88" s="68">
        <v>88</v>
      </c>
      <c r="I88" s="68">
        <v>52</v>
      </c>
      <c r="J88" s="68">
        <v>36</v>
      </c>
      <c r="K88" s="67">
        <v>126</v>
      </c>
      <c r="L88" s="79">
        <v>81</v>
      </c>
      <c r="M88" s="80">
        <v>45</v>
      </c>
    </row>
    <row r="89" spans="1:13">
      <c r="A89" s="27" t="s">
        <v>31</v>
      </c>
      <c r="B89" s="67">
        <v>4</v>
      </c>
      <c r="C89" s="68">
        <v>-11</v>
      </c>
      <c r="D89" s="68">
        <v>15</v>
      </c>
      <c r="E89" s="67">
        <v>26</v>
      </c>
      <c r="F89" s="68">
        <v>17</v>
      </c>
      <c r="G89" s="69">
        <v>9</v>
      </c>
      <c r="H89" s="68">
        <v>99</v>
      </c>
      <c r="I89" s="68">
        <v>49</v>
      </c>
      <c r="J89" s="68">
        <v>50</v>
      </c>
      <c r="K89" s="67">
        <v>69</v>
      </c>
      <c r="L89" s="79">
        <v>43</v>
      </c>
      <c r="M89" s="80">
        <v>26</v>
      </c>
    </row>
    <row r="90" spans="1:13">
      <c r="A90" s="27" t="s">
        <v>33</v>
      </c>
      <c r="B90" s="67">
        <v>-3</v>
      </c>
      <c r="C90" s="68">
        <v>8</v>
      </c>
      <c r="D90" s="68">
        <v>-11</v>
      </c>
      <c r="E90" s="67">
        <v>13</v>
      </c>
      <c r="F90" s="68">
        <v>5</v>
      </c>
      <c r="G90" s="69">
        <v>8</v>
      </c>
      <c r="H90" s="68">
        <v>83</v>
      </c>
      <c r="I90" s="68">
        <v>49</v>
      </c>
      <c r="J90" s="68">
        <v>34</v>
      </c>
      <c r="K90" s="67">
        <v>73</v>
      </c>
      <c r="L90" s="79">
        <v>36</v>
      </c>
      <c r="M90" s="80">
        <v>37</v>
      </c>
    </row>
    <row r="91" spans="1:13">
      <c r="A91" s="27" t="s">
        <v>35</v>
      </c>
      <c r="B91" s="67">
        <v>-14</v>
      </c>
      <c r="C91" s="68">
        <v>-6</v>
      </c>
      <c r="D91" s="68">
        <v>-8</v>
      </c>
      <c r="E91" s="67">
        <v>20</v>
      </c>
      <c r="F91" s="68">
        <v>12</v>
      </c>
      <c r="G91" s="69">
        <v>8</v>
      </c>
      <c r="H91" s="68">
        <v>83</v>
      </c>
      <c r="I91" s="68">
        <v>44</v>
      </c>
      <c r="J91" s="68">
        <v>39</v>
      </c>
      <c r="K91" s="67">
        <v>77</v>
      </c>
      <c r="L91" s="79">
        <v>38</v>
      </c>
      <c r="M91" s="80">
        <v>39</v>
      </c>
    </row>
    <row r="92" spans="1:13">
      <c r="A92" s="27" t="s">
        <v>37</v>
      </c>
      <c r="B92" s="67">
        <v>-31</v>
      </c>
      <c r="C92" s="68">
        <v>-22</v>
      </c>
      <c r="D92" s="68">
        <v>-9</v>
      </c>
      <c r="E92" s="67">
        <v>33</v>
      </c>
      <c r="F92" s="68">
        <v>21</v>
      </c>
      <c r="G92" s="69">
        <v>12</v>
      </c>
      <c r="H92" s="68">
        <v>68</v>
      </c>
      <c r="I92" s="68">
        <v>37</v>
      </c>
      <c r="J92" s="68">
        <v>31</v>
      </c>
      <c r="K92" s="67">
        <v>66</v>
      </c>
      <c r="L92" s="79">
        <v>38</v>
      </c>
      <c r="M92" s="80">
        <v>28</v>
      </c>
    </row>
    <row r="93" spans="1:13" ht="21" customHeight="1">
      <c r="A93" s="38" t="s">
        <v>39</v>
      </c>
      <c r="B93" s="64">
        <v>-157</v>
      </c>
      <c r="C93" s="65">
        <v>-109</v>
      </c>
      <c r="D93" s="65">
        <v>-48</v>
      </c>
      <c r="E93" s="64">
        <v>180</v>
      </c>
      <c r="F93" s="65">
        <v>125</v>
      </c>
      <c r="G93" s="66">
        <v>55</v>
      </c>
      <c r="H93" s="65">
        <v>301</v>
      </c>
      <c r="I93" s="65">
        <v>169</v>
      </c>
      <c r="J93" s="65">
        <v>132</v>
      </c>
      <c r="K93" s="64">
        <v>278</v>
      </c>
      <c r="L93" s="77">
        <v>153</v>
      </c>
      <c r="M93" s="78">
        <v>125</v>
      </c>
    </row>
    <row r="94" spans="1:13">
      <c r="A94" s="27" t="s">
        <v>41</v>
      </c>
      <c r="B94" s="67">
        <v>-13</v>
      </c>
      <c r="C94" s="68">
        <v>-7</v>
      </c>
      <c r="D94" s="68">
        <v>-6</v>
      </c>
      <c r="E94" s="67">
        <v>26</v>
      </c>
      <c r="F94" s="68">
        <v>16</v>
      </c>
      <c r="G94" s="69">
        <v>10</v>
      </c>
      <c r="H94" s="68">
        <v>73</v>
      </c>
      <c r="I94" s="68">
        <v>42</v>
      </c>
      <c r="J94" s="68">
        <v>31</v>
      </c>
      <c r="K94" s="67">
        <v>60</v>
      </c>
      <c r="L94" s="79">
        <v>33</v>
      </c>
      <c r="M94" s="80">
        <v>27</v>
      </c>
    </row>
    <row r="95" spans="1:13">
      <c r="A95" s="27" t="s">
        <v>43</v>
      </c>
      <c r="B95" s="67">
        <v>-32</v>
      </c>
      <c r="C95" s="68">
        <v>-22</v>
      </c>
      <c r="D95" s="68">
        <v>-10</v>
      </c>
      <c r="E95" s="67">
        <v>30</v>
      </c>
      <c r="F95" s="68">
        <v>23</v>
      </c>
      <c r="G95" s="69">
        <v>7</v>
      </c>
      <c r="H95" s="68">
        <v>66</v>
      </c>
      <c r="I95" s="68">
        <v>40</v>
      </c>
      <c r="J95" s="68">
        <v>26</v>
      </c>
      <c r="K95" s="67">
        <v>68</v>
      </c>
      <c r="L95" s="79">
        <v>39</v>
      </c>
      <c r="M95" s="80">
        <v>29</v>
      </c>
    </row>
    <row r="96" spans="1:13">
      <c r="A96" s="27" t="s">
        <v>45</v>
      </c>
      <c r="B96" s="67">
        <v>-66</v>
      </c>
      <c r="C96" s="68">
        <v>-41</v>
      </c>
      <c r="D96" s="68">
        <v>-25</v>
      </c>
      <c r="E96" s="67">
        <v>50</v>
      </c>
      <c r="F96" s="68">
        <v>37</v>
      </c>
      <c r="G96" s="69">
        <v>13</v>
      </c>
      <c r="H96" s="68">
        <v>46</v>
      </c>
      <c r="I96" s="68">
        <v>25</v>
      </c>
      <c r="J96" s="68">
        <v>21</v>
      </c>
      <c r="K96" s="67">
        <v>62</v>
      </c>
      <c r="L96" s="79">
        <v>29</v>
      </c>
      <c r="M96" s="80">
        <v>33</v>
      </c>
    </row>
    <row r="97" spans="1:13">
      <c r="A97" s="27" t="s">
        <v>47</v>
      </c>
      <c r="B97" s="67">
        <v>-22</v>
      </c>
      <c r="C97" s="68">
        <v>-23</v>
      </c>
      <c r="D97" s="68">
        <v>1</v>
      </c>
      <c r="E97" s="67">
        <v>36</v>
      </c>
      <c r="F97" s="68">
        <v>25</v>
      </c>
      <c r="G97" s="69">
        <v>11</v>
      </c>
      <c r="H97" s="68">
        <v>65</v>
      </c>
      <c r="I97" s="68">
        <v>33</v>
      </c>
      <c r="J97" s="68">
        <v>32</v>
      </c>
      <c r="K97" s="67">
        <v>51</v>
      </c>
      <c r="L97" s="79">
        <v>31</v>
      </c>
      <c r="M97" s="80">
        <v>20</v>
      </c>
    </row>
    <row r="98" spans="1:13">
      <c r="A98" s="27" t="s">
        <v>49</v>
      </c>
      <c r="B98" s="67">
        <v>-24</v>
      </c>
      <c r="C98" s="68">
        <v>-16</v>
      </c>
      <c r="D98" s="68">
        <v>-8</v>
      </c>
      <c r="E98" s="67">
        <v>38</v>
      </c>
      <c r="F98" s="68">
        <v>24</v>
      </c>
      <c r="G98" s="69">
        <v>14</v>
      </c>
      <c r="H98" s="68">
        <v>51</v>
      </c>
      <c r="I98" s="68">
        <v>29</v>
      </c>
      <c r="J98" s="68">
        <v>22</v>
      </c>
      <c r="K98" s="67">
        <v>37</v>
      </c>
      <c r="L98" s="79">
        <v>21</v>
      </c>
      <c r="M98" s="80">
        <v>16</v>
      </c>
    </row>
    <row r="99" spans="1:13" ht="21" customHeight="1">
      <c r="A99" s="38" t="s">
        <v>51</v>
      </c>
      <c r="B99" s="64">
        <v>-275</v>
      </c>
      <c r="C99" s="65">
        <v>-185</v>
      </c>
      <c r="D99" s="65">
        <v>-90</v>
      </c>
      <c r="E99" s="64">
        <v>336</v>
      </c>
      <c r="F99" s="65">
        <v>210</v>
      </c>
      <c r="G99" s="66">
        <v>126</v>
      </c>
      <c r="H99" s="65">
        <v>295</v>
      </c>
      <c r="I99" s="65">
        <v>140</v>
      </c>
      <c r="J99" s="65">
        <v>155</v>
      </c>
      <c r="K99" s="64">
        <v>234</v>
      </c>
      <c r="L99" s="77">
        <v>115</v>
      </c>
      <c r="M99" s="78">
        <v>119</v>
      </c>
    </row>
    <row r="100" spans="1:13">
      <c r="A100" s="27" t="s">
        <v>53</v>
      </c>
      <c r="B100" s="67">
        <v>-49</v>
      </c>
      <c r="C100" s="68">
        <v>-29</v>
      </c>
      <c r="D100" s="68">
        <v>-20</v>
      </c>
      <c r="E100" s="67">
        <v>56</v>
      </c>
      <c r="F100" s="68">
        <v>29</v>
      </c>
      <c r="G100" s="69">
        <v>27</v>
      </c>
      <c r="H100" s="68">
        <v>51</v>
      </c>
      <c r="I100" s="68">
        <v>23</v>
      </c>
      <c r="J100" s="68">
        <v>28</v>
      </c>
      <c r="K100" s="67">
        <v>44</v>
      </c>
      <c r="L100" s="79">
        <v>23</v>
      </c>
      <c r="M100" s="80">
        <v>21</v>
      </c>
    </row>
    <row r="101" spans="1:13">
      <c r="A101" s="27" t="s">
        <v>55</v>
      </c>
      <c r="B101" s="67">
        <v>-38</v>
      </c>
      <c r="C101" s="68">
        <v>-30</v>
      </c>
      <c r="D101" s="68">
        <v>-8</v>
      </c>
      <c r="E101" s="67">
        <v>51</v>
      </c>
      <c r="F101" s="68">
        <v>33</v>
      </c>
      <c r="G101" s="69">
        <v>18</v>
      </c>
      <c r="H101" s="68">
        <v>54</v>
      </c>
      <c r="I101" s="68">
        <v>24</v>
      </c>
      <c r="J101" s="68">
        <v>30</v>
      </c>
      <c r="K101" s="67">
        <v>41</v>
      </c>
      <c r="L101" s="79">
        <v>21</v>
      </c>
      <c r="M101" s="80">
        <v>20</v>
      </c>
    </row>
    <row r="102" spans="1:13">
      <c r="A102" s="27" t="s">
        <v>57</v>
      </c>
      <c r="B102" s="67">
        <v>-41</v>
      </c>
      <c r="C102" s="68">
        <v>-34</v>
      </c>
      <c r="D102" s="68">
        <v>-7</v>
      </c>
      <c r="E102" s="67">
        <v>57</v>
      </c>
      <c r="F102" s="68">
        <v>38</v>
      </c>
      <c r="G102" s="69">
        <v>19</v>
      </c>
      <c r="H102" s="68">
        <v>70</v>
      </c>
      <c r="I102" s="68">
        <v>35</v>
      </c>
      <c r="J102" s="68">
        <v>35</v>
      </c>
      <c r="K102" s="67">
        <v>54</v>
      </c>
      <c r="L102" s="79">
        <v>31</v>
      </c>
      <c r="M102" s="80">
        <v>23</v>
      </c>
    </row>
    <row r="103" spans="1:13">
      <c r="A103" s="27" t="s">
        <v>59</v>
      </c>
      <c r="B103" s="67">
        <v>-59</v>
      </c>
      <c r="C103" s="68">
        <v>-39</v>
      </c>
      <c r="D103" s="68">
        <v>-20</v>
      </c>
      <c r="E103" s="67">
        <v>80</v>
      </c>
      <c r="F103" s="68">
        <v>53</v>
      </c>
      <c r="G103" s="69">
        <v>27</v>
      </c>
      <c r="H103" s="68">
        <v>65</v>
      </c>
      <c r="I103" s="68">
        <v>30</v>
      </c>
      <c r="J103" s="68">
        <v>35</v>
      </c>
      <c r="K103" s="67">
        <v>44</v>
      </c>
      <c r="L103" s="79">
        <v>16</v>
      </c>
      <c r="M103" s="80">
        <v>28</v>
      </c>
    </row>
    <row r="104" spans="1:13">
      <c r="A104" s="27" t="s">
        <v>61</v>
      </c>
      <c r="B104" s="67">
        <v>-88</v>
      </c>
      <c r="C104" s="68">
        <v>-53</v>
      </c>
      <c r="D104" s="68">
        <v>-35</v>
      </c>
      <c r="E104" s="67">
        <v>92</v>
      </c>
      <c r="F104" s="68">
        <v>57</v>
      </c>
      <c r="G104" s="69">
        <v>35</v>
      </c>
      <c r="H104" s="68">
        <v>55</v>
      </c>
      <c r="I104" s="68">
        <v>28</v>
      </c>
      <c r="J104" s="68">
        <v>27</v>
      </c>
      <c r="K104" s="67">
        <v>51</v>
      </c>
      <c r="L104" s="79">
        <v>24</v>
      </c>
      <c r="M104" s="80">
        <v>27</v>
      </c>
    </row>
    <row r="105" spans="1:13" ht="21" customHeight="1">
      <c r="A105" s="38" t="s">
        <v>63</v>
      </c>
      <c r="B105" s="64">
        <v>-472</v>
      </c>
      <c r="C105" s="65">
        <v>-336</v>
      </c>
      <c r="D105" s="65">
        <v>-136</v>
      </c>
      <c r="E105" s="64">
        <v>489</v>
      </c>
      <c r="F105" s="65">
        <v>329</v>
      </c>
      <c r="G105" s="66">
        <v>160</v>
      </c>
      <c r="H105" s="65">
        <v>213</v>
      </c>
      <c r="I105" s="65">
        <v>93</v>
      </c>
      <c r="J105" s="65">
        <v>120</v>
      </c>
      <c r="K105" s="64">
        <v>196</v>
      </c>
      <c r="L105" s="77">
        <v>100</v>
      </c>
      <c r="M105" s="78">
        <v>96</v>
      </c>
    </row>
    <row r="106" spans="1:13">
      <c r="A106" s="27" t="s">
        <v>65</v>
      </c>
      <c r="B106" s="67">
        <v>-96</v>
      </c>
      <c r="C106" s="68">
        <v>-72</v>
      </c>
      <c r="D106" s="68">
        <v>-24</v>
      </c>
      <c r="E106" s="67">
        <v>104</v>
      </c>
      <c r="F106" s="68">
        <v>71</v>
      </c>
      <c r="G106" s="69">
        <v>33</v>
      </c>
      <c r="H106" s="68">
        <v>56</v>
      </c>
      <c r="I106" s="68">
        <v>24</v>
      </c>
      <c r="J106" s="68">
        <v>32</v>
      </c>
      <c r="K106" s="67">
        <v>48</v>
      </c>
      <c r="L106" s="79">
        <v>25</v>
      </c>
      <c r="M106" s="80">
        <v>23</v>
      </c>
    </row>
    <row r="107" spans="1:13">
      <c r="A107" s="27" t="s">
        <v>67</v>
      </c>
      <c r="B107" s="67">
        <v>-81</v>
      </c>
      <c r="C107" s="68">
        <v>-64</v>
      </c>
      <c r="D107" s="68">
        <v>-17</v>
      </c>
      <c r="E107" s="67">
        <v>89</v>
      </c>
      <c r="F107" s="68">
        <v>65</v>
      </c>
      <c r="G107" s="69">
        <v>24</v>
      </c>
      <c r="H107" s="68">
        <v>44</v>
      </c>
      <c r="I107" s="68">
        <v>20</v>
      </c>
      <c r="J107" s="68">
        <v>24</v>
      </c>
      <c r="K107" s="67">
        <v>36</v>
      </c>
      <c r="L107" s="79">
        <v>19</v>
      </c>
      <c r="M107" s="80">
        <v>17</v>
      </c>
    </row>
    <row r="108" spans="1:13">
      <c r="A108" s="27" t="s">
        <v>69</v>
      </c>
      <c r="B108" s="67">
        <v>-65</v>
      </c>
      <c r="C108" s="68">
        <v>-38</v>
      </c>
      <c r="D108" s="68">
        <v>-27</v>
      </c>
      <c r="E108" s="67">
        <v>71</v>
      </c>
      <c r="F108" s="68">
        <v>43</v>
      </c>
      <c r="G108" s="69">
        <v>28</v>
      </c>
      <c r="H108" s="68">
        <v>37</v>
      </c>
      <c r="I108" s="68">
        <v>19</v>
      </c>
      <c r="J108" s="68">
        <v>18</v>
      </c>
      <c r="K108" s="67">
        <v>31</v>
      </c>
      <c r="L108" s="79">
        <v>14</v>
      </c>
      <c r="M108" s="80">
        <v>17</v>
      </c>
    </row>
    <row r="109" spans="1:13">
      <c r="A109" s="27" t="s">
        <v>71</v>
      </c>
      <c r="B109" s="67">
        <v>-104</v>
      </c>
      <c r="C109" s="68">
        <v>-77</v>
      </c>
      <c r="D109" s="68">
        <v>-27</v>
      </c>
      <c r="E109" s="67">
        <v>108</v>
      </c>
      <c r="F109" s="68">
        <v>71</v>
      </c>
      <c r="G109" s="69">
        <v>37</v>
      </c>
      <c r="H109" s="68">
        <v>41</v>
      </c>
      <c r="I109" s="68">
        <v>13</v>
      </c>
      <c r="J109" s="68">
        <v>28</v>
      </c>
      <c r="K109" s="67">
        <v>37</v>
      </c>
      <c r="L109" s="79">
        <v>19</v>
      </c>
      <c r="M109" s="80">
        <v>18</v>
      </c>
    </row>
    <row r="110" spans="1:13">
      <c r="A110" s="27" t="s">
        <v>73</v>
      </c>
      <c r="B110" s="67">
        <v>-126</v>
      </c>
      <c r="C110" s="68">
        <v>-85</v>
      </c>
      <c r="D110" s="68">
        <v>-41</v>
      </c>
      <c r="E110" s="67">
        <v>117</v>
      </c>
      <c r="F110" s="68">
        <v>79</v>
      </c>
      <c r="G110" s="69">
        <v>38</v>
      </c>
      <c r="H110" s="68">
        <v>35</v>
      </c>
      <c r="I110" s="68">
        <v>17</v>
      </c>
      <c r="J110" s="68">
        <v>18</v>
      </c>
      <c r="K110" s="67">
        <v>44</v>
      </c>
      <c r="L110" s="79">
        <v>23</v>
      </c>
      <c r="M110" s="80">
        <v>21</v>
      </c>
    </row>
    <row r="111" spans="1:13" ht="21" customHeight="1">
      <c r="A111" s="38" t="s">
        <v>75</v>
      </c>
      <c r="B111" s="64">
        <v>-626</v>
      </c>
      <c r="C111" s="65">
        <v>-387</v>
      </c>
      <c r="D111" s="65">
        <v>-239</v>
      </c>
      <c r="E111" s="64">
        <v>669</v>
      </c>
      <c r="F111" s="65">
        <v>383</v>
      </c>
      <c r="G111" s="66">
        <v>286</v>
      </c>
      <c r="H111" s="65">
        <v>222</v>
      </c>
      <c r="I111" s="65">
        <v>70</v>
      </c>
      <c r="J111" s="65">
        <v>152</v>
      </c>
      <c r="K111" s="64">
        <v>179</v>
      </c>
      <c r="L111" s="77">
        <v>74</v>
      </c>
      <c r="M111" s="78">
        <v>105</v>
      </c>
    </row>
    <row r="112" spans="1:13">
      <c r="A112" s="27" t="s">
        <v>77</v>
      </c>
      <c r="B112" s="67">
        <v>-109</v>
      </c>
      <c r="C112" s="68">
        <v>-73</v>
      </c>
      <c r="D112" s="68">
        <v>-36</v>
      </c>
      <c r="E112" s="67">
        <v>129</v>
      </c>
      <c r="F112" s="68">
        <v>77</v>
      </c>
      <c r="G112" s="69">
        <v>52</v>
      </c>
      <c r="H112" s="68">
        <v>54</v>
      </c>
      <c r="I112" s="68">
        <v>20</v>
      </c>
      <c r="J112" s="68">
        <v>34</v>
      </c>
      <c r="K112" s="67">
        <v>34</v>
      </c>
      <c r="L112" s="79">
        <v>16</v>
      </c>
      <c r="M112" s="80">
        <v>18</v>
      </c>
    </row>
    <row r="113" spans="1:13">
      <c r="A113" s="27" t="s">
        <v>79</v>
      </c>
      <c r="B113" s="67">
        <v>-127</v>
      </c>
      <c r="C113" s="68">
        <v>-81</v>
      </c>
      <c r="D113" s="68">
        <v>-46</v>
      </c>
      <c r="E113" s="67">
        <v>138</v>
      </c>
      <c r="F113" s="68">
        <v>78</v>
      </c>
      <c r="G113" s="69">
        <v>60</v>
      </c>
      <c r="H113" s="68">
        <v>47</v>
      </c>
      <c r="I113" s="68">
        <v>14</v>
      </c>
      <c r="J113" s="68">
        <v>33</v>
      </c>
      <c r="K113" s="67">
        <v>36</v>
      </c>
      <c r="L113" s="79">
        <v>17</v>
      </c>
      <c r="M113" s="80">
        <v>19</v>
      </c>
    </row>
    <row r="114" spans="1:13">
      <c r="A114" s="27" t="s">
        <v>81</v>
      </c>
      <c r="B114" s="67">
        <v>-145</v>
      </c>
      <c r="C114" s="68">
        <v>-94</v>
      </c>
      <c r="D114" s="68">
        <v>-51</v>
      </c>
      <c r="E114" s="67">
        <v>142</v>
      </c>
      <c r="F114" s="68">
        <v>87</v>
      </c>
      <c r="G114" s="69">
        <v>55</v>
      </c>
      <c r="H114" s="68">
        <v>41</v>
      </c>
      <c r="I114" s="68">
        <v>13</v>
      </c>
      <c r="J114" s="68">
        <v>28</v>
      </c>
      <c r="K114" s="67">
        <v>44</v>
      </c>
      <c r="L114" s="79">
        <v>20</v>
      </c>
      <c r="M114" s="80">
        <v>24</v>
      </c>
    </row>
    <row r="115" spans="1:13">
      <c r="A115" s="27" t="s">
        <v>83</v>
      </c>
      <c r="B115" s="67">
        <v>-131</v>
      </c>
      <c r="C115" s="68">
        <v>-66</v>
      </c>
      <c r="D115" s="68">
        <v>-65</v>
      </c>
      <c r="E115" s="67">
        <v>143</v>
      </c>
      <c r="F115" s="68">
        <v>71</v>
      </c>
      <c r="G115" s="69">
        <v>72</v>
      </c>
      <c r="H115" s="68">
        <v>43</v>
      </c>
      <c r="I115" s="68">
        <v>15</v>
      </c>
      <c r="J115" s="68">
        <v>28</v>
      </c>
      <c r="K115" s="67">
        <v>31</v>
      </c>
      <c r="L115" s="79">
        <v>10</v>
      </c>
      <c r="M115" s="80">
        <v>21</v>
      </c>
    </row>
    <row r="116" spans="1:13">
      <c r="A116" s="27" t="s">
        <v>85</v>
      </c>
      <c r="B116" s="67">
        <v>-114</v>
      </c>
      <c r="C116" s="68">
        <v>-73</v>
      </c>
      <c r="D116" s="68">
        <v>-41</v>
      </c>
      <c r="E116" s="67">
        <v>117</v>
      </c>
      <c r="F116" s="68">
        <v>70</v>
      </c>
      <c r="G116" s="69">
        <v>47</v>
      </c>
      <c r="H116" s="68">
        <v>37</v>
      </c>
      <c r="I116" s="68">
        <v>8</v>
      </c>
      <c r="J116" s="68">
        <v>29</v>
      </c>
      <c r="K116" s="67">
        <v>34</v>
      </c>
      <c r="L116" s="79">
        <v>11</v>
      </c>
      <c r="M116" s="80">
        <v>23</v>
      </c>
    </row>
    <row r="117" spans="1:13" ht="21" customHeight="1">
      <c r="A117" s="38" t="s">
        <v>87</v>
      </c>
      <c r="B117" s="64">
        <v>-835</v>
      </c>
      <c r="C117" s="65">
        <v>-461</v>
      </c>
      <c r="D117" s="65">
        <v>-374</v>
      </c>
      <c r="E117" s="64">
        <v>932</v>
      </c>
      <c r="F117" s="65">
        <v>471</v>
      </c>
      <c r="G117" s="66">
        <v>461</v>
      </c>
      <c r="H117" s="65">
        <v>248</v>
      </c>
      <c r="I117" s="65">
        <v>57</v>
      </c>
      <c r="J117" s="65">
        <v>191</v>
      </c>
      <c r="K117" s="64">
        <v>151</v>
      </c>
      <c r="L117" s="77">
        <v>47</v>
      </c>
      <c r="M117" s="78">
        <v>104</v>
      </c>
    </row>
    <row r="118" spans="1:13">
      <c r="A118" s="27" t="s">
        <v>89</v>
      </c>
      <c r="B118" s="67">
        <v>-163</v>
      </c>
      <c r="C118" s="68">
        <v>-100</v>
      </c>
      <c r="D118" s="68">
        <v>-63</v>
      </c>
      <c r="E118" s="67">
        <v>170</v>
      </c>
      <c r="F118" s="68">
        <v>97</v>
      </c>
      <c r="G118" s="69">
        <v>73</v>
      </c>
      <c r="H118" s="68">
        <v>46</v>
      </c>
      <c r="I118" s="68">
        <v>14</v>
      </c>
      <c r="J118" s="68">
        <v>32</v>
      </c>
      <c r="K118" s="67">
        <v>39</v>
      </c>
      <c r="L118" s="79">
        <v>17</v>
      </c>
      <c r="M118" s="80">
        <v>22</v>
      </c>
    </row>
    <row r="119" spans="1:13">
      <c r="A119" s="27" t="s">
        <v>91</v>
      </c>
      <c r="B119" s="67">
        <v>-150</v>
      </c>
      <c r="C119" s="68">
        <v>-82</v>
      </c>
      <c r="D119" s="68">
        <v>-68</v>
      </c>
      <c r="E119" s="67">
        <v>188</v>
      </c>
      <c r="F119" s="68">
        <v>91</v>
      </c>
      <c r="G119" s="69">
        <v>97</v>
      </c>
      <c r="H119" s="68">
        <v>65</v>
      </c>
      <c r="I119" s="68">
        <v>14</v>
      </c>
      <c r="J119" s="68">
        <v>51</v>
      </c>
      <c r="K119" s="67">
        <v>27</v>
      </c>
      <c r="L119" s="79">
        <v>5</v>
      </c>
      <c r="M119" s="80">
        <v>22</v>
      </c>
    </row>
    <row r="120" spans="1:13">
      <c r="A120" s="27" t="s">
        <v>93</v>
      </c>
      <c r="B120" s="67">
        <v>-186</v>
      </c>
      <c r="C120" s="68">
        <v>-108</v>
      </c>
      <c r="D120" s="68">
        <v>-78</v>
      </c>
      <c r="E120" s="67">
        <v>212</v>
      </c>
      <c r="F120" s="68">
        <v>109</v>
      </c>
      <c r="G120" s="69">
        <v>103</v>
      </c>
      <c r="H120" s="68">
        <v>55</v>
      </c>
      <c r="I120" s="68">
        <v>11</v>
      </c>
      <c r="J120" s="68">
        <v>44</v>
      </c>
      <c r="K120" s="67">
        <v>29</v>
      </c>
      <c r="L120" s="79">
        <v>10</v>
      </c>
      <c r="M120" s="80">
        <v>19</v>
      </c>
    </row>
    <row r="121" spans="1:13">
      <c r="A121" s="27" t="s">
        <v>95</v>
      </c>
      <c r="B121" s="67">
        <v>-186</v>
      </c>
      <c r="C121" s="68">
        <v>-99</v>
      </c>
      <c r="D121" s="68">
        <v>-87</v>
      </c>
      <c r="E121" s="67">
        <v>197</v>
      </c>
      <c r="F121" s="68">
        <v>100</v>
      </c>
      <c r="G121" s="69">
        <v>97</v>
      </c>
      <c r="H121" s="68">
        <v>40</v>
      </c>
      <c r="I121" s="68">
        <v>9</v>
      </c>
      <c r="J121" s="68">
        <v>31</v>
      </c>
      <c r="K121" s="67">
        <v>29</v>
      </c>
      <c r="L121" s="79">
        <v>8</v>
      </c>
      <c r="M121" s="80">
        <v>21</v>
      </c>
    </row>
    <row r="122" spans="1:13">
      <c r="A122" s="27" t="s">
        <v>97</v>
      </c>
      <c r="B122" s="67">
        <v>-150</v>
      </c>
      <c r="C122" s="68">
        <v>-72</v>
      </c>
      <c r="D122" s="68">
        <v>-78</v>
      </c>
      <c r="E122" s="67">
        <v>165</v>
      </c>
      <c r="F122" s="68">
        <v>74</v>
      </c>
      <c r="G122" s="69">
        <v>91</v>
      </c>
      <c r="H122" s="68">
        <v>42</v>
      </c>
      <c r="I122" s="68">
        <v>9</v>
      </c>
      <c r="J122" s="68">
        <v>33</v>
      </c>
      <c r="K122" s="67">
        <v>27</v>
      </c>
      <c r="L122" s="79">
        <v>7</v>
      </c>
      <c r="M122" s="80">
        <v>20</v>
      </c>
    </row>
    <row r="123" spans="1:13" ht="21" customHeight="1">
      <c r="A123" s="38" t="s">
        <v>99</v>
      </c>
      <c r="B123" s="64">
        <v>-810</v>
      </c>
      <c r="C123" s="65">
        <v>-361</v>
      </c>
      <c r="D123" s="65">
        <v>-449</v>
      </c>
      <c r="E123" s="64">
        <v>830</v>
      </c>
      <c r="F123" s="65">
        <v>354</v>
      </c>
      <c r="G123" s="66">
        <v>476</v>
      </c>
      <c r="H123" s="65">
        <v>94</v>
      </c>
      <c r="I123" s="65">
        <v>24</v>
      </c>
      <c r="J123" s="65">
        <v>70</v>
      </c>
      <c r="K123" s="64">
        <v>74</v>
      </c>
      <c r="L123" s="77">
        <v>31</v>
      </c>
      <c r="M123" s="78">
        <v>43</v>
      </c>
    </row>
    <row r="124" spans="1:13">
      <c r="A124" s="27" t="s">
        <v>101</v>
      </c>
      <c r="B124" s="67">
        <v>-198</v>
      </c>
      <c r="C124" s="68">
        <v>-103</v>
      </c>
      <c r="D124" s="68">
        <v>-95</v>
      </c>
      <c r="E124" s="67">
        <v>196</v>
      </c>
      <c r="F124" s="68">
        <v>99</v>
      </c>
      <c r="G124" s="69">
        <v>97</v>
      </c>
      <c r="H124" s="68">
        <v>24</v>
      </c>
      <c r="I124" s="68">
        <v>9</v>
      </c>
      <c r="J124" s="68">
        <v>15</v>
      </c>
      <c r="K124" s="67">
        <v>26</v>
      </c>
      <c r="L124" s="79">
        <v>13</v>
      </c>
      <c r="M124" s="80">
        <v>13</v>
      </c>
    </row>
    <row r="125" spans="1:13">
      <c r="A125" s="27" t="s">
        <v>103</v>
      </c>
      <c r="B125" s="67">
        <v>-163</v>
      </c>
      <c r="C125" s="68">
        <v>-65</v>
      </c>
      <c r="D125" s="68">
        <v>-98</v>
      </c>
      <c r="E125" s="67">
        <v>173</v>
      </c>
      <c r="F125" s="68">
        <v>65</v>
      </c>
      <c r="G125" s="69">
        <v>108</v>
      </c>
      <c r="H125" s="68">
        <v>25</v>
      </c>
      <c r="I125" s="68">
        <v>3</v>
      </c>
      <c r="J125" s="68">
        <v>22</v>
      </c>
      <c r="K125" s="67">
        <v>15</v>
      </c>
      <c r="L125" s="79">
        <v>3</v>
      </c>
      <c r="M125" s="80">
        <v>12</v>
      </c>
    </row>
    <row r="126" spans="1:13">
      <c r="A126" s="27" t="s">
        <v>105</v>
      </c>
      <c r="B126" s="67">
        <v>-152</v>
      </c>
      <c r="C126" s="68">
        <v>-75</v>
      </c>
      <c r="D126" s="68">
        <v>-77</v>
      </c>
      <c r="E126" s="67">
        <v>160</v>
      </c>
      <c r="F126" s="68">
        <v>72</v>
      </c>
      <c r="G126" s="69">
        <v>88</v>
      </c>
      <c r="H126" s="68">
        <v>21</v>
      </c>
      <c r="I126" s="68">
        <v>3</v>
      </c>
      <c r="J126" s="68">
        <v>18</v>
      </c>
      <c r="K126" s="67">
        <v>13</v>
      </c>
      <c r="L126" s="79">
        <v>6</v>
      </c>
      <c r="M126" s="80">
        <v>7</v>
      </c>
    </row>
    <row r="127" spans="1:13">
      <c r="A127" s="27" t="s">
        <v>107</v>
      </c>
      <c r="B127" s="67">
        <v>-136</v>
      </c>
      <c r="C127" s="68">
        <v>-54</v>
      </c>
      <c r="D127" s="68">
        <v>-82</v>
      </c>
      <c r="E127" s="67">
        <v>141</v>
      </c>
      <c r="F127" s="68">
        <v>56</v>
      </c>
      <c r="G127" s="69">
        <v>85</v>
      </c>
      <c r="H127" s="68">
        <v>12</v>
      </c>
      <c r="I127" s="68">
        <v>3</v>
      </c>
      <c r="J127" s="68">
        <v>9</v>
      </c>
      <c r="K127" s="67">
        <v>7</v>
      </c>
      <c r="L127" s="79">
        <v>1</v>
      </c>
      <c r="M127" s="80">
        <v>6</v>
      </c>
    </row>
    <row r="128" spans="1:13">
      <c r="A128" s="27" t="s">
        <v>109</v>
      </c>
      <c r="B128" s="67">
        <v>-161</v>
      </c>
      <c r="C128" s="68">
        <v>-64</v>
      </c>
      <c r="D128" s="68">
        <v>-97</v>
      </c>
      <c r="E128" s="67">
        <v>160</v>
      </c>
      <c r="F128" s="68">
        <v>62</v>
      </c>
      <c r="G128" s="69">
        <v>98</v>
      </c>
      <c r="H128" s="68">
        <v>12</v>
      </c>
      <c r="I128" s="68">
        <v>6</v>
      </c>
      <c r="J128" s="68">
        <v>6</v>
      </c>
      <c r="K128" s="67">
        <v>13</v>
      </c>
      <c r="L128" s="79">
        <v>8</v>
      </c>
      <c r="M128" s="80">
        <v>5</v>
      </c>
    </row>
    <row r="129" spans="1:14" ht="21" customHeight="1">
      <c r="A129" s="38" t="s">
        <v>111</v>
      </c>
      <c r="B129" s="64">
        <v>-430</v>
      </c>
      <c r="C129" s="65">
        <v>-125</v>
      </c>
      <c r="D129" s="65">
        <v>-305</v>
      </c>
      <c r="E129" s="64">
        <v>444</v>
      </c>
      <c r="F129" s="65">
        <v>124</v>
      </c>
      <c r="G129" s="66">
        <v>320</v>
      </c>
      <c r="H129" s="65">
        <v>39</v>
      </c>
      <c r="I129" s="65">
        <v>8</v>
      </c>
      <c r="J129" s="65">
        <v>31</v>
      </c>
      <c r="K129" s="64">
        <v>25</v>
      </c>
      <c r="L129" s="77">
        <v>9</v>
      </c>
      <c r="M129" s="78">
        <v>16</v>
      </c>
    </row>
    <row r="130" spans="1:14">
      <c r="A130" s="27" t="s">
        <v>113</v>
      </c>
      <c r="B130" s="67">
        <v>-132</v>
      </c>
      <c r="C130" s="68">
        <v>-42</v>
      </c>
      <c r="D130" s="68">
        <v>-90</v>
      </c>
      <c r="E130" s="67">
        <v>133</v>
      </c>
      <c r="F130" s="68">
        <v>43</v>
      </c>
      <c r="G130" s="69">
        <v>90</v>
      </c>
      <c r="H130" s="68">
        <v>14</v>
      </c>
      <c r="I130" s="68">
        <v>5</v>
      </c>
      <c r="J130" s="68">
        <v>9</v>
      </c>
      <c r="K130" s="67">
        <v>13</v>
      </c>
      <c r="L130" s="79">
        <v>4</v>
      </c>
      <c r="M130" s="80">
        <v>9</v>
      </c>
    </row>
    <row r="131" spans="1:14">
      <c r="A131" s="27" t="s">
        <v>115</v>
      </c>
      <c r="B131" s="67">
        <v>-101</v>
      </c>
      <c r="C131" s="68">
        <v>-34</v>
      </c>
      <c r="D131" s="68">
        <v>-67</v>
      </c>
      <c r="E131" s="67">
        <v>103</v>
      </c>
      <c r="F131" s="68">
        <v>32</v>
      </c>
      <c r="G131" s="69">
        <v>71</v>
      </c>
      <c r="H131" s="68">
        <v>9</v>
      </c>
      <c r="I131" s="68">
        <v>1</v>
      </c>
      <c r="J131" s="68">
        <v>8</v>
      </c>
      <c r="K131" s="67">
        <v>7</v>
      </c>
      <c r="L131" s="79">
        <v>3</v>
      </c>
      <c r="M131" s="80">
        <v>4</v>
      </c>
    </row>
    <row r="132" spans="1:14">
      <c r="A132" s="27" t="s">
        <v>117</v>
      </c>
      <c r="B132" s="67">
        <v>-82</v>
      </c>
      <c r="C132" s="68">
        <v>-23</v>
      </c>
      <c r="D132" s="68">
        <v>-59</v>
      </c>
      <c r="E132" s="67">
        <v>88</v>
      </c>
      <c r="F132" s="68">
        <v>22</v>
      </c>
      <c r="G132" s="69">
        <v>66</v>
      </c>
      <c r="H132" s="68">
        <v>9</v>
      </c>
      <c r="I132" s="68">
        <v>1</v>
      </c>
      <c r="J132" s="68">
        <v>8</v>
      </c>
      <c r="K132" s="67">
        <v>3</v>
      </c>
      <c r="L132" s="79">
        <v>2</v>
      </c>
      <c r="M132" s="80">
        <v>1</v>
      </c>
    </row>
    <row r="133" spans="1:14">
      <c r="A133" s="27" t="s">
        <v>119</v>
      </c>
      <c r="B133" s="67">
        <v>-69</v>
      </c>
      <c r="C133" s="68">
        <v>-16</v>
      </c>
      <c r="D133" s="68">
        <v>-53</v>
      </c>
      <c r="E133" s="67">
        <v>69</v>
      </c>
      <c r="F133" s="68">
        <v>16</v>
      </c>
      <c r="G133" s="69">
        <v>53</v>
      </c>
      <c r="H133" s="68">
        <v>2</v>
      </c>
      <c r="I133" s="68">
        <v>0</v>
      </c>
      <c r="J133" s="68">
        <v>2</v>
      </c>
      <c r="K133" s="67">
        <v>2</v>
      </c>
      <c r="L133" s="79">
        <v>0</v>
      </c>
      <c r="M133" s="80">
        <v>2</v>
      </c>
    </row>
    <row r="134" spans="1:14">
      <c r="A134" s="27" t="s">
        <v>121</v>
      </c>
      <c r="B134" s="67">
        <v>-46</v>
      </c>
      <c r="C134" s="68">
        <v>-10</v>
      </c>
      <c r="D134" s="68">
        <v>-36</v>
      </c>
      <c r="E134" s="67">
        <v>51</v>
      </c>
      <c r="F134" s="68">
        <v>11</v>
      </c>
      <c r="G134" s="69">
        <v>40</v>
      </c>
      <c r="H134" s="68">
        <v>5</v>
      </c>
      <c r="I134" s="68">
        <v>1</v>
      </c>
      <c r="J134" s="68">
        <v>4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126</v>
      </c>
      <c r="C135" s="40">
        <v>-23</v>
      </c>
      <c r="D135" s="40">
        <v>-103</v>
      </c>
      <c r="E135" s="42">
        <v>123</v>
      </c>
      <c r="F135" s="40">
        <v>23</v>
      </c>
      <c r="G135" s="43">
        <v>100</v>
      </c>
      <c r="H135" s="40">
        <v>3</v>
      </c>
      <c r="I135" s="40">
        <v>1</v>
      </c>
      <c r="J135" s="40">
        <v>2</v>
      </c>
      <c r="K135" s="42">
        <v>6</v>
      </c>
      <c r="L135" s="44">
        <v>1</v>
      </c>
      <c r="M135" s="85">
        <v>5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51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219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151</v>
      </c>
      <c r="C5" s="62">
        <v>561</v>
      </c>
      <c r="D5" s="62">
        <v>590</v>
      </c>
      <c r="E5" s="61">
        <v>942</v>
      </c>
      <c r="F5" s="62">
        <v>470</v>
      </c>
      <c r="G5" s="63">
        <v>472</v>
      </c>
      <c r="H5" s="62">
        <v>10364</v>
      </c>
      <c r="I5" s="62">
        <v>5508</v>
      </c>
      <c r="J5" s="62">
        <v>4856</v>
      </c>
      <c r="K5" s="61">
        <v>8989</v>
      </c>
      <c r="L5" s="75">
        <v>4817</v>
      </c>
      <c r="M5" s="76">
        <v>4172</v>
      </c>
    </row>
    <row r="6" spans="1:13" ht="23.25" customHeight="1">
      <c r="A6" s="36" t="s">
        <v>2</v>
      </c>
      <c r="B6" s="64">
        <v>627</v>
      </c>
      <c r="C6" s="65">
        <v>296</v>
      </c>
      <c r="D6" s="65">
        <v>331</v>
      </c>
      <c r="E6" s="64">
        <v>1</v>
      </c>
      <c r="F6" s="65">
        <v>0</v>
      </c>
      <c r="G6" s="66">
        <v>1</v>
      </c>
      <c r="H6" s="65">
        <v>334</v>
      </c>
      <c r="I6" s="65">
        <v>171</v>
      </c>
      <c r="J6" s="65">
        <v>163</v>
      </c>
      <c r="K6" s="64">
        <v>424</v>
      </c>
      <c r="L6" s="77">
        <v>215</v>
      </c>
      <c r="M6" s="78">
        <v>209</v>
      </c>
    </row>
    <row r="7" spans="1:13">
      <c r="A7" s="15" t="s">
        <v>4</v>
      </c>
      <c r="B7" s="67">
        <v>701</v>
      </c>
      <c r="C7" s="68">
        <v>339</v>
      </c>
      <c r="D7" s="68">
        <v>362</v>
      </c>
      <c r="E7" s="67">
        <v>0</v>
      </c>
      <c r="F7" s="68">
        <v>0</v>
      </c>
      <c r="G7" s="69">
        <v>0</v>
      </c>
      <c r="H7" s="68">
        <v>46</v>
      </c>
      <c r="I7" s="68">
        <v>19</v>
      </c>
      <c r="J7" s="68">
        <v>27</v>
      </c>
      <c r="K7" s="67">
        <v>63</v>
      </c>
      <c r="L7" s="79">
        <v>20</v>
      </c>
      <c r="M7" s="80">
        <v>43</v>
      </c>
    </row>
    <row r="8" spans="1:13">
      <c r="A8" s="15" t="s">
        <v>6</v>
      </c>
      <c r="B8" s="67">
        <v>-11</v>
      </c>
      <c r="C8" s="68">
        <v>-5</v>
      </c>
      <c r="D8" s="68">
        <v>-6</v>
      </c>
      <c r="E8" s="67">
        <v>1</v>
      </c>
      <c r="F8" s="68">
        <v>0</v>
      </c>
      <c r="G8" s="69">
        <v>1</v>
      </c>
      <c r="H8" s="68">
        <v>104</v>
      </c>
      <c r="I8" s="68">
        <v>54</v>
      </c>
      <c r="J8" s="68">
        <v>50</v>
      </c>
      <c r="K8" s="67">
        <v>114</v>
      </c>
      <c r="L8" s="79">
        <v>59</v>
      </c>
      <c r="M8" s="80">
        <v>55</v>
      </c>
    </row>
    <row r="9" spans="1:13">
      <c r="A9" s="15" t="s">
        <v>8</v>
      </c>
      <c r="B9" s="67">
        <v>-29</v>
      </c>
      <c r="C9" s="68">
        <v>-18</v>
      </c>
      <c r="D9" s="68">
        <v>-11</v>
      </c>
      <c r="E9" s="67">
        <v>0</v>
      </c>
      <c r="F9" s="68">
        <v>0</v>
      </c>
      <c r="G9" s="69">
        <v>0</v>
      </c>
      <c r="H9" s="68">
        <v>71</v>
      </c>
      <c r="I9" s="68">
        <v>37</v>
      </c>
      <c r="J9" s="68">
        <v>34</v>
      </c>
      <c r="K9" s="67">
        <v>100</v>
      </c>
      <c r="L9" s="79">
        <v>55</v>
      </c>
      <c r="M9" s="80">
        <v>45</v>
      </c>
    </row>
    <row r="10" spans="1:13">
      <c r="A10" s="15" t="s">
        <v>10</v>
      </c>
      <c r="B10" s="67">
        <v>-34</v>
      </c>
      <c r="C10" s="68">
        <v>-14</v>
      </c>
      <c r="D10" s="68">
        <v>-20</v>
      </c>
      <c r="E10" s="67">
        <v>0</v>
      </c>
      <c r="F10" s="68">
        <v>0</v>
      </c>
      <c r="G10" s="69">
        <v>0</v>
      </c>
      <c r="H10" s="68">
        <v>61</v>
      </c>
      <c r="I10" s="68">
        <v>38</v>
      </c>
      <c r="J10" s="68">
        <v>23</v>
      </c>
      <c r="K10" s="67">
        <v>95</v>
      </c>
      <c r="L10" s="79">
        <v>52</v>
      </c>
      <c r="M10" s="80">
        <v>43</v>
      </c>
    </row>
    <row r="11" spans="1:13">
      <c r="A11" s="15" t="s">
        <v>12</v>
      </c>
      <c r="B11" s="67">
        <v>0</v>
      </c>
      <c r="C11" s="68">
        <v>-6</v>
      </c>
      <c r="D11" s="68">
        <v>6</v>
      </c>
      <c r="E11" s="67">
        <v>0</v>
      </c>
      <c r="F11" s="68">
        <v>0</v>
      </c>
      <c r="G11" s="69">
        <v>0</v>
      </c>
      <c r="H11" s="68">
        <v>52</v>
      </c>
      <c r="I11" s="68">
        <v>23</v>
      </c>
      <c r="J11" s="68">
        <v>29</v>
      </c>
      <c r="K11" s="67">
        <v>52</v>
      </c>
      <c r="L11" s="79">
        <v>29</v>
      </c>
      <c r="M11" s="80">
        <v>23</v>
      </c>
    </row>
    <row r="12" spans="1:13" ht="21" customHeight="1">
      <c r="A12" s="36" t="s">
        <v>14</v>
      </c>
      <c r="B12" s="64">
        <v>-23</v>
      </c>
      <c r="C12" s="65">
        <v>-24</v>
      </c>
      <c r="D12" s="65">
        <v>1</v>
      </c>
      <c r="E12" s="64">
        <v>0</v>
      </c>
      <c r="F12" s="65">
        <v>0</v>
      </c>
      <c r="G12" s="66">
        <v>0</v>
      </c>
      <c r="H12" s="65">
        <v>222</v>
      </c>
      <c r="I12" s="65">
        <v>108</v>
      </c>
      <c r="J12" s="65">
        <v>114</v>
      </c>
      <c r="K12" s="64">
        <v>245</v>
      </c>
      <c r="L12" s="77">
        <v>132</v>
      </c>
      <c r="M12" s="78">
        <v>113</v>
      </c>
    </row>
    <row r="13" spans="1:13">
      <c r="A13" s="15" t="s">
        <v>16</v>
      </c>
      <c r="B13" s="67">
        <v>-6</v>
      </c>
      <c r="C13" s="68">
        <v>-9</v>
      </c>
      <c r="D13" s="68">
        <v>3</v>
      </c>
      <c r="E13" s="67">
        <v>0</v>
      </c>
      <c r="F13" s="68">
        <v>0</v>
      </c>
      <c r="G13" s="69">
        <v>0</v>
      </c>
      <c r="H13" s="68">
        <v>57</v>
      </c>
      <c r="I13" s="68">
        <v>23</v>
      </c>
      <c r="J13" s="68">
        <v>34</v>
      </c>
      <c r="K13" s="67">
        <v>63</v>
      </c>
      <c r="L13" s="79">
        <v>32</v>
      </c>
      <c r="M13" s="80">
        <v>31</v>
      </c>
    </row>
    <row r="14" spans="1:13">
      <c r="A14" s="15" t="s">
        <v>18</v>
      </c>
      <c r="B14" s="67">
        <v>-23</v>
      </c>
      <c r="C14" s="68">
        <v>-12</v>
      </c>
      <c r="D14" s="68">
        <v>-11</v>
      </c>
      <c r="E14" s="67">
        <v>0</v>
      </c>
      <c r="F14" s="68">
        <v>0</v>
      </c>
      <c r="G14" s="69">
        <v>0</v>
      </c>
      <c r="H14" s="68">
        <v>42</v>
      </c>
      <c r="I14" s="68">
        <v>22</v>
      </c>
      <c r="J14" s="68">
        <v>20</v>
      </c>
      <c r="K14" s="67">
        <v>65</v>
      </c>
      <c r="L14" s="79">
        <v>34</v>
      </c>
      <c r="M14" s="80">
        <v>31</v>
      </c>
    </row>
    <row r="15" spans="1:13">
      <c r="A15" s="15" t="s">
        <v>20</v>
      </c>
      <c r="B15" s="67">
        <v>7</v>
      </c>
      <c r="C15" s="68">
        <v>4</v>
      </c>
      <c r="D15" s="68">
        <v>3</v>
      </c>
      <c r="E15" s="67">
        <v>0</v>
      </c>
      <c r="F15" s="68">
        <v>0</v>
      </c>
      <c r="G15" s="69">
        <v>0</v>
      </c>
      <c r="H15" s="68">
        <v>62</v>
      </c>
      <c r="I15" s="68">
        <v>35</v>
      </c>
      <c r="J15" s="68">
        <v>27</v>
      </c>
      <c r="K15" s="67">
        <v>55</v>
      </c>
      <c r="L15" s="79">
        <v>31</v>
      </c>
      <c r="M15" s="80">
        <v>24</v>
      </c>
    </row>
    <row r="16" spans="1:13">
      <c r="A16" s="15" t="s">
        <v>22</v>
      </c>
      <c r="B16" s="67">
        <v>-1</v>
      </c>
      <c r="C16" s="68">
        <v>-2</v>
      </c>
      <c r="D16" s="68">
        <v>1</v>
      </c>
      <c r="E16" s="67">
        <v>0</v>
      </c>
      <c r="F16" s="68">
        <v>0</v>
      </c>
      <c r="G16" s="69">
        <v>0</v>
      </c>
      <c r="H16" s="68">
        <v>28</v>
      </c>
      <c r="I16" s="68">
        <v>14</v>
      </c>
      <c r="J16" s="68">
        <v>14</v>
      </c>
      <c r="K16" s="67">
        <v>29</v>
      </c>
      <c r="L16" s="79">
        <v>16</v>
      </c>
      <c r="M16" s="80">
        <v>13</v>
      </c>
    </row>
    <row r="17" spans="1:13">
      <c r="A17" s="15" t="s">
        <v>24</v>
      </c>
      <c r="B17" s="67">
        <v>0</v>
      </c>
      <c r="C17" s="68">
        <v>-5</v>
      </c>
      <c r="D17" s="68">
        <v>5</v>
      </c>
      <c r="E17" s="67">
        <v>0</v>
      </c>
      <c r="F17" s="68">
        <v>0</v>
      </c>
      <c r="G17" s="69">
        <v>0</v>
      </c>
      <c r="H17" s="68">
        <v>33</v>
      </c>
      <c r="I17" s="68">
        <v>14</v>
      </c>
      <c r="J17" s="68">
        <v>19</v>
      </c>
      <c r="K17" s="67">
        <v>33</v>
      </c>
      <c r="L17" s="79">
        <v>19</v>
      </c>
      <c r="M17" s="80">
        <v>14</v>
      </c>
    </row>
    <row r="18" spans="1:13" ht="21" customHeight="1">
      <c r="A18" s="36" t="s">
        <v>26</v>
      </c>
      <c r="B18" s="64">
        <v>-1</v>
      </c>
      <c r="C18" s="65">
        <v>3</v>
      </c>
      <c r="D18" s="65">
        <v>-4</v>
      </c>
      <c r="E18" s="64">
        <v>1</v>
      </c>
      <c r="F18" s="65">
        <v>0</v>
      </c>
      <c r="G18" s="66">
        <v>1</v>
      </c>
      <c r="H18" s="65">
        <v>128</v>
      </c>
      <c r="I18" s="65">
        <v>69</v>
      </c>
      <c r="J18" s="65">
        <v>59</v>
      </c>
      <c r="K18" s="64">
        <v>128</v>
      </c>
      <c r="L18" s="77">
        <v>66</v>
      </c>
      <c r="M18" s="78">
        <v>62</v>
      </c>
    </row>
    <row r="19" spans="1:13">
      <c r="A19" s="15" t="s">
        <v>28</v>
      </c>
      <c r="B19" s="67">
        <v>-1</v>
      </c>
      <c r="C19" s="68">
        <v>0</v>
      </c>
      <c r="D19" s="68">
        <v>-1</v>
      </c>
      <c r="E19" s="67">
        <v>0</v>
      </c>
      <c r="F19" s="68">
        <v>0</v>
      </c>
      <c r="G19" s="69">
        <v>0</v>
      </c>
      <c r="H19" s="68">
        <v>33</v>
      </c>
      <c r="I19" s="68">
        <v>18</v>
      </c>
      <c r="J19" s="68">
        <v>15</v>
      </c>
      <c r="K19" s="67">
        <v>34</v>
      </c>
      <c r="L19" s="79">
        <v>18</v>
      </c>
      <c r="M19" s="80">
        <v>16</v>
      </c>
    </row>
    <row r="20" spans="1:13">
      <c r="A20" s="15" t="s">
        <v>30</v>
      </c>
      <c r="B20" s="67">
        <v>-8</v>
      </c>
      <c r="C20" s="68">
        <v>-3</v>
      </c>
      <c r="D20" s="68">
        <v>-5</v>
      </c>
      <c r="E20" s="67">
        <v>0</v>
      </c>
      <c r="F20" s="68">
        <v>0</v>
      </c>
      <c r="G20" s="69">
        <v>0</v>
      </c>
      <c r="H20" s="68">
        <v>16</v>
      </c>
      <c r="I20" s="68">
        <v>6</v>
      </c>
      <c r="J20" s="68">
        <v>10</v>
      </c>
      <c r="K20" s="67">
        <v>24</v>
      </c>
      <c r="L20" s="79">
        <v>9</v>
      </c>
      <c r="M20" s="80">
        <v>15</v>
      </c>
    </row>
    <row r="21" spans="1:13">
      <c r="A21" s="15" t="s">
        <v>32</v>
      </c>
      <c r="B21" s="67">
        <v>8</v>
      </c>
      <c r="C21" s="68">
        <v>7</v>
      </c>
      <c r="D21" s="68">
        <v>1</v>
      </c>
      <c r="E21" s="67">
        <v>0</v>
      </c>
      <c r="F21" s="68">
        <v>0</v>
      </c>
      <c r="G21" s="69">
        <v>0</v>
      </c>
      <c r="H21" s="68">
        <v>27</v>
      </c>
      <c r="I21" s="68">
        <v>19</v>
      </c>
      <c r="J21" s="68">
        <v>8</v>
      </c>
      <c r="K21" s="67">
        <v>19</v>
      </c>
      <c r="L21" s="79">
        <v>12</v>
      </c>
      <c r="M21" s="80">
        <v>7</v>
      </c>
    </row>
    <row r="22" spans="1:13">
      <c r="A22" s="15" t="s">
        <v>34</v>
      </c>
      <c r="B22" s="67">
        <v>-2</v>
      </c>
      <c r="C22" s="68">
        <v>-2</v>
      </c>
      <c r="D22" s="68">
        <v>0</v>
      </c>
      <c r="E22" s="67">
        <v>1</v>
      </c>
      <c r="F22" s="68">
        <v>0</v>
      </c>
      <c r="G22" s="69">
        <v>1</v>
      </c>
      <c r="H22" s="68">
        <v>33</v>
      </c>
      <c r="I22" s="68">
        <v>15</v>
      </c>
      <c r="J22" s="68">
        <v>18</v>
      </c>
      <c r="K22" s="67">
        <v>34</v>
      </c>
      <c r="L22" s="79">
        <v>17</v>
      </c>
      <c r="M22" s="80">
        <v>17</v>
      </c>
    </row>
    <row r="23" spans="1:13">
      <c r="A23" s="15" t="s">
        <v>36</v>
      </c>
      <c r="B23" s="67">
        <v>2</v>
      </c>
      <c r="C23" s="68">
        <v>1</v>
      </c>
      <c r="D23" s="68">
        <v>1</v>
      </c>
      <c r="E23" s="67">
        <v>0</v>
      </c>
      <c r="F23" s="68">
        <v>0</v>
      </c>
      <c r="G23" s="69">
        <v>0</v>
      </c>
      <c r="H23" s="68">
        <v>19</v>
      </c>
      <c r="I23" s="68">
        <v>11</v>
      </c>
      <c r="J23" s="68">
        <v>8</v>
      </c>
      <c r="K23" s="67">
        <v>17</v>
      </c>
      <c r="L23" s="79">
        <v>10</v>
      </c>
      <c r="M23" s="80">
        <v>7</v>
      </c>
    </row>
    <row r="24" spans="1:13" ht="21" customHeight="1">
      <c r="A24" s="36" t="s">
        <v>38</v>
      </c>
      <c r="B24" s="64">
        <v>135</v>
      </c>
      <c r="C24" s="65">
        <v>53</v>
      </c>
      <c r="D24" s="65">
        <v>82</v>
      </c>
      <c r="E24" s="64">
        <v>0</v>
      </c>
      <c r="F24" s="65">
        <v>0</v>
      </c>
      <c r="G24" s="66">
        <v>0</v>
      </c>
      <c r="H24" s="65">
        <v>310</v>
      </c>
      <c r="I24" s="65">
        <v>149</v>
      </c>
      <c r="J24" s="65">
        <v>161</v>
      </c>
      <c r="K24" s="64">
        <v>175</v>
      </c>
      <c r="L24" s="77">
        <v>96</v>
      </c>
      <c r="M24" s="78">
        <v>79</v>
      </c>
    </row>
    <row r="25" spans="1:13">
      <c r="A25" s="15" t="s">
        <v>40</v>
      </c>
      <c r="B25" s="67">
        <v>-1</v>
      </c>
      <c r="C25" s="68">
        <v>-5</v>
      </c>
      <c r="D25" s="68">
        <v>4</v>
      </c>
      <c r="E25" s="67">
        <v>0</v>
      </c>
      <c r="F25" s="68">
        <v>0</v>
      </c>
      <c r="G25" s="69">
        <v>0</v>
      </c>
      <c r="H25" s="68">
        <v>19</v>
      </c>
      <c r="I25" s="68">
        <v>4</v>
      </c>
      <c r="J25" s="68">
        <v>15</v>
      </c>
      <c r="K25" s="67">
        <v>20</v>
      </c>
      <c r="L25" s="79">
        <v>9</v>
      </c>
      <c r="M25" s="80">
        <v>11</v>
      </c>
    </row>
    <row r="26" spans="1:13">
      <c r="A26" s="15" t="s">
        <v>42</v>
      </c>
      <c r="B26" s="67">
        <v>0</v>
      </c>
      <c r="C26" s="68">
        <v>-6</v>
      </c>
      <c r="D26" s="68">
        <v>6</v>
      </c>
      <c r="E26" s="67">
        <v>0</v>
      </c>
      <c r="F26" s="68">
        <v>0</v>
      </c>
      <c r="G26" s="69">
        <v>0</v>
      </c>
      <c r="H26" s="68">
        <v>33</v>
      </c>
      <c r="I26" s="68">
        <v>13</v>
      </c>
      <c r="J26" s="68">
        <v>20</v>
      </c>
      <c r="K26" s="67">
        <v>33</v>
      </c>
      <c r="L26" s="79">
        <v>19</v>
      </c>
      <c r="M26" s="80">
        <v>14</v>
      </c>
    </row>
    <row r="27" spans="1:13">
      <c r="A27" s="15" t="s">
        <v>44</v>
      </c>
      <c r="B27" s="67">
        <v>2</v>
      </c>
      <c r="C27" s="68">
        <v>1</v>
      </c>
      <c r="D27" s="68">
        <v>1</v>
      </c>
      <c r="E27" s="67">
        <v>0</v>
      </c>
      <c r="F27" s="68">
        <v>0</v>
      </c>
      <c r="G27" s="69">
        <v>0</v>
      </c>
      <c r="H27" s="68">
        <v>22</v>
      </c>
      <c r="I27" s="68">
        <v>11</v>
      </c>
      <c r="J27" s="68">
        <v>11</v>
      </c>
      <c r="K27" s="67">
        <v>20</v>
      </c>
      <c r="L27" s="79">
        <v>10</v>
      </c>
      <c r="M27" s="80">
        <v>10</v>
      </c>
    </row>
    <row r="28" spans="1:13">
      <c r="A28" s="15" t="s">
        <v>46</v>
      </c>
      <c r="B28" s="67">
        <v>41</v>
      </c>
      <c r="C28" s="68">
        <v>19</v>
      </c>
      <c r="D28" s="68">
        <v>22</v>
      </c>
      <c r="E28" s="67">
        <v>0</v>
      </c>
      <c r="F28" s="68">
        <v>0</v>
      </c>
      <c r="G28" s="69">
        <v>0</v>
      </c>
      <c r="H28" s="68">
        <v>69</v>
      </c>
      <c r="I28" s="68">
        <v>33</v>
      </c>
      <c r="J28" s="68">
        <v>36</v>
      </c>
      <c r="K28" s="67">
        <v>28</v>
      </c>
      <c r="L28" s="79">
        <v>14</v>
      </c>
      <c r="M28" s="80">
        <v>14</v>
      </c>
    </row>
    <row r="29" spans="1:13">
      <c r="A29" s="15" t="s">
        <v>48</v>
      </c>
      <c r="B29" s="67">
        <v>93</v>
      </c>
      <c r="C29" s="68">
        <v>44</v>
      </c>
      <c r="D29" s="68">
        <v>49</v>
      </c>
      <c r="E29" s="67">
        <v>0</v>
      </c>
      <c r="F29" s="68">
        <v>0</v>
      </c>
      <c r="G29" s="69">
        <v>0</v>
      </c>
      <c r="H29" s="68">
        <v>167</v>
      </c>
      <c r="I29" s="68">
        <v>88</v>
      </c>
      <c r="J29" s="68">
        <v>79</v>
      </c>
      <c r="K29" s="67">
        <v>74</v>
      </c>
      <c r="L29" s="79">
        <v>44</v>
      </c>
      <c r="M29" s="80">
        <v>30</v>
      </c>
    </row>
    <row r="30" spans="1:13" ht="21" customHeight="1">
      <c r="A30" s="36" t="s">
        <v>50</v>
      </c>
      <c r="B30" s="64">
        <v>850</v>
      </c>
      <c r="C30" s="65">
        <v>462</v>
      </c>
      <c r="D30" s="65">
        <v>388</v>
      </c>
      <c r="E30" s="64">
        <v>4</v>
      </c>
      <c r="F30" s="65">
        <v>2</v>
      </c>
      <c r="G30" s="66">
        <v>2</v>
      </c>
      <c r="H30" s="65">
        <v>1942</v>
      </c>
      <c r="I30" s="65">
        <v>1013</v>
      </c>
      <c r="J30" s="65">
        <v>929</v>
      </c>
      <c r="K30" s="64">
        <v>1088</v>
      </c>
      <c r="L30" s="77">
        <v>549</v>
      </c>
      <c r="M30" s="78">
        <v>539</v>
      </c>
    </row>
    <row r="31" spans="1:13">
      <c r="A31" s="15" t="s">
        <v>52</v>
      </c>
      <c r="B31" s="67">
        <v>78</v>
      </c>
      <c r="C31" s="68">
        <v>37</v>
      </c>
      <c r="D31" s="68">
        <v>41</v>
      </c>
      <c r="E31" s="67">
        <v>1</v>
      </c>
      <c r="F31" s="68">
        <v>1</v>
      </c>
      <c r="G31" s="69">
        <v>0</v>
      </c>
      <c r="H31" s="68">
        <v>167</v>
      </c>
      <c r="I31" s="68">
        <v>87</v>
      </c>
      <c r="J31" s="68">
        <v>80</v>
      </c>
      <c r="K31" s="67">
        <v>88</v>
      </c>
      <c r="L31" s="79">
        <v>49</v>
      </c>
      <c r="M31" s="80">
        <v>39</v>
      </c>
    </row>
    <row r="32" spans="1:13">
      <c r="A32" s="15" t="s">
        <v>54</v>
      </c>
      <c r="B32" s="67">
        <v>167</v>
      </c>
      <c r="C32" s="68">
        <v>83</v>
      </c>
      <c r="D32" s="68">
        <v>84</v>
      </c>
      <c r="E32" s="67">
        <v>0</v>
      </c>
      <c r="F32" s="68">
        <v>0</v>
      </c>
      <c r="G32" s="69">
        <v>0</v>
      </c>
      <c r="H32" s="68">
        <v>292</v>
      </c>
      <c r="I32" s="68">
        <v>143</v>
      </c>
      <c r="J32" s="68">
        <v>149</v>
      </c>
      <c r="K32" s="67">
        <v>125</v>
      </c>
      <c r="L32" s="79">
        <v>60</v>
      </c>
      <c r="M32" s="80">
        <v>65</v>
      </c>
    </row>
    <row r="33" spans="1:13">
      <c r="A33" s="15" t="s">
        <v>56</v>
      </c>
      <c r="B33" s="67">
        <v>175</v>
      </c>
      <c r="C33" s="68">
        <v>103</v>
      </c>
      <c r="D33" s="68">
        <v>72</v>
      </c>
      <c r="E33" s="67">
        <v>2</v>
      </c>
      <c r="F33" s="68">
        <v>1</v>
      </c>
      <c r="G33" s="69">
        <v>1</v>
      </c>
      <c r="H33" s="68">
        <v>372</v>
      </c>
      <c r="I33" s="68">
        <v>199</v>
      </c>
      <c r="J33" s="68">
        <v>173</v>
      </c>
      <c r="K33" s="67">
        <v>195</v>
      </c>
      <c r="L33" s="79">
        <v>95</v>
      </c>
      <c r="M33" s="80">
        <v>100</v>
      </c>
    </row>
    <row r="34" spans="1:13">
      <c r="A34" s="15" t="s">
        <v>58</v>
      </c>
      <c r="B34" s="67">
        <v>279</v>
      </c>
      <c r="C34" s="68">
        <v>154</v>
      </c>
      <c r="D34" s="68">
        <v>125</v>
      </c>
      <c r="E34" s="67">
        <v>1</v>
      </c>
      <c r="F34" s="68">
        <v>0</v>
      </c>
      <c r="G34" s="69">
        <v>1</v>
      </c>
      <c r="H34" s="68">
        <v>591</v>
      </c>
      <c r="I34" s="68">
        <v>313</v>
      </c>
      <c r="J34" s="68">
        <v>278</v>
      </c>
      <c r="K34" s="67">
        <v>311</v>
      </c>
      <c r="L34" s="79">
        <v>159</v>
      </c>
      <c r="M34" s="80">
        <v>152</v>
      </c>
    </row>
    <row r="35" spans="1:13">
      <c r="A35" s="15" t="s">
        <v>60</v>
      </c>
      <c r="B35" s="67">
        <v>151</v>
      </c>
      <c r="C35" s="68">
        <v>85</v>
      </c>
      <c r="D35" s="68">
        <v>66</v>
      </c>
      <c r="E35" s="67">
        <v>0</v>
      </c>
      <c r="F35" s="68">
        <v>0</v>
      </c>
      <c r="G35" s="69">
        <v>0</v>
      </c>
      <c r="H35" s="68">
        <v>520</v>
      </c>
      <c r="I35" s="68">
        <v>271</v>
      </c>
      <c r="J35" s="68">
        <v>249</v>
      </c>
      <c r="K35" s="67">
        <v>369</v>
      </c>
      <c r="L35" s="79">
        <v>186</v>
      </c>
      <c r="M35" s="80">
        <v>183</v>
      </c>
    </row>
    <row r="36" spans="1:13" ht="21" customHeight="1">
      <c r="A36" s="36" t="s">
        <v>62</v>
      </c>
      <c r="B36" s="64">
        <v>402</v>
      </c>
      <c r="C36" s="65">
        <v>236</v>
      </c>
      <c r="D36" s="65">
        <v>166</v>
      </c>
      <c r="E36" s="64">
        <v>0</v>
      </c>
      <c r="F36" s="65">
        <v>0</v>
      </c>
      <c r="G36" s="66">
        <v>0</v>
      </c>
      <c r="H36" s="65">
        <v>2541</v>
      </c>
      <c r="I36" s="65">
        <v>1334</v>
      </c>
      <c r="J36" s="65">
        <v>1207</v>
      </c>
      <c r="K36" s="64">
        <v>2139</v>
      </c>
      <c r="L36" s="77">
        <v>1098</v>
      </c>
      <c r="M36" s="78">
        <v>1041</v>
      </c>
    </row>
    <row r="37" spans="1:13">
      <c r="A37" s="15" t="s">
        <v>64</v>
      </c>
      <c r="B37" s="67">
        <v>122</v>
      </c>
      <c r="C37" s="68">
        <v>80</v>
      </c>
      <c r="D37" s="68">
        <v>42</v>
      </c>
      <c r="E37" s="67">
        <v>0</v>
      </c>
      <c r="F37" s="68">
        <v>0</v>
      </c>
      <c r="G37" s="69">
        <v>0</v>
      </c>
      <c r="H37" s="68">
        <v>577</v>
      </c>
      <c r="I37" s="68">
        <v>318</v>
      </c>
      <c r="J37" s="68">
        <v>259</v>
      </c>
      <c r="K37" s="67">
        <v>455</v>
      </c>
      <c r="L37" s="79">
        <v>238</v>
      </c>
      <c r="M37" s="80">
        <v>217</v>
      </c>
    </row>
    <row r="38" spans="1:13">
      <c r="A38" s="15" t="s">
        <v>66</v>
      </c>
      <c r="B38" s="67">
        <v>98</v>
      </c>
      <c r="C38" s="68">
        <v>65</v>
      </c>
      <c r="D38" s="68">
        <v>33</v>
      </c>
      <c r="E38" s="67">
        <v>0</v>
      </c>
      <c r="F38" s="68">
        <v>0</v>
      </c>
      <c r="G38" s="69">
        <v>0</v>
      </c>
      <c r="H38" s="68">
        <v>558</v>
      </c>
      <c r="I38" s="68">
        <v>291</v>
      </c>
      <c r="J38" s="68">
        <v>267</v>
      </c>
      <c r="K38" s="67">
        <v>460</v>
      </c>
      <c r="L38" s="79">
        <v>226</v>
      </c>
      <c r="M38" s="80">
        <v>234</v>
      </c>
    </row>
    <row r="39" spans="1:13">
      <c r="A39" s="15" t="s">
        <v>68</v>
      </c>
      <c r="B39" s="67">
        <v>90</v>
      </c>
      <c r="C39" s="68">
        <v>54</v>
      </c>
      <c r="D39" s="68">
        <v>36</v>
      </c>
      <c r="E39" s="67">
        <v>0</v>
      </c>
      <c r="F39" s="68">
        <v>0</v>
      </c>
      <c r="G39" s="69">
        <v>0</v>
      </c>
      <c r="H39" s="68">
        <v>519</v>
      </c>
      <c r="I39" s="68">
        <v>276</v>
      </c>
      <c r="J39" s="68">
        <v>243</v>
      </c>
      <c r="K39" s="67">
        <v>429</v>
      </c>
      <c r="L39" s="79">
        <v>222</v>
      </c>
      <c r="M39" s="80">
        <v>207</v>
      </c>
    </row>
    <row r="40" spans="1:13">
      <c r="A40" s="15" t="s">
        <v>70</v>
      </c>
      <c r="B40" s="67">
        <v>6</v>
      </c>
      <c r="C40" s="68">
        <v>15</v>
      </c>
      <c r="D40" s="68">
        <v>-9</v>
      </c>
      <c r="E40" s="67">
        <v>0</v>
      </c>
      <c r="F40" s="68">
        <v>0</v>
      </c>
      <c r="G40" s="69">
        <v>0</v>
      </c>
      <c r="H40" s="68">
        <v>438</v>
      </c>
      <c r="I40" s="68">
        <v>231</v>
      </c>
      <c r="J40" s="68">
        <v>207</v>
      </c>
      <c r="K40" s="67">
        <v>432</v>
      </c>
      <c r="L40" s="79">
        <v>216</v>
      </c>
      <c r="M40" s="80">
        <v>216</v>
      </c>
    </row>
    <row r="41" spans="1:13">
      <c r="A41" s="15" t="s">
        <v>72</v>
      </c>
      <c r="B41" s="67">
        <v>86</v>
      </c>
      <c r="C41" s="68">
        <v>22</v>
      </c>
      <c r="D41" s="68">
        <v>64</v>
      </c>
      <c r="E41" s="67">
        <v>0</v>
      </c>
      <c r="F41" s="68">
        <v>0</v>
      </c>
      <c r="G41" s="69">
        <v>0</v>
      </c>
      <c r="H41" s="68">
        <v>449</v>
      </c>
      <c r="I41" s="68">
        <v>218</v>
      </c>
      <c r="J41" s="68">
        <v>231</v>
      </c>
      <c r="K41" s="67">
        <v>363</v>
      </c>
      <c r="L41" s="79">
        <v>196</v>
      </c>
      <c r="M41" s="80">
        <v>167</v>
      </c>
    </row>
    <row r="42" spans="1:13" ht="21" customHeight="1">
      <c r="A42" s="36" t="s">
        <v>74</v>
      </c>
      <c r="B42" s="64">
        <v>157</v>
      </c>
      <c r="C42" s="65">
        <v>69</v>
      </c>
      <c r="D42" s="65">
        <v>88</v>
      </c>
      <c r="E42" s="64">
        <v>1</v>
      </c>
      <c r="F42" s="65">
        <v>1</v>
      </c>
      <c r="G42" s="66">
        <v>0</v>
      </c>
      <c r="H42" s="65">
        <v>1607</v>
      </c>
      <c r="I42" s="65">
        <v>851</v>
      </c>
      <c r="J42" s="65">
        <v>756</v>
      </c>
      <c r="K42" s="64">
        <v>1449</v>
      </c>
      <c r="L42" s="77">
        <v>781</v>
      </c>
      <c r="M42" s="78">
        <v>668</v>
      </c>
    </row>
    <row r="43" spans="1:13">
      <c r="A43" s="15" t="s">
        <v>76</v>
      </c>
      <c r="B43" s="67">
        <v>57</v>
      </c>
      <c r="C43" s="68">
        <v>15</v>
      </c>
      <c r="D43" s="68">
        <v>42</v>
      </c>
      <c r="E43" s="67">
        <v>1</v>
      </c>
      <c r="F43" s="68">
        <v>1</v>
      </c>
      <c r="G43" s="69">
        <v>0</v>
      </c>
      <c r="H43" s="68">
        <v>415</v>
      </c>
      <c r="I43" s="68">
        <v>212</v>
      </c>
      <c r="J43" s="68">
        <v>203</v>
      </c>
      <c r="K43" s="67">
        <v>357</v>
      </c>
      <c r="L43" s="79">
        <v>196</v>
      </c>
      <c r="M43" s="80">
        <v>161</v>
      </c>
    </row>
    <row r="44" spans="1:13">
      <c r="A44" s="15" t="s">
        <v>78</v>
      </c>
      <c r="B44" s="67">
        <v>11</v>
      </c>
      <c r="C44" s="68">
        <v>5</v>
      </c>
      <c r="D44" s="68">
        <v>6</v>
      </c>
      <c r="E44" s="67">
        <v>0</v>
      </c>
      <c r="F44" s="68">
        <v>0</v>
      </c>
      <c r="G44" s="69">
        <v>0</v>
      </c>
      <c r="H44" s="68">
        <v>348</v>
      </c>
      <c r="I44" s="68">
        <v>183</v>
      </c>
      <c r="J44" s="68">
        <v>165</v>
      </c>
      <c r="K44" s="67">
        <v>337</v>
      </c>
      <c r="L44" s="79">
        <v>178</v>
      </c>
      <c r="M44" s="80">
        <v>159</v>
      </c>
    </row>
    <row r="45" spans="1:13">
      <c r="A45" s="15" t="s">
        <v>80</v>
      </c>
      <c r="B45" s="67">
        <v>8</v>
      </c>
      <c r="C45" s="68">
        <v>5</v>
      </c>
      <c r="D45" s="68">
        <v>3</v>
      </c>
      <c r="E45" s="67">
        <v>0</v>
      </c>
      <c r="F45" s="68">
        <v>0</v>
      </c>
      <c r="G45" s="69">
        <v>0</v>
      </c>
      <c r="H45" s="68">
        <v>291</v>
      </c>
      <c r="I45" s="68">
        <v>157</v>
      </c>
      <c r="J45" s="68">
        <v>134</v>
      </c>
      <c r="K45" s="67">
        <v>283</v>
      </c>
      <c r="L45" s="79">
        <v>152</v>
      </c>
      <c r="M45" s="80">
        <v>131</v>
      </c>
    </row>
    <row r="46" spans="1:13">
      <c r="A46" s="15" t="s">
        <v>82</v>
      </c>
      <c r="B46" s="67">
        <v>33</v>
      </c>
      <c r="C46" s="68">
        <v>21</v>
      </c>
      <c r="D46" s="68">
        <v>12</v>
      </c>
      <c r="E46" s="67">
        <v>0</v>
      </c>
      <c r="F46" s="68">
        <v>0</v>
      </c>
      <c r="G46" s="69">
        <v>0</v>
      </c>
      <c r="H46" s="68">
        <v>273</v>
      </c>
      <c r="I46" s="68">
        <v>146</v>
      </c>
      <c r="J46" s="68">
        <v>127</v>
      </c>
      <c r="K46" s="67">
        <v>240</v>
      </c>
      <c r="L46" s="79">
        <v>125</v>
      </c>
      <c r="M46" s="80">
        <v>115</v>
      </c>
    </row>
    <row r="47" spans="1:13">
      <c r="A47" s="15" t="s">
        <v>84</v>
      </c>
      <c r="B47" s="67">
        <v>48</v>
      </c>
      <c r="C47" s="68">
        <v>23</v>
      </c>
      <c r="D47" s="68">
        <v>25</v>
      </c>
      <c r="E47" s="67">
        <v>0</v>
      </c>
      <c r="F47" s="68">
        <v>0</v>
      </c>
      <c r="G47" s="69">
        <v>0</v>
      </c>
      <c r="H47" s="68">
        <v>280</v>
      </c>
      <c r="I47" s="68">
        <v>153</v>
      </c>
      <c r="J47" s="68">
        <v>127</v>
      </c>
      <c r="K47" s="67">
        <v>232</v>
      </c>
      <c r="L47" s="79">
        <v>130</v>
      </c>
      <c r="M47" s="80">
        <v>102</v>
      </c>
    </row>
    <row r="48" spans="1:13" ht="21" customHeight="1">
      <c r="A48" s="36" t="s">
        <v>86</v>
      </c>
      <c r="B48" s="64">
        <v>7</v>
      </c>
      <c r="C48" s="65">
        <v>-1</v>
      </c>
      <c r="D48" s="65">
        <v>8</v>
      </c>
      <c r="E48" s="64">
        <v>4</v>
      </c>
      <c r="F48" s="65">
        <v>3</v>
      </c>
      <c r="G48" s="66">
        <v>1</v>
      </c>
      <c r="H48" s="65">
        <v>991</v>
      </c>
      <c r="I48" s="65">
        <v>546</v>
      </c>
      <c r="J48" s="65">
        <v>445</v>
      </c>
      <c r="K48" s="64">
        <v>980</v>
      </c>
      <c r="L48" s="77">
        <v>544</v>
      </c>
      <c r="M48" s="78">
        <v>436</v>
      </c>
    </row>
    <row r="49" spans="1:13">
      <c r="A49" s="15" t="s">
        <v>88</v>
      </c>
      <c r="B49" s="67">
        <v>6</v>
      </c>
      <c r="C49" s="68">
        <v>-1</v>
      </c>
      <c r="D49" s="68">
        <v>7</v>
      </c>
      <c r="E49" s="67">
        <v>0</v>
      </c>
      <c r="F49" s="68">
        <v>0</v>
      </c>
      <c r="G49" s="69">
        <v>0</v>
      </c>
      <c r="H49" s="68">
        <v>249</v>
      </c>
      <c r="I49" s="68">
        <v>134</v>
      </c>
      <c r="J49" s="68">
        <v>115</v>
      </c>
      <c r="K49" s="67">
        <v>243</v>
      </c>
      <c r="L49" s="79">
        <v>135</v>
      </c>
      <c r="M49" s="80">
        <v>108</v>
      </c>
    </row>
    <row r="50" spans="1:13">
      <c r="A50" s="15" t="s">
        <v>90</v>
      </c>
      <c r="B50" s="67">
        <v>-14</v>
      </c>
      <c r="C50" s="68">
        <v>-12</v>
      </c>
      <c r="D50" s="68">
        <v>-2</v>
      </c>
      <c r="E50" s="67">
        <v>1</v>
      </c>
      <c r="F50" s="68">
        <v>1</v>
      </c>
      <c r="G50" s="69">
        <v>0</v>
      </c>
      <c r="H50" s="68">
        <v>197</v>
      </c>
      <c r="I50" s="68">
        <v>104</v>
      </c>
      <c r="J50" s="68">
        <v>93</v>
      </c>
      <c r="K50" s="67">
        <v>210</v>
      </c>
      <c r="L50" s="79">
        <v>115</v>
      </c>
      <c r="M50" s="80">
        <v>95</v>
      </c>
    </row>
    <row r="51" spans="1:13">
      <c r="A51" s="15" t="s">
        <v>92</v>
      </c>
      <c r="B51" s="67">
        <v>28</v>
      </c>
      <c r="C51" s="68">
        <v>22</v>
      </c>
      <c r="D51" s="68">
        <v>6</v>
      </c>
      <c r="E51" s="67">
        <v>1</v>
      </c>
      <c r="F51" s="68">
        <v>0</v>
      </c>
      <c r="G51" s="69">
        <v>1</v>
      </c>
      <c r="H51" s="68">
        <v>205</v>
      </c>
      <c r="I51" s="68">
        <v>115</v>
      </c>
      <c r="J51" s="68">
        <v>90</v>
      </c>
      <c r="K51" s="67">
        <v>176</v>
      </c>
      <c r="L51" s="79">
        <v>93</v>
      </c>
      <c r="M51" s="80">
        <v>83</v>
      </c>
    </row>
    <row r="52" spans="1:13">
      <c r="A52" s="15" t="s">
        <v>94</v>
      </c>
      <c r="B52" s="67">
        <v>-14</v>
      </c>
      <c r="C52" s="68">
        <v>-3</v>
      </c>
      <c r="D52" s="68">
        <v>-11</v>
      </c>
      <c r="E52" s="67">
        <v>1</v>
      </c>
      <c r="F52" s="68">
        <v>1</v>
      </c>
      <c r="G52" s="69">
        <v>0</v>
      </c>
      <c r="H52" s="68">
        <v>179</v>
      </c>
      <c r="I52" s="68">
        <v>104</v>
      </c>
      <c r="J52" s="68">
        <v>75</v>
      </c>
      <c r="K52" s="67">
        <v>192</v>
      </c>
      <c r="L52" s="79">
        <v>106</v>
      </c>
      <c r="M52" s="80">
        <v>86</v>
      </c>
    </row>
    <row r="53" spans="1:13">
      <c r="A53" s="15" t="s">
        <v>96</v>
      </c>
      <c r="B53" s="67">
        <v>1</v>
      </c>
      <c r="C53" s="68">
        <v>-7</v>
      </c>
      <c r="D53" s="68">
        <v>8</v>
      </c>
      <c r="E53" s="67">
        <v>1</v>
      </c>
      <c r="F53" s="68">
        <v>1</v>
      </c>
      <c r="G53" s="69">
        <v>0</v>
      </c>
      <c r="H53" s="68">
        <v>161</v>
      </c>
      <c r="I53" s="68">
        <v>89</v>
      </c>
      <c r="J53" s="68">
        <v>72</v>
      </c>
      <c r="K53" s="67">
        <v>159</v>
      </c>
      <c r="L53" s="79">
        <v>95</v>
      </c>
      <c r="M53" s="80">
        <v>64</v>
      </c>
    </row>
    <row r="54" spans="1:13" ht="21" customHeight="1">
      <c r="A54" s="36" t="s">
        <v>98</v>
      </c>
      <c r="B54" s="64">
        <v>-13</v>
      </c>
      <c r="C54" s="65">
        <v>-13</v>
      </c>
      <c r="D54" s="65">
        <v>0</v>
      </c>
      <c r="E54" s="64">
        <v>7</v>
      </c>
      <c r="F54" s="65">
        <v>4</v>
      </c>
      <c r="G54" s="66">
        <v>3</v>
      </c>
      <c r="H54" s="65">
        <v>623</v>
      </c>
      <c r="I54" s="65">
        <v>368</v>
      </c>
      <c r="J54" s="65">
        <v>255</v>
      </c>
      <c r="K54" s="64">
        <v>629</v>
      </c>
      <c r="L54" s="77">
        <v>377</v>
      </c>
      <c r="M54" s="78">
        <v>252</v>
      </c>
    </row>
    <row r="55" spans="1:13">
      <c r="A55" s="15" t="s">
        <v>100</v>
      </c>
      <c r="B55" s="67">
        <v>4</v>
      </c>
      <c r="C55" s="68">
        <v>-6</v>
      </c>
      <c r="D55" s="68">
        <v>10</v>
      </c>
      <c r="E55" s="67">
        <v>2</v>
      </c>
      <c r="F55" s="68">
        <v>1</v>
      </c>
      <c r="G55" s="69">
        <v>1</v>
      </c>
      <c r="H55" s="68">
        <v>142</v>
      </c>
      <c r="I55" s="68">
        <v>80</v>
      </c>
      <c r="J55" s="68">
        <v>62</v>
      </c>
      <c r="K55" s="67">
        <v>136</v>
      </c>
      <c r="L55" s="79">
        <v>85</v>
      </c>
      <c r="M55" s="80">
        <v>51</v>
      </c>
    </row>
    <row r="56" spans="1:13">
      <c r="A56" s="15" t="s">
        <v>102</v>
      </c>
      <c r="B56" s="67">
        <v>2</v>
      </c>
      <c r="C56" s="68">
        <v>-2</v>
      </c>
      <c r="D56" s="68">
        <v>4</v>
      </c>
      <c r="E56" s="67">
        <v>1</v>
      </c>
      <c r="F56" s="68">
        <v>1</v>
      </c>
      <c r="G56" s="69">
        <v>0</v>
      </c>
      <c r="H56" s="68">
        <v>130</v>
      </c>
      <c r="I56" s="68">
        <v>76</v>
      </c>
      <c r="J56" s="68">
        <v>54</v>
      </c>
      <c r="K56" s="67">
        <v>127</v>
      </c>
      <c r="L56" s="79">
        <v>77</v>
      </c>
      <c r="M56" s="80">
        <v>50</v>
      </c>
    </row>
    <row r="57" spans="1:13">
      <c r="A57" s="15" t="s">
        <v>104</v>
      </c>
      <c r="B57" s="67">
        <v>-22</v>
      </c>
      <c r="C57" s="68">
        <v>-12</v>
      </c>
      <c r="D57" s="68">
        <v>-10</v>
      </c>
      <c r="E57" s="67">
        <v>0</v>
      </c>
      <c r="F57" s="68">
        <v>0</v>
      </c>
      <c r="G57" s="69">
        <v>0</v>
      </c>
      <c r="H57" s="68">
        <v>114</v>
      </c>
      <c r="I57" s="68">
        <v>69</v>
      </c>
      <c r="J57" s="68">
        <v>45</v>
      </c>
      <c r="K57" s="67">
        <v>136</v>
      </c>
      <c r="L57" s="79">
        <v>81</v>
      </c>
      <c r="M57" s="80">
        <v>55</v>
      </c>
    </row>
    <row r="58" spans="1:13">
      <c r="A58" s="15" t="s">
        <v>106</v>
      </c>
      <c r="B58" s="67">
        <v>9</v>
      </c>
      <c r="C58" s="68">
        <v>5</v>
      </c>
      <c r="D58" s="68">
        <v>4</v>
      </c>
      <c r="E58" s="67">
        <v>2</v>
      </c>
      <c r="F58" s="68">
        <v>1</v>
      </c>
      <c r="G58" s="69">
        <v>1</v>
      </c>
      <c r="H58" s="68">
        <v>119</v>
      </c>
      <c r="I58" s="68">
        <v>73</v>
      </c>
      <c r="J58" s="68">
        <v>46</v>
      </c>
      <c r="K58" s="67">
        <v>108</v>
      </c>
      <c r="L58" s="79">
        <v>67</v>
      </c>
      <c r="M58" s="80">
        <v>41</v>
      </c>
    </row>
    <row r="59" spans="1:13">
      <c r="A59" s="15" t="s">
        <v>108</v>
      </c>
      <c r="B59" s="67">
        <v>-6</v>
      </c>
      <c r="C59" s="68">
        <v>2</v>
      </c>
      <c r="D59" s="68">
        <v>-8</v>
      </c>
      <c r="E59" s="67">
        <v>2</v>
      </c>
      <c r="F59" s="68">
        <v>1</v>
      </c>
      <c r="G59" s="69">
        <v>1</v>
      </c>
      <c r="H59" s="68">
        <v>118</v>
      </c>
      <c r="I59" s="68">
        <v>70</v>
      </c>
      <c r="J59" s="68">
        <v>48</v>
      </c>
      <c r="K59" s="67">
        <v>122</v>
      </c>
      <c r="L59" s="79">
        <v>67</v>
      </c>
      <c r="M59" s="80">
        <v>55</v>
      </c>
    </row>
    <row r="60" spans="1:13" ht="21" customHeight="1">
      <c r="A60" s="36" t="s">
        <v>110</v>
      </c>
      <c r="B60" s="64">
        <v>16</v>
      </c>
      <c r="C60" s="65">
        <v>-2</v>
      </c>
      <c r="D60" s="65">
        <v>18</v>
      </c>
      <c r="E60" s="64">
        <v>11</v>
      </c>
      <c r="F60" s="65">
        <v>8</v>
      </c>
      <c r="G60" s="66">
        <v>3</v>
      </c>
      <c r="H60" s="65">
        <v>527</v>
      </c>
      <c r="I60" s="65">
        <v>303</v>
      </c>
      <c r="J60" s="65">
        <v>224</v>
      </c>
      <c r="K60" s="64">
        <v>500</v>
      </c>
      <c r="L60" s="77">
        <v>297</v>
      </c>
      <c r="M60" s="78">
        <v>203</v>
      </c>
    </row>
    <row r="61" spans="1:13">
      <c r="A61" s="15" t="s">
        <v>112</v>
      </c>
      <c r="B61" s="67">
        <v>29</v>
      </c>
      <c r="C61" s="68">
        <v>10</v>
      </c>
      <c r="D61" s="68">
        <v>19</v>
      </c>
      <c r="E61" s="67">
        <v>1</v>
      </c>
      <c r="F61" s="68">
        <v>1</v>
      </c>
      <c r="G61" s="69">
        <v>0</v>
      </c>
      <c r="H61" s="68">
        <v>135</v>
      </c>
      <c r="I61" s="68">
        <v>76</v>
      </c>
      <c r="J61" s="68">
        <v>59</v>
      </c>
      <c r="K61" s="67">
        <v>105</v>
      </c>
      <c r="L61" s="79">
        <v>65</v>
      </c>
      <c r="M61" s="80">
        <v>40</v>
      </c>
    </row>
    <row r="62" spans="1:13">
      <c r="A62" s="15" t="s">
        <v>114</v>
      </c>
      <c r="B62" s="67">
        <v>18</v>
      </c>
      <c r="C62" s="68">
        <v>21</v>
      </c>
      <c r="D62" s="68">
        <v>-3</v>
      </c>
      <c r="E62" s="67">
        <v>2</v>
      </c>
      <c r="F62" s="68">
        <v>0</v>
      </c>
      <c r="G62" s="69">
        <v>2</v>
      </c>
      <c r="H62" s="68">
        <v>120</v>
      </c>
      <c r="I62" s="68">
        <v>73</v>
      </c>
      <c r="J62" s="68">
        <v>47</v>
      </c>
      <c r="K62" s="67">
        <v>100</v>
      </c>
      <c r="L62" s="79">
        <v>52</v>
      </c>
      <c r="M62" s="80">
        <v>48</v>
      </c>
    </row>
    <row r="63" spans="1:13">
      <c r="A63" s="15" t="s">
        <v>116</v>
      </c>
      <c r="B63" s="67">
        <v>-14</v>
      </c>
      <c r="C63" s="68">
        <v>-4</v>
      </c>
      <c r="D63" s="68">
        <v>-10</v>
      </c>
      <c r="E63" s="67">
        <v>1</v>
      </c>
      <c r="F63" s="68">
        <v>1</v>
      </c>
      <c r="G63" s="69">
        <v>0</v>
      </c>
      <c r="H63" s="68">
        <v>94</v>
      </c>
      <c r="I63" s="68">
        <v>50</v>
      </c>
      <c r="J63" s="68">
        <v>44</v>
      </c>
      <c r="K63" s="67">
        <v>107</v>
      </c>
      <c r="L63" s="79">
        <v>53</v>
      </c>
      <c r="M63" s="80">
        <v>54</v>
      </c>
    </row>
    <row r="64" spans="1:13">
      <c r="A64" s="15" t="s">
        <v>118</v>
      </c>
      <c r="B64" s="67">
        <v>-6</v>
      </c>
      <c r="C64" s="68">
        <v>-13</v>
      </c>
      <c r="D64" s="68">
        <v>7</v>
      </c>
      <c r="E64" s="67">
        <v>1</v>
      </c>
      <c r="F64" s="68">
        <v>1</v>
      </c>
      <c r="G64" s="69">
        <v>0</v>
      </c>
      <c r="H64" s="68">
        <v>91</v>
      </c>
      <c r="I64" s="68">
        <v>57</v>
      </c>
      <c r="J64" s="68">
        <v>34</v>
      </c>
      <c r="K64" s="67">
        <v>96</v>
      </c>
      <c r="L64" s="79">
        <v>69</v>
      </c>
      <c r="M64" s="80">
        <v>27</v>
      </c>
    </row>
    <row r="65" spans="1:13">
      <c r="A65" s="19" t="s">
        <v>120</v>
      </c>
      <c r="B65" s="70">
        <v>-11</v>
      </c>
      <c r="C65" s="71">
        <v>-16</v>
      </c>
      <c r="D65" s="71">
        <v>5</v>
      </c>
      <c r="E65" s="70">
        <v>6</v>
      </c>
      <c r="F65" s="71">
        <v>5</v>
      </c>
      <c r="G65" s="72">
        <v>1</v>
      </c>
      <c r="H65" s="71">
        <v>87</v>
      </c>
      <c r="I65" s="71">
        <v>47</v>
      </c>
      <c r="J65" s="71">
        <v>40</v>
      </c>
      <c r="K65" s="70">
        <v>92</v>
      </c>
      <c r="L65" s="81">
        <v>58</v>
      </c>
      <c r="M65" s="82">
        <v>34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718</v>
      </c>
      <c r="C69" s="50">
        <v>340</v>
      </c>
      <c r="D69" s="84">
        <v>378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30" t="s">
        <v>151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219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8</v>
      </c>
      <c r="C75" s="65">
        <v>4</v>
      </c>
      <c r="D75" s="65">
        <v>4</v>
      </c>
      <c r="E75" s="64">
        <v>16</v>
      </c>
      <c r="F75" s="65">
        <v>9</v>
      </c>
      <c r="G75" s="66">
        <v>7</v>
      </c>
      <c r="H75" s="65">
        <v>376</v>
      </c>
      <c r="I75" s="65">
        <v>209</v>
      </c>
      <c r="J75" s="65">
        <v>167</v>
      </c>
      <c r="K75" s="64">
        <v>352</v>
      </c>
      <c r="L75" s="77">
        <v>196</v>
      </c>
      <c r="M75" s="78">
        <v>156</v>
      </c>
    </row>
    <row r="76" spans="1:13">
      <c r="A76" s="27" t="s">
        <v>5</v>
      </c>
      <c r="B76" s="67">
        <v>21</v>
      </c>
      <c r="C76" s="68">
        <v>19</v>
      </c>
      <c r="D76" s="68">
        <v>2</v>
      </c>
      <c r="E76" s="67">
        <v>1</v>
      </c>
      <c r="F76" s="68">
        <v>0</v>
      </c>
      <c r="G76" s="69">
        <v>1</v>
      </c>
      <c r="H76" s="68">
        <v>93</v>
      </c>
      <c r="I76" s="68">
        <v>55</v>
      </c>
      <c r="J76" s="68">
        <v>38</v>
      </c>
      <c r="K76" s="67">
        <v>71</v>
      </c>
      <c r="L76" s="79">
        <v>36</v>
      </c>
      <c r="M76" s="80">
        <v>35</v>
      </c>
    </row>
    <row r="77" spans="1:13">
      <c r="A77" s="27" t="s">
        <v>7</v>
      </c>
      <c r="B77" s="67">
        <v>3</v>
      </c>
      <c r="C77" s="68">
        <v>2</v>
      </c>
      <c r="D77" s="68">
        <v>1</v>
      </c>
      <c r="E77" s="67">
        <v>4</v>
      </c>
      <c r="F77" s="68">
        <v>1</v>
      </c>
      <c r="G77" s="69">
        <v>3</v>
      </c>
      <c r="H77" s="68">
        <v>84</v>
      </c>
      <c r="I77" s="68">
        <v>47</v>
      </c>
      <c r="J77" s="68">
        <v>37</v>
      </c>
      <c r="K77" s="67">
        <v>77</v>
      </c>
      <c r="L77" s="79">
        <v>44</v>
      </c>
      <c r="M77" s="80">
        <v>33</v>
      </c>
    </row>
    <row r="78" spans="1:13">
      <c r="A78" s="27" t="s">
        <v>9</v>
      </c>
      <c r="B78" s="67">
        <v>-7</v>
      </c>
      <c r="C78" s="68">
        <v>-3</v>
      </c>
      <c r="D78" s="68">
        <v>-4</v>
      </c>
      <c r="E78" s="67">
        <v>3</v>
      </c>
      <c r="F78" s="68">
        <v>2</v>
      </c>
      <c r="G78" s="69">
        <v>1</v>
      </c>
      <c r="H78" s="68">
        <v>70</v>
      </c>
      <c r="I78" s="68">
        <v>38</v>
      </c>
      <c r="J78" s="68">
        <v>32</v>
      </c>
      <c r="K78" s="67">
        <v>74</v>
      </c>
      <c r="L78" s="79">
        <v>39</v>
      </c>
      <c r="M78" s="80">
        <v>35</v>
      </c>
    </row>
    <row r="79" spans="1:13">
      <c r="A79" s="27" t="s">
        <v>11</v>
      </c>
      <c r="B79" s="67">
        <v>-2</v>
      </c>
      <c r="C79" s="68">
        <v>-3</v>
      </c>
      <c r="D79" s="68">
        <v>1</v>
      </c>
      <c r="E79" s="67">
        <v>2</v>
      </c>
      <c r="F79" s="68">
        <v>2</v>
      </c>
      <c r="G79" s="69">
        <v>0</v>
      </c>
      <c r="H79" s="68">
        <v>64</v>
      </c>
      <c r="I79" s="68">
        <v>35</v>
      </c>
      <c r="J79" s="68">
        <v>29</v>
      </c>
      <c r="K79" s="67">
        <v>64</v>
      </c>
      <c r="L79" s="79">
        <v>36</v>
      </c>
      <c r="M79" s="80">
        <v>28</v>
      </c>
    </row>
    <row r="80" spans="1:13">
      <c r="A80" s="27" t="s">
        <v>13</v>
      </c>
      <c r="B80" s="67">
        <v>-7</v>
      </c>
      <c r="C80" s="68">
        <v>-11</v>
      </c>
      <c r="D80" s="68">
        <v>4</v>
      </c>
      <c r="E80" s="67">
        <v>6</v>
      </c>
      <c r="F80" s="68">
        <v>4</v>
      </c>
      <c r="G80" s="69">
        <v>2</v>
      </c>
      <c r="H80" s="68">
        <v>65</v>
      </c>
      <c r="I80" s="68">
        <v>34</v>
      </c>
      <c r="J80" s="68">
        <v>31</v>
      </c>
      <c r="K80" s="67">
        <v>66</v>
      </c>
      <c r="L80" s="79">
        <v>41</v>
      </c>
      <c r="M80" s="80">
        <v>25</v>
      </c>
    </row>
    <row r="81" spans="1:13" ht="21" customHeight="1">
      <c r="A81" s="38" t="s">
        <v>15</v>
      </c>
      <c r="B81" s="64">
        <v>-35</v>
      </c>
      <c r="C81" s="65">
        <v>-30</v>
      </c>
      <c r="D81" s="65">
        <v>-5</v>
      </c>
      <c r="E81" s="64">
        <v>26</v>
      </c>
      <c r="F81" s="65">
        <v>15</v>
      </c>
      <c r="G81" s="66">
        <v>11</v>
      </c>
      <c r="H81" s="65">
        <v>249</v>
      </c>
      <c r="I81" s="65">
        <v>141</v>
      </c>
      <c r="J81" s="65">
        <v>108</v>
      </c>
      <c r="K81" s="64">
        <v>258</v>
      </c>
      <c r="L81" s="77">
        <v>156</v>
      </c>
      <c r="M81" s="78">
        <v>102</v>
      </c>
    </row>
    <row r="82" spans="1:13">
      <c r="A82" s="27" t="s">
        <v>17</v>
      </c>
      <c r="B82" s="67">
        <v>1</v>
      </c>
      <c r="C82" s="68">
        <v>5</v>
      </c>
      <c r="D82" s="68">
        <v>-4</v>
      </c>
      <c r="E82" s="67">
        <v>2</v>
      </c>
      <c r="F82" s="68">
        <v>2</v>
      </c>
      <c r="G82" s="69">
        <v>0</v>
      </c>
      <c r="H82" s="68">
        <v>61</v>
      </c>
      <c r="I82" s="68">
        <v>38</v>
      </c>
      <c r="J82" s="68">
        <v>23</v>
      </c>
      <c r="K82" s="67">
        <v>58</v>
      </c>
      <c r="L82" s="79">
        <v>31</v>
      </c>
      <c r="M82" s="80">
        <v>27</v>
      </c>
    </row>
    <row r="83" spans="1:13">
      <c r="A83" s="27" t="s">
        <v>19</v>
      </c>
      <c r="B83" s="67">
        <v>-11</v>
      </c>
      <c r="C83" s="68">
        <v>-12</v>
      </c>
      <c r="D83" s="68">
        <v>1</v>
      </c>
      <c r="E83" s="67">
        <v>6</v>
      </c>
      <c r="F83" s="68">
        <v>3</v>
      </c>
      <c r="G83" s="69">
        <v>3</v>
      </c>
      <c r="H83" s="68">
        <v>45</v>
      </c>
      <c r="I83" s="68">
        <v>23</v>
      </c>
      <c r="J83" s="68">
        <v>22</v>
      </c>
      <c r="K83" s="67">
        <v>50</v>
      </c>
      <c r="L83" s="79">
        <v>32</v>
      </c>
      <c r="M83" s="80">
        <v>18</v>
      </c>
    </row>
    <row r="84" spans="1:13">
      <c r="A84" s="27" t="s">
        <v>21</v>
      </c>
      <c r="B84" s="67">
        <v>-2</v>
      </c>
      <c r="C84" s="68">
        <v>-4</v>
      </c>
      <c r="D84" s="68">
        <v>2</v>
      </c>
      <c r="E84" s="67">
        <v>4</v>
      </c>
      <c r="F84" s="68">
        <v>4</v>
      </c>
      <c r="G84" s="69">
        <v>0</v>
      </c>
      <c r="H84" s="68">
        <v>56</v>
      </c>
      <c r="I84" s="68">
        <v>31</v>
      </c>
      <c r="J84" s="68">
        <v>25</v>
      </c>
      <c r="K84" s="67">
        <v>54</v>
      </c>
      <c r="L84" s="79">
        <v>31</v>
      </c>
      <c r="M84" s="80">
        <v>23</v>
      </c>
    </row>
    <row r="85" spans="1:13">
      <c r="A85" s="27" t="s">
        <v>23</v>
      </c>
      <c r="B85" s="67">
        <v>-14</v>
      </c>
      <c r="C85" s="68">
        <v>-16</v>
      </c>
      <c r="D85" s="68">
        <v>2</v>
      </c>
      <c r="E85" s="67">
        <v>9</v>
      </c>
      <c r="F85" s="68">
        <v>5</v>
      </c>
      <c r="G85" s="69">
        <v>4</v>
      </c>
      <c r="H85" s="68">
        <v>52</v>
      </c>
      <c r="I85" s="68">
        <v>29</v>
      </c>
      <c r="J85" s="68">
        <v>23</v>
      </c>
      <c r="K85" s="67">
        <v>57</v>
      </c>
      <c r="L85" s="79">
        <v>40</v>
      </c>
      <c r="M85" s="80">
        <v>17</v>
      </c>
    </row>
    <row r="86" spans="1:13">
      <c r="A86" s="27" t="s">
        <v>25</v>
      </c>
      <c r="B86" s="67">
        <v>-9</v>
      </c>
      <c r="C86" s="68">
        <v>-3</v>
      </c>
      <c r="D86" s="68">
        <v>-6</v>
      </c>
      <c r="E86" s="67">
        <v>5</v>
      </c>
      <c r="F86" s="68">
        <v>1</v>
      </c>
      <c r="G86" s="69">
        <v>4</v>
      </c>
      <c r="H86" s="68">
        <v>35</v>
      </c>
      <c r="I86" s="68">
        <v>20</v>
      </c>
      <c r="J86" s="68">
        <v>15</v>
      </c>
      <c r="K86" s="67">
        <v>39</v>
      </c>
      <c r="L86" s="79">
        <v>22</v>
      </c>
      <c r="M86" s="80">
        <v>17</v>
      </c>
    </row>
    <row r="87" spans="1:13" ht="21" customHeight="1">
      <c r="A87" s="38" t="s">
        <v>27</v>
      </c>
      <c r="B87" s="64">
        <v>-73</v>
      </c>
      <c r="C87" s="65">
        <v>-45</v>
      </c>
      <c r="D87" s="65">
        <v>-28</v>
      </c>
      <c r="E87" s="64">
        <v>45</v>
      </c>
      <c r="F87" s="65">
        <v>31</v>
      </c>
      <c r="G87" s="66">
        <v>14</v>
      </c>
      <c r="H87" s="65">
        <v>152</v>
      </c>
      <c r="I87" s="65">
        <v>87</v>
      </c>
      <c r="J87" s="65">
        <v>65</v>
      </c>
      <c r="K87" s="64">
        <v>180</v>
      </c>
      <c r="L87" s="77">
        <v>101</v>
      </c>
      <c r="M87" s="78">
        <v>79</v>
      </c>
    </row>
    <row r="88" spans="1:13">
      <c r="A88" s="27" t="s">
        <v>29</v>
      </c>
      <c r="B88" s="67">
        <v>-18</v>
      </c>
      <c r="C88" s="68">
        <v>-16</v>
      </c>
      <c r="D88" s="68">
        <v>-2</v>
      </c>
      <c r="E88" s="67">
        <v>12</v>
      </c>
      <c r="F88" s="68">
        <v>10</v>
      </c>
      <c r="G88" s="69">
        <v>2</v>
      </c>
      <c r="H88" s="68">
        <v>47</v>
      </c>
      <c r="I88" s="68">
        <v>26</v>
      </c>
      <c r="J88" s="68">
        <v>21</v>
      </c>
      <c r="K88" s="67">
        <v>53</v>
      </c>
      <c r="L88" s="79">
        <v>32</v>
      </c>
      <c r="M88" s="80">
        <v>21</v>
      </c>
    </row>
    <row r="89" spans="1:13">
      <c r="A89" s="27" t="s">
        <v>31</v>
      </c>
      <c r="B89" s="67">
        <v>-3</v>
      </c>
      <c r="C89" s="68">
        <v>3</v>
      </c>
      <c r="D89" s="68">
        <v>-6</v>
      </c>
      <c r="E89" s="67">
        <v>5</v>
      </c>
      <c r="F89" s="68">
        <v>1</v>
      </c>
      <c r="G89" s="69">
        <v>4</v>
      </c>
      <c r="H89" s="68">
        <v>41</v>
      </c>
      <c r="I89" s="68">
        <v>22</v>
      </c>
      <c r="J89" s="68">
        <v>19</v>
      </c>
      <c r="K89" s="67">
        <v>39</v>
      </c>
      <c r="L89" s="79">
        <v>18</v>
      </c>
      <c r="M89" s="80">
        <v>21</v>
      </c>
    </row>
    <row r="90" spans="1:13">
      <c r="A90" s="27" t="s">
        <v>33</v>
      </c>
      <c r="B90" s="67">
        <v>-12</v>
      </c>
      <c r="C90" s="68">
        <v>-7</v>
      </c>
      <c r="D90" s="68">
        <v>-5</v>
      </c>
      <c r="E90" s="67">
        <v>11</v>
      </c>
      <c r="F90" s="68">
        <v>8</v>
      </c>
      <c r="G90" s="69">
        <v>3</v>
      </c>
      <c r="H90" s="68">
        <v>30</v>
      </c>
      <c r="I90" s="68">
        <v>20</v>
      </c>
      <c r="J90" s="68">
        <v>10</v>
      </c>
      <c r="K90" s="67">
        <v>31</v>
      </c>
      <c r="L90" s="79">
        <v>19</v>
      </c>
      <c r="M90" s="80">
        <v>12</v>
      </c>
    </row>
    <row r="91" spans="1:13">
      <c r="A91" s="27" t="s">
        <v>35</v>
      </c>
      <c r="B91" s="67">
        <v>-14</v>
      </c>
      <c r="C91" s="68">
        <v>-3</v>
      </c>
      <c r="D91" s="68">
        <v>-11</v>
      </c>
      <c r="E91" s="67">
        <v>8</v>
      </c>
      <c r="F91" s="68">
        <v>5</v>
      </c>
      <c r="G91" s="69">
        <v>3</v>
      </c>
      <c r="H91" s="68">
        <v>15</v>
      </c>
      <c r="I91" s="68">
        <v>9</v>
      </c>
      <c r="J91" s="68">
        <v>6</v>
      </c>
      <c r="K91" s="67">
        <v>21</v>
      </c>
      <c r="L91" s="79">
        <v>7</v>
      </c>
      <c r="M91" s="80">
        <v>14</v>
      </c>
    </row>
    <row r="92" spans="1:13">
      <c r="A92" s="27" t="s">
        <v>37</v>
      </c>
      <c r="B92" s="67">
        <v>-26</v>
      </c>
      <c r="C92" s="68">
        <v>-22</v>
      </c>
      <c r="D92" s="68">
        <v>-4</v>
      </c>
      <c r="E92" s="67">
        <v>9</v>
      </c>
      <c r="F92" s="68">
        <v>7</v>
      </c>
      <c r="G92" s="69">
        <v>2</v>
      </c>
      <c r="H92" s="68">
        <v>19</v>
      </c>
      <c r="I92" s="68">
        <v>10</v>
      </c>
      <c r="J92" s="68">
        <v>9</v>
      </c>
      <c r="K92" s="67">
        <v>36</v>
      </c>
      <c r="L92" s="79">
        <v>25</v>
      </c>
      <c r="M92" s="80">
        <v>11</v>
      </c>
    </row>
    <row r="93" spans="1:13" ht="21" customHeight="1">
      <c r="A93" s="38" t="s">
        <v>39</v>
      </c>
      <c r="B93" s="64">
        <v>-74</v>
      </c>
      <c r="C93" s="65">
        <v>-50</v>
      </c>
      <c r="D93" s="65">
        <v>-24</v>
      </c>
      <c r="E93" s="64">
        <v>36</v>
      </c>
      <c r="F93" s="65">
        <v>24</v>
      </c>
      <c r="G93" s="66">
        <v>12</v>
      </c>
      <c r="H93" s="65">
        <v>83</v>
      </c>
      <c r="I93" s="65">
        <v>45</v>
      </c>
      <c r="J93" s="65">
        <v>38</v>
      </c>
      <c r="K93" s="64">
        <v>121</v>
      </c>
      <c r="L93" s="77">
        <v>71</v>
      </c>
      <c r="M93" s="78">
        <v>50</v>
      </c>
    </row>
    <row r="94" spans="1:13">
      <c r="A94" s="27" t="s">
        <v>41</v>
      </c>
      <c r="B94" s="67">
        <v>-22</v>
      </c>
      <c r="C94" s="68">
        <v>-14</v>
      </c>
      <c r="D94" s="68">
        <v>-8</v>
      </c>
      <c r="E94" s="67">
        <v>7</v>
      </c>
      <c r="F94" s="68">
        <v>5</v>
      </c>
      <c r="G94" s="69">
        <v>2</v>
      </c>
      <c r="H94" s="68">
        <v>14</v>
      </c>
      <c r="I94" s="68">
        <v>9</v>
      </c>
      <c r="J94" s="68">
        <v>5</v>
      </c>
      <c r="K94" s="67">
        <v>29</v>
      </c>
      <c r="L94" s="79">
        <v>18</v>
      </c>
      <c r="M94" s="80">
        <v>11</v>
      </c>
    </row>
    <row r="95" spans="1:13">
      <c r="A95" s="27" t="s">
        <v>43</v>
      </c>
      <c r="B95" s="67">
        <v>-8</v>
      </c>
      <c r="C95" s="68">
        <v>-7</v>
      </c>
      <c r="D95" s="68">
        <v>-1</v>
      </c>
      <c r="E95" s="67">
        <v>6</v>
      </c>
      <c r="F95" s="68">
        <v>4</v>
      </c>
      <c r="G95" s="69">
        <v>2</v>
      </c>
      <c r="H95" s="68">
        <v>19</v>
      </c>
      <c r="I95" s="68">
        <v>10</v>
      </c>
      <c r="J95" s="68">
        <v>9</v>
      </c>
      <c r="K95" s="67">
        <v>21</v>
      </c>
      <c r="L95" s="79">
        <v>13</v>
      </c>
      <c r="M95" s="80">
        <v>8</v>
      </c>
    </row>
    <row r="96" spans="1:13">
      <c r="A96" s="27" t="s">
        <v>45</v>
      </c>
      <c r="B96" s="67">
        <v>-10</v>
      </c>
      <c r="C96" s="68">
        <v>-12</v>
      </c>
      <c r="D96" s="68">
        <v>2</v>
      </c>
      <c r="E96" s="67">
        <v>6</v>
      </c>
      <c r="F96" s="68">
        <v>4</v>
      </c>
      <c r="G96" s="69">
        <v>2</v>
      </c>
      <c r="H96" s="68">
        <v>24</v>
      </c>
      <c r="I96" s="68">
        <v>10</v>
      </c>
      <c r="J96" s="68">
        <v>14</v>
      </c>
      <c r="K96" s="67">
        <v>28</v>
      </c>
      <c r="L96" s="79">
        <v>18</v>
      </c>
      <c r="M96" s="80">
        <v>10</v>
      </c>
    </row>
    <row r="97" spans="1:13">
      <c r="A97" s="27" t="s">
        <v>47</v>
      </c>
      <c r="B97" s="67">
        <v>-22</v>
      </c>
      <c r="C97" s="68">
        <v>-8</v>
      </c>
      <c r="D97" s="68">
        <v>-14</v>
      </c>
      <c r="E97" s="67">
        <v>8</v>
      </c>
      <c r="F97" s="68">
        <v>5</v>
      </c>
      <c r="G97" s="69">
        <v>3</v>
      </c>
      <c r="H97" s="68">
        <v>7</v>
      </c>
      <c r="I97" s="68">
        <v>6</v>
      </c>
      <c r="J97" s="68">
        <v>1</v>
      </c>
      <c r="K97" s="67">
        <v>21</v>
      </c>
      <c r="L97" s="79">
        <v>9</v>
      </c>
      <c r="M97" s="80">
        <v>12</v>
      </c>
    </row>
    <row r="98" spans="1:13">
      <c r="A98" s="27" t="s">
        <v>49</v>
      </c>
      <c r="B98" s="67">
        <v>-12</v>
      </c>
      <c r="C98" s="68">
        <v>-9</v>
      </c>
      <c r="D98" s="68">
        <v>-3</v>
      </c>
      <c r="E98" s="67">
        <v>9</v>
      </c>
      <c r="F98" s="68">
        <v>6</v>
      </c>
      <c r="G98" s="69">
        <v>3</v>
      </c>
      <c r="H98" s="68">
        <v>19</v>
      </c>
      <c r="I98" s="68">
        <v>10</v>
      </c>
      <c r="J98" s="68">
        <v>9</v>
      </c>
      <c r="K98" s="67">
        <v>22</v>
      </c>
      <c r="L98" s="79">
        <v>13</v>
      </c>
      <c r="M98" s="80">
        <v>9</v>
      </c>
    </row>
    <row r="99" spans="1:13" ht="21" customHeight="1">
      <c r="A99" s="38" t="s">
        <v>51</v>
      </c>
      <c r="B99" s="64">
        <v>-100</v>
      </c>
      <c r="C99" s="65">
        <v>-64</v>
      </c>
      <c r="D99" s="65">
        <v>-36</v>
      </c>
      <c r="E99" s="64">
        <v>81</v>
      </c>
      <c r="F99" s="65">
        <v>54</v>
      </c>
      <c r="G99" s="66">
        <v>27</v>
      </c>
      <c r="H99" s="65">
        <v>81</v>
      </c>
      <c r="I99" s="65">
        <v>40</v>
      </c>
      <c r="J99" s="65">
        <v>41</v>
      </c>
      <c r="K99" s="64">
        <v>100</v>
      </c>
      <c r="L99" s="77">
        <v>50</v>
      </c>
      <c r="M99" s="78">
        <v>50</v>
      </c>
    </row>
    <row r="100" spans="1:13">
      <c r="A100" s="27" t="s">
        <v>53</v>
      </c>
      <c r="B100" s="67">
        <v>-12</v>
      </c>
      <c r="C100" s="68">
        <v>-8</v>
      </c>
      <c r="D100" s="68">
        <v>-4</v>
      </c>
      <c r="E100" s="67">
        <v>16</v>
      </c>
      <c r="F100" s="68">
        <v>11</v>
      </c>
      <c r="G100" s="69">
        <v>5</v>
      </c>
      <c r="H100" s="68">
        <v>23</v>
      </c>
      <c r="I100" s="68">
        <v>13</v>
      </c>
      <c r="J100" s="68">
        <v>10</v>
      </c>
      <c r="K100" s="67">
        <v>19</v>
      </c>
      <c r="L100" s="79">
        <v>10</v>
      </c>
      <c r="M100" s="80">
        <v>9</v>
      </c>
    </row>
    <row r="101" spans="1:13">
      <c r="A101" s="27" t="s">
        <v>55</v>
      </c>
      <c r="B101" s="67">
        <v>-21</v>
      </c>
      <c r="C101" s="68">
        <v>-9</v>
      </c>
      <c r="D101" s="68">
        <v>-12</v>
      </c>
      <c r="E101" s="67">
        <v>10</v>
      </c>
      <c r="F101" s="68">
        <v>6</v>
      </c>
      <c r="G101" s="69">
        <v>4</v>
      </c>
      <c r="H101" s="68">
        <v>12</v>
      </c>
      <c r="I101" s="68">
        <v>8</v>
      </c>
      <c r="J101" s="68">
        <v>4</v>
      </c>
      <c r="K101" s="67">
        <v>23</v>
      </c>
      <c r="L101" s="79">
        <v>11</v>
      </c>
      <c r="M101" s="80">
        <v>12</v>
      </c>
    </row>
    <row r="102" spans="1:13">
      <c r="A102" s="27" t="s">
        <v>57</v>
      </c>
      <c r="B102" s="67">
        <v>-16</v>
      </c>
      <c r="C102" s="68">
        <v>-15</v>
      </c>
      <c r="D102" s="68">
        <v>-1</v>
      </c>
      <c r="E102" s="67">
        <v>9</v>
      </c>
      <c r="F102" s="68">
        <v>6</v>
      </c>
      <c r="G102" s="69">
        <v>3</v>
      </c>
      <c r="H102" s="68">
        <v>15</v>
      </c>
      <c r="I102" s="68">
        <v>6</v>
      </c>
      <c r="J102" s="68">
        <v>9</v>
      </c>
      <c r="K102" s="67">
        <v>22</v>
      </c>
      <c r="L102" s="79">
        <v>15</v>
      </c>
      <c r="M102" s="80">
        <v>7</v>
      </c>
    </row>
    <row r="103" spans="1:13">
      <c r="A103" s="27" t="s">
        <v>59</v>
      </c>
      <c r="B103" s="67">
        <v>-25</v>
      </c>
      <c r="C103" s="68">
        <v>-17</v>
      </c>
      <c r="D103" s="68">
        <v>-8</v>
      </c>
      <c r="E103" s="67">
        <v>26</v>
      </c>
      <c r="F103" s="68">
        <v>19</v>
      </c>
      <c r="G103" s="69">
        <v>7</v>
      </c>
      <c r="H103" s="68">
        <v>14</v>
      </c>
      <c r="I103" s="68">
        <v>6</v>
      </c>
      <c r="J103" s="68">
        <v>8</v>
      </c>
      <c r="K103" s="67">
        <v>13</v>
      </c>
      <c r="L103" s="79">
        <v>4</v>
      </c>
      <c r="M103" s="80">
        <v>9</v>
      </c>
    </row>
    <row r="104" spans="1:13">
      <c r="A104" s="27" t="s">
        <v>61</v>
      </c>
      <c r="B104" s="67">
        <v>-26</v>
      </c>
      <c r="C104" s="68">
        <v>-15</v>
      </c>
      <c r="D104" s="68">
        <v>-11</v>
      </c>
      <c r="E104" s="67">
        <v>20</v>
      </c>
      <c r="F104" s="68">
        <v>12</v>
      </c>
      <c r="G104" s="69">
        <v>8</v>
      </c>
      <c r="H104" s="68">
        <v>17</v>
      </c>
      <c r="I104" s="68">
        <v>7</v>
      </c>
      <c r="J104" s="68">
        <v>10</v>
      </c>
      <c r="K104" s="67">
        <v>23</v>
      </c>
      <c r="L104" s="79">
        <v>10</v>
      </c>
      <c r="M104" s="80">
        <v>13</v>
      </c>
    </row>
    <row r="105" spans="1:13" ht="21" customHeight="1">
      <c r="A105" s="38" t="s">
        <v>63</v>
      </c>
      <c r="B105" s="64">
        <v>-103</v>
      </c>
      <c r="C105" s="65">
        <v>-77</v>
      </c>
      <c r="D105" s="65">
        <v>-26</v>
      </c>
      <c r="E105" s="64">
        <v>87</v>
      </c>
      <c r="F105" s="65">
        <v>62</v>
      </c>
      <c r="G105" s="66">
        <v>25</v>
      </c>
      <c r="H105" s="65">
        <v>50</v>
      </c>
      <c r="I105" s="65">
        <v>23</v>
      </c>
      <c r="J105" s="65">
        <v>27</v>
      </c>
      <c r="K105" s="64">
        <v>66</v>
      </c>
      <c r="L105" s="77">
        <v>38</v>
      </c>
      <c r="M105" s="78">
        <v>28</v>
      </c>
    </row>
    <row r="106" spans="1:13">
      <c r="A106" s="27" t="s">
        <v>65</v>
      </c>
      <c r="B106" s="67">
        <v>-15</v>
      </c>
      <c r="C106" s="68">
        <v>-9</v>
      </c>
      <c r="D106" s="68">
        <v>-6</v>
      </c>
      <c r="E106" s="67">
        <v>18</v>
      </c>
      <c r="F106" s="68">
        <v>10</v>
      </c>
      <c r="G106" s="69">
        <v>8</v>
      </c>
      <c r="H106" s="68">
        <v>16</v>
      </c>
      <c r="I106" s="68">
        <v>8</v>
      </c>
      <c r="J106" s="68">
        <v>8</v>
      </c>
      <c r="K106" s="67">
        <v>13</v>
      </c>
      <c r="L106" s="79">
        <v>7</v>
      </c>
      <c r="M106" s="80">
        <v>6</v>
      </c>
    </row>
    <row r="107" spans="1:13">
      <c r="A107" s="27" t="s">
        <v>67</v>
      </c>
      <c r="B107" s="67">
        <v>-23</v>
      </c>
      <c r="C107" s="68">
        <v>-21</v>
      </c>
      <c r="D107" s="68">
        <v>-2</v>
      </c>
      <c r="E107" s="67">
        <v>16</v>
      </c>
      <c r="F107" s="68">
        <v>13</v>
      </c>
      <c r="G107" s="69">
        <v>3</v>
      </c>
      <c r="H107" s="68">
        <v>9</v>
      </c>
      <c r="I107" s="68">
        <v>4</v>
      </c>
      <c r="J107" s="68">
        <v>5</v>
      </c>
      <c r="K107" s="67">
        <v>16</v>
      </c>
      <c r="L107" s="79">
        <v>12</v>
      </c>
      <c r="M107" s="80">
        <v>4</v>
      </c>
    </row>
    <row r="108" spans="1:13">
      <c r="A108" s="27" t="s">
        <v>69</v>
      </c>
      <c r="B108" s="67">
        <v>-15</v>
      </c>
      <c r="C108" s="68">
        <v>-14</v>
      </c>
      <c r="D108" s="68">
        <v>-1</v>
      </c>
      <c r="E108" s="67">
        <v>16</v>
      </c>
      <c r="F108" s="68">
        <v>14</v>
      </c>
      <c r="G108" s="69">
        <v>2</v>
      </c>
      <c r="H108" s="68">
        <v>9</v>
      </c>
      <c r="I108" s="68">
        <v>5</v>
      </c>
      <c r="J108" s="68">
        <v>4</v>
      </c>
      <c r="K108" s="67">
        <v>8</v>
      </c>
      <c r="L108" s="79">
        <v>5</v>
      </c>
      <c r="M108" s="80">
        <v>3</v>
      </c>
    </row>
    <row r="109" spans="1:13">
      <c r="A109" s="27" t="s">
        <v>71</v>
      </c>
      <c r="B109" s="67">
        <v>-26</v>
      </c>
      <c r="C109" s="68">
        <v>-19</v>
      </c>
      <c r="D109" s="68">
        <v>-7</v>
      </c>
      <c r="E109" s="67">
        <v>19</v>
      </c>
      <c r="F109" s="68">
        <v>14</v>
      </c>
      <c r="G109" s="69">
        <v>5</v>
      </c>
      <c r="H109" s="68">
        <v>9</v>
      </c>
      <c r="I109" s="68">
        <v>2</v>
      </c>
      <c r="J109" s="68">
        <v>7</v>
      </c>
      <c r="K109" s="67">
        <v>16</v>
      </c>
      <c r="L109" s="79">
        <v>7</v>
      </c>
      <c r="M109" s="80">
        <v>9</v>
      </c>
    </row>
    <row r="110" spans="1:13">
      <c r="A110" s="27" t="s">
        <v>73</v>
      </c>
      <c r="B110" s="67">
        <v>-24</v>
      </c>
      <c r="C110" s="68">
        <v>-14</v>
      </c>
      <c r="D110" s="68">
        <v>-10</v>
      </c>
      <c r="E110" s="67">
        <v>18</v>
      </c>
      <c r="F110" s="68">
        <v>11</v>
      </c>
      <c r="G110" s="69">
        <v>7</v>
      </c>
      <c r="H110" s="68">
        <v>7</v>
      </c>
      <c r="I110" s="68">
        <v>4</v>
      </c>
      <c r="J110" s="68">
        <v>3</v>
      </c>
      <c r="K110" s="67">
        <v>13</v>
      </c>
      <c r="L110" s="79">
        <v>7</v>
      </c>
      <c r="M110" s="80">
        <v>6</v>
      </c>
    </row>
    <row r="111" spans="1:13" ht="21" customHeight="1">
      <c r="A111" s="38" t="s">
        <v>75</v>
      </c>
      <c r="B111" s="64">
        <v>-130</v>
      </c>
      <c r="C111" s="65">
        <v>-78</v>
      </c>
      <c r="D111" s="65">
        <v>-52</v>
      </c>
      <c r="E111" s="64">
        <v>134</v>
      </c>
      <c r="F111" s="65">
        <v>78</v>
      </c>
      <c r="G111" s="66">
        <v>56</v>
      </c>
      <c r="H111" s="65">
        <v>62</v>
      </c>
      <c r="I111" s="65">
        <v>24</v>
      </c>
      <c r="J111" s="65">
        <v>38</v>
      </c>
      <c r="K111" s="64">
        <v>58</v>
      </c>
      <c r="L111" s="77">
        <v>24</v>
      </c>
      <c r="M111" s="78">
        <v>34</v>
      </c>
    </row>
    <row r="112" spans="1:13">
      <c r="A112" s="27" t="s">
        <v>77</v>
      </c>
      <c r="B112" s="67">
        <v>-34</v>
      </c>
      <c r="C112" s="68">
        <v>-25</v>
      </c>
      <c r="D112" s="68">
        <v>-9</v>
      </c>
      <c r="E112" s="67">
        <v>27</v>
      </c>
      <c r="F112" s="68">
        <v>17</v>
      </c>
      <c r="G112" s="69">
        <v>10</v>
      </c>
      <c r="H112" s="68">
        <v>12</v>
      </c>
      <c r="I112" s="68">
        <v>3</v>
      </c>
      <c r="J112" s="68">
        <v>9</v>
      </c>
      <c r="K112" s="67">
        <v>19</v>
      </c>
      <c r="L112" s="79">
        <v>11</v>
      </c>
      <c r="M112" s="80">
        <v>8</v>
      </c>
    </row>
    <row r="113" spans="1:13">
      <c r="A113" s="27" t="s">
        <v>79</v>
      </c>
      <c r="B113" s="67">
        <v>-25</v>
      </c>
      <c r="C113" s="68">
        <v>-16</v>
      </c>
      <c r="D113" s="68">
        <v>-9</v>
      </c>
      <c r="E113" s="67">
        <v>24</v>
      </c>
      <c r="F113" s="68">
        <v>16</v>
      </c>
      <c r="G113" s="69">
        <v>8</v>
      </c>
      <c r="H113" s="68">
        <v>16</v>
      </c>
      <c r="I113" s="68">
        <v>7</v>
      </c>
      <c r="J113" s="68">
        <v>9</v>
      </c>
      <c r="K113" s="67">
        <v>17</v>
      </c>
      <c r="L113" s="79">
        <v>7</v>
      </c>
      <c r="M113" s="80">
        <v>10</v>
      </c>
    </row>
    <row r="114" spans="1:13">
      <c r="A114" s="27" t="s">
        <v>81</v>
      </c>
      <c r="B114" s="67">
        <v>-24</v>
      </c>
      <c r="C114" s="68">
        <v>-9</v>
      </c>
      <c r="D114" s="68">
        <v>-15</v>
      </c>
      <c r="E114" s="67">
        <v>26</v>
      </c>
      <c r="F114" s="68">
        <v>14</v>
      </c>
      <c r="G114" s="69">
        <v>12</v>
      </c>
      <c r="H114" s="68">
        <v>12</v>
      </c>
      <c r="I114" s="68">
        <v>7</v>
      </c>
      <c r="J114" s="68">
        <v>5</v>
      </c>
      <c r="K114" s="67">
        <v>10</v>
      </c>
      <c r="L114" s="79">
        <v>2</v>
      </c>
      <c r="M114" s="80">
        <v>8</v>
      </c>
    </row>
    <row r="115" spans="1:13">
      <c r="A115" s="27" t="s">
        <v>83</v>
      </c>
      <c r="B115" s="67">
        <v>-29</v>
      </c>
      <c r="C115" s="68">
        <v>-18</v>
      </c>
      <c r="D115" s="68">
        <v>-11</v>
      </c>
      <c r="E115" s="67">
        <v>31</v>
      </c>
      <c r="F115" s="68">
        <v>19</v>
      </c>
      <c r="G115" s="69">
        <v>12</v>
      </c>
      <c r="H115" s="68">
        <v>9</v>
      </c>
      <c r="I115" s="68">
        <v>4</v>
      </c>
      <c r="J115" s="68">
        <v>5</v>
      </c>
      <c r="K115" s="67">
        <v>7</v>
      </c>
      <c r="L115" s="79">
        <v>3</v>
      </c>
      <c r="M115" s="80">
        <v>4</v>
      </c>
    </row>
    <row r="116" spans="1:13">
      <c r="A116" s="27" t="s">
        <v>85</v>
      </c>
      <c r="B116" s="67">
        <v>-18</v>
      </c>
      <c r="C116" s="68">
        <v>-10</v>
      </c>
      <c r="D116" s="68">
        <v>-8</v>
      </c>
      <c r="E116" s="67">
        <v>26</v>
      </c>
      <c r="F116" s="68">
        <v>12</v>
      </c>
      <c r="G116" s="69">
        <v>14</v>
      </c>
      <c r="H116" s="68">
        <v>13</v>
      </c>
      <c r="I116" s="68">
        <v>3</v>
      </c>
      <c r="J116" s="68">
        <v>10</v>
      </c>
      <c r="K116" s="67">
        <v>5</v>
      </c>
      <c r="L116" s="79">
        <v>1</v>
      </c>
      <c r="M116" s="80">
        <v>4</v>
      </c>
    </row>
    <row r="117" spans="1:13" ht="21" customHeight="1">
      <c r="A117" s="38" t="s">
        <v>87</v>
      </c>
      <c r="B117" s="64">
        <v>-159</v>
      </c>
      <c r="C117" s="65">
        <v>-78</v>
      </c>
      <c r="D117" s="65">
        <v>-81</v>
      </c>
      <c r="E117" s="64">
        <v>154</v>
      </c>
      <c r="F117" s="65">
        <v>76</v>
      </c>
      <c r="G117" s="66">
        <v>78</v>
      </c>
      <c r="H117" s="65">
        <v>54</v>
      </c>
      <c r="I117" s="65">
        <v>14</v>
      </c>
      <c r="J117" s="65">
        <v>40</v>
      </c>
      <c r="K117" s="64">
        <v>59</v>
      </c>
      <c r="L117" s="77">
        <v>16</v>
      </c>
      <c r="M117" s="78">
        <v>43</v>
      </c>
    </row>
    <row r="118" spans="1:13">
      <c r="A118" s="27" t="s">
        <v>89</v>
      </c>
      <c r="B118" s="67">
        <v>-27</v>
      </c>
      <c r="C118" s="68">
        <v>-10</v>
      </c>
      <c r="D118" s="68">
        <v>-17</v>
      </c>
      <c r="E118" s="67">
        <v>31</v>
      </c>
      <c r="F118" s="68">
        <v>15</v>
      </c>
      <c r="G118" s="69">
        <v>16</v>
      </c>
      <c r="H118" s="68">
        <v>13</v>
      </c>
      <c r="I118" s="68">
        <v>5</v>
      </c>
      <c r="J118" s="68">
        <v>8</v>
      </c>
      <c r="K118" s="67">
        <v>9</v>
      </c>
      <c r="L118" s="79">
        <v>0</v>
      </c>
      <c r="M118" s="80">
        <v>9</v>
      </c>
    </row>
    <row r="119" spans="1:13">
      <c r="A119" s="27" t="s">
        <v>91</v>
      </c>
      <c r="B119" s="67">
        <v>-31</v>
      </c>
      <c r="C119" s="68">
        <v>-14</v>
      </c>
      <c r="D119" s="68">
        <v>-17</v>
      </c>
      <c r="E119" s="67">
        <v>25</v>
      </c>
      <c r="F119" s="68">
        <v>9</v>
      </c>
      <c r="G119" s="69">
        <v>16</v>
      </c>
      <c r="H119" s="68">
        <v>8</v>
      </c>
      <c r="I119" s="68">
        <v>2</v>
      </c>
      <c r="J119" s="68">
        <v>6</v>
      </c>
      <c r="K119" s="67">
        <v>14</v>
      </c>
      <c r="L119" s="79">
        <v>7</v>
      </c>
      <c r="M119" s="80">
        <v>7</v>
      </c>
    </row>
    <row r="120" spans="1:13">
      <c r="A120" s="27" t="s">
        <v>93</v>
      </c>
      <c r="B120" s="67">
        <v>-34</v>
      </c>
      <c r="C120" s="68">
        <v>-21</v>
      </c>
      <c r="D120" s="68">
        <v>-13</v>
      </c>
      <c r="E120" s="67">
        <v>32</v>
      </c>
      <c r="F120" s="68">
        <v>17</v>
      </c>
      <c r="G120" s="69">
        <v>15</v>
      </c>
      <c r="H120" s="68">
        <v>12</v>
      </c>
      <c r="I120" s="68">
        <v>1</v>
      </c>
      <c r="J120" s="68">
        <v>11</v>
      </c>
      <c r="K120" s="67">
        <v>14</v>
      </c>
      <c r="L120" s="79">
        <v>5</v>
      </c>
      <c r="M120" s="80">
        <v>9</v>
      </c>
    </row>
    <row r="121" spans="1:13">
      <c r="A121" s="27" t="s">
        <v>95</v>
      </c>
      <c r="B121" s="67">
        <v>-44</v>
      </c>
      <c r="C121" s="68">
        <v>-15</v>
      </c>
      <c r="D121" s="68">
        <v>-29</v>
      </c>
      <c r="E121" s="67">
        <v>41</v>
      </c>
      <c r="F121" s="68">
        <v>19</v>
      </c>
      <c r="G121" s="69">
        <v>22</v>
      </c>
      <c r="H121" s="68">
        <v>9</v>
      </c>
      <c r="I121" s="68">
        <v>6</v>
      </c>
      <c r="J121" s="68">
        <v>3</v>
      </c>
      <c r="K121" s="67">
        <v>12</v>
      </c>
      <c r="L121" s="79">
        <v>2</v>
      </c>
      <c r="M121" s="80">
        <v>10</v>
      </c>
    </row>
    <row r="122" spans="1:13">
      <c r="A122" s="27" t="s">
        <v>97</v>
      </c>
      <c r="B122" s="67">
        <v>-23</v>
      </c>
      <c r="C122" s="68">
        <v>-18</v>
      </c>
      <c r="D122" s="68">
        <v>-5</v>
      </c>
      <c r="E122" s="67">
        <v>25</v>
      </c>
      <c r="F122" s="68">
        <v>16</v>
      </c>
      <c r="G122" s="69">
        <v>9</v>
      </c>
      <c r="H122" s="68">
        <v>12</v>
      </c>
      <c r="I122" s="68">
        <v>0</v>
      </c>
      <c r="J122" s="68">
        <v>12</v>
      </c>
      <c r="K122" s="67">
        <v>10</v>
      </c>
      <c r="L122" s="79">
        <v>2</v>
      </c>
      <c r="M122" s="80">
        <v>8</v>
      </c>
    </row>
    <row r="123" spans="1:13" ht="21" customHeight="1">
      <c r="A123" s="38" t="s">
        <v>99</v>
      </c>
      <c r="B123" s="64">
        <v>-205</v>
      </c>
      <c r="C123" s="65">
        <v>-74</v>
      </c>
      <c r="D123" s="65">
        <v>-131</v>
      </c>
      <c r="E123" s="64">
        <v>202</v>
      </c>
      <c r="F123" s="65">
        <v>75</v>
      </c>
      <c r="G123" s="66">
        <v>127</v>
      </c>
      <c r="H123" s="65">
        <v>24</v>
      </c>
      <c r="I123" s="65">
        <v>9</v>
      </c>
      <c r="J123" s="65">
        <v>15</v>
      </c>
      <c r="K123" s="64">
        <v>27</v>
      </c>
      <c r="L123" s="77">
        <v>8</v>
      </c>
      <c r="M123" s="78">
        <v>19</v>
      </c>
    </row>
    <row r="124" spans="1:13">
      <c r="A124" s="27" t="s">
        <v>101</v>
      </c>
      <c r="B124" s="67">
        <v>-49</v>
      </c>
      <c r="C124" s="68">
        <v>-28</v>
      </c>
      <c r="D124" s="68">
        <v>-21</v>
      </c>
      <c r="E124" s="67">
        <v>49</v>
      </c>
      <c r="F124" s="68">
        <v>26</v>
      </c>
      <c r="G124" s="69">
        <v>23</v>
      </c>
      <c r="H124" s="68">
        <v>9</v>
      </c>
      <c r="I124" s="68">
        <v>2</v>
      </c>
      <c r="J124" s="68">
        <v>7</v>
      </c>
      <c r="K124" s="67">
        <v>9</v>
      </c>
      <c r="L124" s="79">
        <v>4</v>
      </c>
      <c r="M124" s="80">
        <v>5</v>
      </c>
    </row>
    <row r="125" spans="1:13">
      <c r="A125" s="27" t="s">
        <v>103</v>
      </c>
      <c r="B125" s="67">
        <v>-44</v>
      </c>
      <c r="C125" s="68">
        <v>-11</v>
      </c>
      <c r="D125" s="68">
        <v>-33</v>
      </c>
      <c r="E125" s="67">
        <v>45</v>
      </c>
      <c r="F125" s="68">
        <v>13</v>
      </c>
      <c r="G125" s="69">
        <v>32</v>
      </c>
      <c r="H125" s="68">
        <v>6</v>
      </c>
      <c r="I125" s="68">
        <v>3</v>
      </c>
      <c r="J125" s="68">
        <v>3</v>
      </c>
      <c r="K125" s="67">
        <v>5</v>
      </c>
      <c r="L125" s="79">
        <v>1</v>
      </c>
      <c r="M125" s="80">
        <v>4</v>
      </c>
    </row>
    <row r="126" spans="1:13">
      <c r="A126" s="27" t="s">
        <v>105</v>
      </c>
      <c r="B126" s="67">
        <v>-36</v>
      </c>
      <c r="C126" s="68">
        <v>-9</v>
      </c>
      <c r="D126" s="68">
        <v>-27</v>
      </c>
      <c r="E126" s="67">
        <v>39</v>
      </c>
      <c r="F126" s="68">
        <v>12</v>
      </c>
      <c r="G126" s="69">
        <v>27</v>
      </c>
      <c r="H126" s="68">
        <v>7</v>
      </c>
      <c r="I126" s="68">
        <v>4</v>
      </c>
      <c r="J126" s="68">
        <v>3</v>
      </c>
      <c r="K126" s="67">
        <v>4</v>
      </c>
      <c r="L126" s="79">
        <v>1</v>
      </c>
      <c r="M126" s="80">
        <v>3</v>
      </c>
    </row>
    <row r="127" spans="1:13">
      <c r="A127" s="27" t="s">
        <v>107</v>
      </c>
      <c r="B127" s="67">
        <v>-51</v>
      </c>
      <c r="C127" s="68">
        <v>-19</v>
      </c>
      <c r="D127" s="68">
        <v>-32</v>
      </c>
      <c r="E127" s="67">
        <v>47</v>
      </c>
      <c r="F127" s="68">
        <v>18</v>
      </c>
      <c r="G127" s="69">
        <v>29</v>
      </c>
      <c r="H127" s="68">
        <v>1</v>
      </c>
      <c r="I127" s="68">
        <v>0</v>
      </c>
      <c r="J127" s="68">
        <v>1</v>
      </c>
      <c r="K127" s="67">
        <v>5</v>
      </c>
      <c r="L127" s="79">
        <v>1</v>
      </c>
      <c r="M127" s="80">
        <v>4</v>
      </c>
    </row>
    <row r="128" spans="1:13">
      <c r="A128" s="27" t="s">
        <v>109</v>
      </c>
      <c r="B128" s="67">
        <v>-25</v>
      </c>
      <c r="C128" s="68">
        <v>-7</v>
      </c>
      <c r="D128" s="68">
        <v>-18</v>
      </c>
      <c r="E128" s="67">
        <v>22</v>
      </c>
      <c r="F128" s="68">
        <v>6</v>
      </c>
      <c r="G128" s="69">
        <v>16</v>
      </c>
      <c r="H128" s="68">
        <v>1</v>
      </c>
      <c r="I128" s="68">
        <v>0</v>
      </c>
      <c r="J128" s="68">
        <v>1</v>
      </c>
      <c r="K128" s="67">
        <v>4</v>
      </c>
      <c r="L128" s="79">
        <v>1</v>
      </c>
      <c r="M128" s="80">
        <v>3</v>
      </c>
    </row>
    <row r="129" spans="1:14" ht="21" customHeight="1">
      <c r="A129" s="38" t="s">
        <v>111</v>
      </c>
      <c r="B129" s="64">
        <v>-104</v>
      </c>
      <c r="C129" s="65">
        <v>-22</v>
      </c>
      <c r="D129" s="65">
        <v>-82</v>
      </c>
      <c r="E129" s="64">
        <v>102</v>
      </c>
      <c r="F129" s="65">
        <v>25</v>
      </c>
      <c r="G129" s="66">
        <v>77</v>
      </c>
      <c r="H129" s="65">
        <v>7</v>
      </c>
      <c r="I129" s="65">
        <v>4</v>
      </c>
      <c r="J129" s="65">
        <v>3</v>
      </c>
      <c r="K129" s="64">
        <v>9</v>
      </c>
      <c r="L129" s="77">
        <v>1</v>
      </c>
      <c r="M129" s="78">
        <v>8</v>
      </c>
    </row>
    <row r="130" spans="1:14">
      <c r="A130" s="27" t="s">
        <v>113</v>
      </c>
      <c r="B130" s="67">
        <v>-31</v>
      </c>
      <c r="C130" s="68">
        <v>-7</v>
      </c>
      <c r="D130" s="68">
        <v>-24</v>
      </c>
      <c r="E130" s="67">
        <v>27</v>
      </c>
      <c r="F130" s="68">
        <v>6</v>
      </c>
      <c r="G130" s="69">
        <v>21</v>
      </c>
      <c r="H130" s="68">
        <v>0</v>
      </c>
      <c r="I130" s="68">
        <v>0</v>
      </c>
      <c r="J130" s="68">
        <v>0</v>
      </c>
      <c r="K130" s="67">
        <v>4</v>
      </c>
      <c r="L130" s="79">
        <v>1</v>
      </c>
      <c r="M130" s="80">
        <v>3</v>
      </c>
    </row>
    <row r="131" spans="1:14">
      <c r="A131" s="27" t="s">
        <v>115</v>
      </c>
      <c r="B131" s="67">
        <v>-29</v>
      </c>
      <c r="C131" s="68">
        <v>-7</v>
      </c>
      <c r="D131" s="68">
        <v>-22</v>
      </c>
      <c r="E131" s="67">
        <v>30</v>
      </c>
      <c r="F131" s="68">
        <v>8</v>
      </c>
      <c r="G131" s="69">
        <v>22</v>
      </c>
      <c r="H131" s="68">
        <v>2</v>
      </c>
      <c r="I131" s="68">
        <v>1</v>
      </c>
      <c r="J131" s="68">
        <v>1</v>
      </c>
      <c r="K131" s="67">
        <v>1</v>
      </c>
      <c r="L131" s="79">
        <v>0</v>
      </c>
      <c r="M131" s="80">
        <v>1</v>
      </c>
    </row>
    <row r="132" spans="1:14">
      <c r="A132" s="27" t="s">
        <v>117</v>
      </c>
      <c r="B132" s="67">
        <v>-20</v>
      </c>
      <c r="C132" s="68">
        <v>-2</v>
      </c>
      <c r="D132" s="68">
        <v>-18</v>
      </c>
      <c r="E132" s="67">
        <v>19</v>
      </c>
      <c r="F132" s="68">
        <v>4</v>
      </c>
      <c r="G132" s="69">
        <v>15</v>
      </c>
      <c r="H132" s="68">
        <v>2</v>
      </c>
      <c r="I132" s="68">
        <v>2</v>
      </c>
      <c r="J132" s="68">
        <v>0</v>
      </c>
      <c r="K132" s="67">
        <v>3</v>
      </c>
      <c r="L132" s="79">
        <v>0</v>
      </c>
      <c r="M132" s="80">
        <v>3</v>
      </c>
    </row>
    <row r="133" spans="1:14">
      <c r="A133" s="27" t="s">
        <v>119</v>
      </c>
      <c r="B133" s="67">
        <v>-14</v>
      </c>
      <c r="C133" s="68">
        <v>-3</v>
      </c>
      <c r="D133" s="68">
        <v>-11</v>
      </c>
      <c r="E133" s="67">
        <v>15</v>
      </c>
      <c r="F133" s="68">
        <v>4</v>
      </c>
      <c r="G133" s="69">
        <v>11</v>
      </c>
      <c r="H133" s="68">
        <v>2</v>
      </c>
      <c r="I133" s="68">
        <v>1</v>
      </c>
      <c r="J133" s="68">
        <v>1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10</v>
      </c>
      <c r="C134" s="68">
        <v>-3</v>
      </c>
      <c r="D134" s="68">
        <v>-7</v>
      </c>
      <c r="E134" s="67">
        <v>11</v>
      </c>
      <c r="F134" s="68">
        <v>3</v>
      </c>
      <c r="G134" s="69">
        <v>8</v>
      </c>
      <c r="H134" s="68">
        <v>1</v>
      </c>
      <c r="I134" s="68">
        <v>0</v>
      </c>
      <c r="J134" s="68">
        <v>1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31</v>
      </c>
      <c r="C135" s="40">
        <v>-4</v>
      </c>
      <c r="D135" s="40">
        <v>-27</v>
      </c>
      <c r="E135" s="42">
        <v>30</v>
      </c>
      <c r="F135" s="40">
        <v>3</v>
      </c>
      <c r="G135" s="43">
        <v>27</v>
      </c>
      <c r="H135" s="40">
        <v>1</v>
      </c>
      <c r="I135" s="40">
        <v>0</v>
      </c>
      <c r="J135" s="40">
        <v>1</v>
      </c>
      <c r="K135" s="42">
        <v>2</v>
      </c>
      <c r="L135" s="44">
        <v>1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218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4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524</v>
      </c>
      <c r="C5" s="62">
        <v>125</v>
      </c>
      <c r="D5" s="62">
        <v>399</v>
      </c>
      <c r="E5" s="61">
        <v>2505</v>
      </c>
      <c r="F5" s="62">
        <v>1294</v>
      </c>
      <c r="G5" s="63">
        <v>1211</v>
      </c>
      <c r="H5" s="62">
        <v>9992</v>
      </c>
      <c r="I5" s="62">
        <v>4955</v>
      </c>
      <c r="J5" s="62">
        <v>5037</v>
      </c>
      <c r="K5" s="61">
        <v>8490</v>
      </c>
      <c r="L5" s="75">
        <v>4317</v>
      </c>
      <c r="M5" s="76">
        <v>4173</v>
      </c>
    </row>
    <row r="6" spans="1:13" ht="23.25" customHeight="1">
      <c r="A6" s="36" t="s">
        <v>2</v>
      </c>
      <c r="B6" s="64">
        <v>1816</v>
      </c>
      <c r="C6" s="65">
        <v>939</v>
      </c>
      <c r="D6" s="65">
        <v>877</v>
      </c>
      <c r="E6" s="64">
        <v>6</v>
      </c>
      <c r="F6" s="65">
        <v>3</v>
      </c>
      <c r="G6" s="66">
        <v>3</v>
      </c>
      <c r="H6" s="65">
        <v>705</v>
      </c>
      <c r="I6" s="65">
        <v>361</v>
      </c>
      <c r="J6" s="65">
        <v>344</v>
      </c>
      <c r="K6" s="64">
        <v>410</v>
      </c>
      <c r="L6" s="77">
        <v>200</v>
      </c>
      <c r="M6" s="78">
        <v>210</v>
      </c>
    </row>
    <row r="7" spans="1:13">
      <c r="A7" s="15" t="s">
        <v>4</v>
      </c>
      <c r="B7" s="67">
        <v>1577</v>
      </c>
      <c r="C7" s="68">
        <v>800</v>
      </c>
      <c r="D7" s="68">
        <v>777</v>
      </c>
      <c r="E7" s="67">
        <v>4</v>
      </c>
      <c r="F7" s="68">
        <v>2</v>
      </c>
      <c r="G7" s="69">
        <v>2</v>
      </c>
      <c r="H7" s="68">
        <v>107</v>
      </c>
      <c r="I7" s="68">
        <v>52</v>
      </c>
      <c r="J7" s="68">
        <v>55</v>
      </c>
      <c r="K7" s="67">
        <v>53</v>
      </c>
      <c r="L7" s="79">
        <v>31</v>
      </c>
      <c r="M7" s="80">
        <v>22</v>
      </c>
    </row>
    <row r="8" spans="1:13">
      <c r="A8" s="15" t="s">
        <v>6</v>
      </c>
      <c r="B8" s="67">
        <v>45</v>
      </c>
      <c r="C8" s="68">
        <v>29</v>
      </c>
      <c r="D8" s="68">
        <v>16</v>
      </c>
      <c r="E8" s="67">
        <v>1</v>
      </c>
      <c r="F8" s="68">
        <v>0</v>
      </c>
      <c r="G8" s="69">
        <v>1</v>
      </c>
      <c r="H8" s="68">
        <v>167</v>
      </c>
      <c r="I8" s="68">
        <v>79</v>
      </c>
      <c r="J8" s="68">
        <v>88</v>
      </c>
      <c r="K8" s="67">
        <v>121</v>
      </c>
      <c r="L8" s="79">
        <v>50</v>
      </c>
      <c r="M8" s="80">
        <v>71</v>
      </c>
    </row>
    <row r="9" spans="1:13">
      <c r="A9" s="15" t="s">
        <v>8</v>
      </c>
      <c r="B9" s="67">
        <v>76</v>
      </c>
      <c r="C9" s="68">
        <v>53</v>
      </c>
      <c r="D9" s="68">
        <v>23</v>
      </c>
      <c r="E9" s="67">
        <v>1</v>
      </c>
      <c r="F9" s="68">
        <v>1</v>
      </c>
      <c r="G9" s="69">
        <v>0</v>
      </c>
      <c r="H9" s="68">
        <v>165</v>
      </c>
      <c r="I9" s="68">
        <v>90</v>
      </c>
      <c r="J9" s="68">
        <v>75</v>
      </c>
      <c r="K9" s="67">
        <v>88</v>
      </c>
      <c r="L9" s="79">
        <v>36</v>
      </c>
      <c r="M9" s="80">
        <v>52</v>
      </c>
    </row>
    <row r="10" spans="1:13">
      <c r="A10" s="15" t="s">
        <v>10</v>
      </c>
      <c r="B10" s="67">
        <v>81</v>
      </c>
      <c r="C10" s="68">
        <v>40</v>
      </c>
      <c r="D10" s="68">
        <v>41</v>
      </c>
      <c r="E10" s="67">
        <v>0</v>
      </c>
      <c r="F10" s="68">
        <v>0</v>
      </c>
      <c r="G10" s="69">
        <v>0</v>
      </c>
      <c r="H10" s="68">
        <v>151</v>
      </c>
      <c r="I10" s="68">
        <v>77</v>
      </c>
      <c r="J10" s="68">
        <v>74</v>
      </c>
      <c r="K10" s="67">
        <v>70</v>
      </c>
      <c r="L10" s="79">
        <v>37</v>
      </c>
      <c r="M10" s="80">
        <v>33</v>
      </c>
    </row>
    <row r="11" spans="1:13">
      <c r="A11" s="15" t="s">
        <v>12</v>
      </c>
      <c r="B11" s="67">
        <v>37</v>
      </c>
      <c r="C11" s="68">
        <v>17</v>
      </c>
      <c r="D11" s="68">
        <v>20</v>
      </c>
      <c r="E11" s="67">
        <v>0</v>
      </c>
      <c r="F11" s="68">
        <v>0</v>
      </c>
      <c r="G11" s="69">
        <v>0</v>
      </c>
      <c r="H11" s="68">
        <v>115</v>
      </c>
      <c r="I11" s="68">
        <v>63</v>
      </c>
      <c r="J11" s="68">
        <v>52</v>
      </c>
      <c r="K11" s="67">
        <v>78</v>
      </c>
      <c r="L11" s="79">
        <v>46</v>
      </c>
      <c r="M11" s="80">
        <v>32</v>
      </c>
    </row>
    <row r="12" spans="1:13" ht="21" customHeight="1">
      <c r="A12" s="36" t="s">
        <v>14</v>
      </c>
      <c r="B12" s="64">
        <v>93</v>
      </c>
      <c r="C12" s="65">
        <v>43</v>
      </c>
      <c r="D12" s="65">
        <v>50</v>
      </c>
      <c r="E12" s="64">
        <v>0</v>
      </c>
      <c r="F12" s="65">
        <v>0</v>
      </c>
      <c r="G12" s="66">
        <v>0</v>
      </c>
      <c r="H12" s="65">
        <v>361</v>
      </c>
      <c r="I12" s="65">
        <v>171</v>
      </c>
      <c r="J12" s="65">
        <v>190</v>
      </c>
      <c r="K12" s="64">
        <v>268</v>
      </c>
      <c r="L12" s="77">
        <v>128</v>
      </c>
      <c r="M12" s="78">
        <v>140</v>
      </c>
    </row>
    <row r="13" spans="1:13">
      <c r="A13" s="15" t="s">
        <v>16</v>
      </c>
      <c r="B13" s="67">
        <v>40</v>
      </c>
      <c r="C13" s="68">
        <v>21</v>
      </c>
      <c r="D13" s="68">
        <v>19</v>
      </c>
      <c r="E13" s="67">
        <v>0</v>
      </c>
      <c r="F13" s="68">
        <v>0</v>
      </c>
      <c r="G13" s="69">
        <v>0</v>
      </c>
      <c r="H13" s="68">
        <v>93</v>
      </c>
      <c r="I13" s="68">
        <v>46</v>
      </c>
      <c r="J13" s="68">
        <v>47</v>
      </c>
      <c r="K13" s="67">
        <v>53</v>
      </c>
      <c r="L13" s="79">
        <v>25</v>
      </c>
      <c r="M13" s="80">
        <v>28</v>
      </c>
    </row>
    <row r="14" spans="1:13">
      <c r="A14" s="15" t="s">
        <v>18</v>
      </c>
      <c r="B14" s="67">
        <v>26</v>
      </c>
      <c r="C14" s="68">
        <v>13</v>
      </c>
      <c r="D14" s="68">
        <v>13</v>
      </c>
      <c r="E14" s="67">
        <v>0</v>
      </c>
      <c r="F14" s="68">
        <v>0</v>
      </c>
      <c r="G14" s="69">
        <v>0</v>
      </c>
      <c r="H14" s="68">
        <v>93</v>
      </c>
      <c r="I14" s="68">
        <v>47</v>
      </c>
      <c r="J14" s="68">
        <v>46</v>
      </c>
      <c r="K14" s="67">
        <v>67</v>
      </c>
      <c r="L14" s="79">
        <v>34</v>
      </c>
      <c r="M14" s="80">
        <v>33</v>
      </c>
    </row>
    <row r="15" spans="1:13">
      <c r="A15" s="15" t="s">
        <v>20</v>
      </c>
      <c r="B15" s="67">
        <v>1</v>
      </c>
      <c r="C15" s="68">
        <v>2</v>
      </c>
      <c r="D15" s="68">
        <v>-1</v>
      </c>
      <c r="E15" s="67">
        <v>0</v>
      </c>
      <c r="F15" s="68">
        <v>0</v>
      </c>
      <c r="G15" s="69">
        <v>0</v>
      </c>
      <c r="H15" s="68">
        <v>74</v>
      </c>
      <c r="I15" s="68">
        <v>36</v>
      </c>
      <c r="J15" s="68">
        <v>38</v>
      </c>
      <c r="K15" s="67">
        <v>73</v>
      </c>
      <c r="L15" s="79">
        <v>34</v>
      </c>
      <c r="M15" s="80">
        <v>39</v>
      </c>
    </row>
    <row r="16" spans="1:13">
      <c r="A16" s="15" t="s">
        <v>22</v>
      </c>
      <c r="B16" s="67">
        <v>14</v>
      </c>
      <c r="C16" s="68">
        <v>3</v>
      </c>
      <c r="D16" s="68">
        <v>11</v>
      </c>
      <c r="E16" s="67">
        <v>0</v>
      </c>
      <c r="F16" s="68">
        <v>0</v>
      </c>
      <c r="G16" s="69">
        <v>0</v>
      </c>
      <c r="H16" s="68">
        <v>56</v>
      </c>
      <c r="I16" s="68">
        <v>23</v>
      </c>
      <c r="J16" s="68">
        <v>33</v>
      </c>
      <c r="K16" s="67">
        <v>42</v>
      </c>
      <c r="L16" s="79">
        <v>20</v>
      </c>
      <c r="M16" s="80">
        <v>22</v>
      </c>
    </row>
    <row r="17" spans="1:13">
      <c r="A17" s="15" t="s">
        <v>24</v>
      </c>
      <c r="B17" s="67">
        <v>12</v>
      </c>
      <c r="C17" s="68">
        <v>4</v>
      </c>
      <c r="D17" s="68">
        <v>8</v>
      </c>
      <c r="E17" s="67">
        <v>0</v>
      </c>
      <c r="F17" s="68">
        <v>0</v>
      </c>
      <c r="G17" s="69">
        <v>0</v>
      </c>
      <c r="H17" s="68">
        <v>45</v>
      </c>
      <c r="I17" s="68">
        <v>19</v>
      </c>
      <c r="J17" s="68">
        <v>26</v>
      </c>
      <c r="K17" s="67">
        <v>33</v>
      </c>
      <c r="L17" s="79">
        <v>15</v>
      </c>
      <c r="M17" s="80">
        <v>18</v>
      </c>
    </row>
    <row r="18" spans="1:13" ht="21" customHeight="1">
      <c r="A18" s="36" t="s">
        <v>26</v>
      </c>
      <c r="B18" s="64">
        <v>74</v>
      </c>
      <c r="C18" s="65">
        <v>16</v>
      </c>
      <c r="D18" s="65">
        <v>58</v>
      </c>
      <c r="E18" s="64">
        <v>2</v>
      </c>
      <c r="F18" s="65">
        <v>1</v>
      </c>
      <c r="G18" s="66">
        <v>1</v>
      </c>
      <c r="H18" s="65">
        <v>200</v>
      </c>
      <c r="I18" s="65">
        <v>84</v>
      </c>
      <c r="J18" s="65">
        <v>116</v>
      </c>
      <c r="K18" s="64">
        <v>124</v>
      </c>
      <c r="L18" s="77">
        <v>67</v>
      </c>
      <c r="M18" s="78">
        <v>57</v>
      </c>
    </row>
    <row r="19" spans="1:13">
      <c r="A19" s="15" t="s">
        <v>28</v>
      </c>
      <c r="B19" s="67">
        <v>27</v>
      </c>
      <c r="C19" s="68">
        <v>12</v>
      </c>
      <c r="D19" s="68">
        <v>15</v>
      </c>
      <c r="E19" s="67">
        <v>0</v>
      </c>
      <c r="F19" s="68">
        <v>0</v>
      </c>
      <c r="G19" s="69">
        <v>0</v>
      </c>
      <c r="H19" s="68">
        <v>56</v>
      </c>
      <c r="I19" s="68">
        <v>27</v>
      </c>
      <c r="J19" s="68">
        <v>29</v>
      </c>
      <c r="K19" s="67">
        <v>29</v>
      </c>
      <c r="L19" s="79">
        <v>15</v>
      </c>
      <c r="M19" s="80">
        <v>14</v>
      </c>
    </row>
    <row r="20" spans="1:13">
      <c r="A20" s="15" t="s">
        <v>30</v>
      </c>
      <c r="B20" s="67">
        <v>9</v>
      </c>
      <c r="C20" s="68">
        <v>0</v>
      </c>
      <c r="D20" s="68">
        <v>9</v>
      </c>
      <c r="E20" s="67">
        <v>0</v>
      </c>
      <c r="F20" s="68">
        <v>0</v>
      </c>
      <c r="G20" s="69">
        <v>0</v>
      </c>
      <c r="H20" s="68">
        <v>32</v>
      </c>
      <c r="I20" s="68">
        <v>13</v>
      </c>
      <c r="J20" s="68">
        <v>19</v>
      </c>
      <c r="K20" s="67">
        <v>23</v>
      </c>
      <c r="L20" s="79">
        <v>13</v>
      </c>
      <c r="M20" s="80">
        <v>10</v>
      </c>
    </row>
    <row r="21" spans="1:13">
      <c r="A21" s="15" t="s">
        <v>32</v>
      </c>
      <c r="B21" s="67">
        <v>6</v>
      </c>
      <c r="C21" s="68">
        <v>1</v>
      </c>
      <c r="D21" s="68">
        <v>5</v>
      </c>
      <c r="E21" s="67">
        <v>1</v>
      </c>
      <c r="F21" s="68">
        <v>1</v>
      </c>
      <c r="G21" s="69">
        <v>0</v>
      </c>
      <c r="H21" s="68">
        <v>32</v>
      </c>
      <c r="I21" s="68">
        <v>13</v>
      </c>
      <c r="J21" s="68">
        <v>19</v>
      </c>
      <c r="K21" s="67">
        <v>25</v>
      </c>
      <c r="L21" s="79">
        <v>11</v>
      </c>
      <c r="M21" s="80">
        <v>14</v>
      </c>
    </row>
    <row r="22" spans="1:13">
      <c r="A22" s="15" t="s">
        <v>34</v>
      </c>
      <c r="B22" s="67">
        <v>16</v>
      </c>
      <c r="C22" s="68">
        <v>1</v>
      </c>
      <c r="D22" s="68">
        <v>15</v>
      </c>
      <c r="E22" s="67">
        <v>1</v>
      </c>
      <c r="F22" s="68">
        <v>0</v>
      </c>
      <c r="G22" s="69">
        <v>1</v>
      </c>
      <c r="H22" s="68">
        <v>46</v>
      </c>
      <c r="I22" s="68">
        <v>18</v>
      </c>
      <c r="J22" s="68">
        <v>28</v>
      </c>
      <c r="K22" s="67">
        <v>29</v>
      </c>
      <c r="L22" s="79">
        <v>17</v>
      </c>
      <c r="M22" s="80">
        <v>12</v>
      </c>
    </row>
    <row r="23" spans="1:13">
      <c r="A23" s="15" t="s">
        <v>36</v>
      </c>
      <c r="B23" s="67">
        <v>16</v>
      </c>
      <c r="C23" s="68">
        <v>2</v>
      </c>
      <c r="D23" s="68">
        <v>14</v>
      </c>
      <c r="E23" s="67">
        <v>0</v>
      </c>
      <c r="F23" s="68">
        <v>0</v>
      </c>
      <c r="G23" s="69">
        <v>0</v>
      </c>
      <c r="H23" s="68">
        <v>34</v>
      </c>
      <c r="I23" s="68">
        <v>13</v>
      </c>
      <c r="J23" s="68">
        <v>21</v>
      </c>
      <c r="K23" s="67">
        <v>18</v>
      </c>
      <c r="L23" s="79">
        <v>11</v>
      </c>
      <c r="M23" s="80">
        <v>7</v>
      </c>
    </row>
    <row r="24" spans="1:13" ht="21" customHeight="1">
      <c r="A24" s="36" t="s">
        <v>38</v>
      </c>
      <c r="B24" s="64">
        <v>2</v>
      </c>
      <c r="C24" s="65">
        <v>-6</v>
      </c>
      <c r="D24" s="65">
        <v>8</v>
      </c>
      <c r="E24" s="64">
        <v>4</v>
      </c>
      <c r="F24" s="65">
        <v>3</v>
      </c>
      <c r="G24" s="66">
        <v>1</v>
      </c>
      <c r="H24" s="65">
        <v>236</v>
      </c>
      <c r="I24" s="65">
        <v>109</v>
      </c>
      <c r="J24" s="65">
        <v>127</v>
      </c>
      <c r="K24" s="64">
        <v>230</v>
      </c>
      <c r="L24" s="77">
        <v>112</v>
      </c>
      <c r="M24" s="78">
        <v>118</v>
      </c>
    </row>
    <row r="25" spans="1:13">
      <c r="A25" s="15" t="s">
        <v>40</v>
      </c>
      <c r="B25" s="67">
        <v>3</v>
      </c>
      <c r="C25" s="68">
        <v>5</v>
      </c>
      <c r="D25" s="68">
        <v>-2</v>
      </c>
      <c r="E25" s="67">
        <v>0</v>
      </c>
      <c r="F25" s="68">
        <v>0</v>
      </c>
      <c r="G25" s="69">
        <v>0</v>
      </c>
      <c r="H25" s="68">
        <v>27</v>
      </c>
      <c r="I25" s="68">
        <v>12</v>
      </c>
      <c r="J25" s="68">
        <v>15</v>
      </c>
      <c r="K25" s="67">
        <v>24</v>
      </c>
      <c r="L25" s="79">
        <v>7</v>
      </c>
      <c r="M25" s="80">
        <v>17</v>
      </c>
    </row>
    <row r="26" spans="1:13">
      <c r="A26" s="15" t="s">
        <v>42</v>
      </c>
      <c r="B26" s="67">
        <v>-13</v>
      </c>
      <c r="C26" s="68">
        <v>-13</v>
      </c>
      <c r="D26" s="68">
        <v>0</v>
      </c>
      <c r="E26" s="67">
        <v>1</v>
      </c>
      <c r="F26" s="68">
        <v>1</v>
      </c>
      <c r="G26" s="69">
        <v>0</v>
      </c>
      <c r="H26" s="68">
        <v>30</v>
      </c>
      <c r="I26" s="68">
        <v>10</v>
      </c>
      <c r="J26" s="68">
        <v>20</v>
      </c>
      <c r="K26" s="67">
        <v>42</v>
      </c>
      <c r="L26" s="79">
        <v>22</v>
      </c>
      <c r="M26" s="80">
        <v>20</v>
      </c>
    </row>
    <row r="27" spans="1:13">
      <c r="A27" s="15" t="s">
        <v>44</v>
      </c>
      <c r="B27" s="67">
        <v>-5</v>
      </c>
      <c r="C27" s="68">
        <v>-2</v>
      </c>
      <c r="D27" s="68">
        <v>-3</v>
      </c>
      <c r="E27" s="67">
        <v>0</v>
      </c>
      <c r="F27" s="68">
        <v>0</v>
      </c>
      <c r="G27" s="69">
        <v>0</v>
      </c>
      <c r="H27" s="68">
        <v>20</v>
      </c>
      <c r="I27" s="68">
        <v>9</v>
      </c>
      <c r="J27" s="68">
        <v>11</v>
      </c>
      <c r="K27" s="67">
        <v>25</v>
      </c>
      <c r="L27" s="79">
        <v>11</v>
      </c>
      <c r="M27" s="80">
        <v>14</v>
      </c>
    </row>
    <row r="28" spans="1:13">
      <c r="A28" s="15" t="s">
        <v>46</v>
      </c>
      <c r="B28" s="67">
        <v>10</v>
      </c>
      <c r="C28" s="68">
        <v>10</v>
      </c>
      <c r="D28" s="68">
        <v>0</v>
      </c>
      <c r="E28" s="67">
        <v>1</v>
      </c>
      <c r="F28" s="68">
        <v>1</v>
      </c>
      <c r="G28" s="69">
        <v>0</v>
      </c>
      <c r="H28" s="68">
        <v>50</v>
      </c>
      <c r="I28" s="68">
        <v>26</v>
      </c>
      <c r="J28" s="68">
        <v>24</v>
      </c>
      <c r="K28" s="67">
        <v>39</v>
      </c>
      <c r="L28" s="79">
        <v>15</v>
      </c>
      <c r="M28" s="80">
        <v>24</v>
      </c>
    </row>
    <row r="29" spans="1:13">
      <c r="A29" s="15" t="s">
        <v>48</v>
      </c>
      <c r="B29" s="67">
        <v>7</v>
      </c>
      <c r="C29" s="68">
        <v>-6</v>
      </c>
      <c r="D29" s="68">
        <v>13</v>
      </c>
      <c r="E29" s="67">
        <v>2</v>
      </c>
      <c r="F29" s="68">
        <v>1</v>
      </c>
      <c r="G29" s="69">
        <v>1</v>
      </c>
      <c r="H29" s="68">
        <v>109</v>
      </c>
      <c r="I29" s="68">
        <v>52</v>
      </c>
      <c r="J29" s="68">
        <v>57</v>
      </c>
      <c r="K29" s="67">
        <v>100</v>
      </c>
      <c r="L29" s="79">
        <v>57</v>
      </c>
      <c r="M29" s="80">
        <v>43</v>
      </c>
    </row>
    <row r="30" spans="1:13" ht="21" customHeight="1">
      <c r="A30" s="36" t="s">
        <v>50</v>
      </c>
      <c r="B30" s="64">
        <v>-220</v>
      </c>
      <c r="C30" s="65">
        <v>-150</v>
      </c>
      <c r="D30" s="65">
        <v>-70</v>
      </c>
      <c r="E30" s="64">
        <v>4</v>
      </c>
      <c r="F30" s="65">
        <v>4</v>
      </c>
      <c r="G30" s="66">
        <v>0</v>
      </c>
      <c r="H30" s="65">
        <v>1040</v>
      </c>
      <c r="I30" s="65">
        <v>482</v>
      </c>
      <c r="J30" s="65">
        <v>558</v>
      </c>
      <c r="K30" s="64">
        <v>1256</v>
      </c>
      <c r="L30" s="77">
        <v>628</v>
      </c>
      <c r="M30" s="78">
        <v>628</v>
      </c>
    </row>
    <row r="31" spans="1:13">
      <c r="A31" s="15" t="s">
        <v>52</v>
      </c>
      <c r="B31" s="67">
        <v>-20</v>
      </c>
      <c r="C31" s="68">
        <v>-7</v>
      </c>
      <c r="D31" s="68">
        <v>-13</v>
      </c>
      <c r="E31" s="67">
        <v>0</v>
      </c>
      <c r="F31" s="68">
        <v>0</v>
      </c>
      <c r="G31" s="69">
        <v>0</v>
      </c>
      <c r="H31" s="68">
        <v>82</v>
      </c>
      <c r="I31" s="68">
        <v>45</v>
      </c>
      <c r="J31" s="68">
        <v>37</v>
      </c>
      <c r="K31" s="67">
        <v>102</v>
      </c>
      <c r="L31" s="79">
        <v>52</v>
      </c>
      <c r="M31" s="80">
        <v>50</v>
      </c>
    </row>
    <row r="32" spans="1:13">
      <c r="A32" s="15" t="s">
        <v>54</v>
      </c>
      <c r="B32" s="67">
        <v>3</v>
      </c>
      <c r="C32" s="68">
        <v>-16</v>
      </c>
      <c r="D32" s="68">
        <v>19</v>
      </c>
      <c r="E32" s="67">
        <v>0</v>
      </c>
      <c r="F32" s="68">
        <v>0</v>
      </c>
      <c r="G32" s="69">
        <v>0</v>
      </c>
      <c r="H32" s="68">
        <v>134</v>
      </c>
      <c r="I32" s="68">
        <v>45</v>
      </c>
      <c r="J32" s="68">
        <v>89</v>
      </c>
      <c r="K32" s="67">
        <v>131</v>
      </c>
      <c r="L32" s="79">
        <v>61</v>
      </c>
      <c r="M32" s="80">
        <v>70</v>
      </c>
    </row>
    <row r="33" spans="1:13">
      <c r="A33" s="15" t="s">
        <v>56</v>
      </c>
      <c r="B33" s="67">
        <v>-51</v>
      </c>
      <c r="C33" s="68">
        <v>-27</v>
      </c>
      <c r="D33" s="68">
        <v>-24</v>
      </c>
      <c r="E33" s="67">
        <v>1</v>
      </c>
      <c r="F33" s="68">
        <v>1</v>
      </c>
      <c r="G33" s="69">
        <v>0</v>
      </c>
      <c r="H33" s="68">
        <v>186</v>
      </c>
      <c r="I33" s="68">
        <v>76</v>
      </c>
      <c r="J33" s="68">
        <v>110</v>
      </c>
      <c r="K33" s="67">
        <v>236</v>
      </c>
      <c r="L33" s="79">
        <v>102</v>
      </c>
      <c r="M33" s="80">
        <v>134</v>
      </c>
    </row>
    <row r="34" spans="1:13">
      <c r="A34" s="15" t="s">
        <v>58</v>
      </c>
      <c r="B34" s="67">
        <v>-110</v>
      </c>
      <c r="C34" s="68">
        <v>-57</v>
      </c>
      <c r="D34" s="68">
        <v>-53</v>
      </c>
      <c r="E34" s="67">
        <v>3</v>
      </c>
      <c r="F34" s="68">
        <v>3</v>
      </c>
      <c r="G34" s="69">
        <v>0</v>
      </c>
      <c r="H34" s="68">
        <v>314</v>
      </c>
      <c r="I34" s="68">
        <v>158</v>
      </c>
      <c r="J34" s="68">
        <v>156</v>
      </c>
      <c r="K34" s="67">
        <v>421</v>
      </c>
      <c r="L34" s="79">
        <v>212</v>
      </c>
      <c r="M34" s="80">
        <v>209</v>
      </c>
    </row>
    <row r="35" spans="1:13">
      <c r="A35" s="15" t="s">
        <v>60</v>
      </c>
      <c r="B35" s="67">
        <v>-42</v>
      </c>
      <c r="C35" s="68">
        <v>-43</v>
      </c>
      <c r="D35" s="68">
        <v>1</v>
      </c>
      <c r="E35" s="67">
        <v>0</v>
      </c>
      <c r="F35" s="68">
        <v>0</v>
      </c>
      <c r="G35" s="69">
        <v>0</v>
      </c>
      <c r="H35" s="68">
        <v>324</v>
      </c>
      <c r="I35" s="68">
        <v>158</v>
      </c>
      <c r="J35" s="68">
        <v>166</v>
      </c>
      <c r="K35" s="67">
        <v>366</v>
      </c>
      <c r="L35" s="79">
        <v>201</v>
      </c>
      <c r="M35" s="80">
        <v>165</v>
      </c>
    </row>
    <row r="36" spans="1:13" ht="21" customHeight="1">
      <c r="A36" s="36" t="s">
        <v>62</v>
      </c>
      <c r="B36" s="64">
        <v>104</v>
      </c>
      <c r="C36" s="65">
        <v>16</v>
      </c>
      <c r="D36" s="65">
        <v>88</v>
      </c>
      <c r="E36" s="64">
        <v>2</v>
      </c>
      <c r="F36" s="65">
        <v>1</v>
      </c>
      <c r="G36" s="66">
        <v>1</v>
      </c>
      <c r="H36" s="65">
        <v>1894</v>
      </c>
      <c r="I36" s="65">
        <v>941</v>
      </c>
      <c r="J36" s="65">
        <v>953</v>
      </c>
      <c r="K36" s="64">
        <v>1788</v>
      </c>
      <c r="L36" s="77">
        <v>924</v>
      </c>
      <c r="M36" s="78">
        <v>864</v>
      </c>
    </row>
    <row r="37" spans="1:13">
      <c r="A37" s="15" t="s">
        <v>64</v>
      </c>
      <c r="B37" s="67">
        <v>-9</v>
      </c>
      <c r="C37" s="68">
        <v>7</v>
      </c>
      <c r="D37" s="68">
        <v>-16</v>
      </c>
      <c r="E37" s="67">
        <v>1</v>
      </c>
      <c r="F37" s="68">
        <v>1</v>
      </c>
      <c r="G37" s="69">
        <v>0</v>
      </c>
      <c r="H37" s="68">
        <v>366</v>
      </c>
      <c r="I37" s="68">
        <v>194</v>
      </c>
      <c r="J37" s="68">
        <v>172</v>
      </c>
      <c r="K37" s="67">
        <v>374</v>
      </c>
      <c r="L37" s="79">
        <v>186</v>
      </c>
      <c r="M37" s="80">
        <v>188</v>
      </c>
    </row>
    <row r="38" spans="1:13">
      <c r="A38" s="15" t="s">
        <v>66</v>
      </c>
      <c r="B38" s="67">
        <v>20</v>
      </c>
      <c r="C38" s="68">
        <v>-5</v>
      </c>
      <c r="D38" s="68">
        <v>25</v>
      </c>
      <c r="E38" s="67">
        <v>0</v>
      </c>
      <c r="F38" s="68">
        <v>0</v>
      </c>
      <c r="G38" s="69">
        <v>0</v>
      </c>
      <c r="H38" s="68">
        <v>415</v>
      </c>
      <c r="I38" s="68">
        <v>204</v>
      </c>
      <c r="J38" s="68">
        <v>211</v>
      </c>
      <c r="K38" s="67">
        <v>395</v>
      </c>
      <c r="L38" s="79">
        <v>209</v>
      </c>
      <c r="M38" s="80">
        <v>186</v>
      </c>
    </row>
    <row r="39" spans="1:13">
      <c r="A39" s="15" t="s">
        <v>68</v>
      </c>
      <c r="B39" s="67">
        <v>-26</v>
      </c>
      <c r="C39" s="68">
        <v>-22</v>
      </c>
      <c r="D39" s="68">
        <v>-4</v>
      </c>
      <c r="E39" s="67">
        <v>0</v>
      </c>
      <c r="F39" s="68">
        <v>0</v>
      </c>
      <c r="G39" s="69">
        <v>0</v>
      </c>
      <c r="H39" s="68">
        <v>370</v>
      </c>
      <c r="I39" s="68">
        <v>184</v>
      </c>
      <c r="J39" s="68">
        <v>186</v>
      </c>
      <c r="K39" s="67">
        <v>396</v>
      </c>
      <c r="L39" s="79">
        <v>206</v>
      </c>
      <c r="M39" s="80">
        <v>190</v>
      </c>
    </row>
    <row r="40" spans="1:13">
      <c r="A40" s="15" t="s">
        <v>70</v>
      </c>
      <c r="B40" s="67">
        <v>29</v>
      </c>
      <c r="C40" s="68">
        <v>-6</v>
      </c>
      <c r="D40" s="68">
        <v>35</v>
      </c>
      <c r="E40" s="67">
        <v>1</v>
      </c>
      <c r="F40" s="68">
        <v>0</v>
      </c>
      <c r="G40" s="69">
        <v>1</v>
      </c>
      <c r="H40" s="68">
        <v>349</v>
      </c>
      <c r="I40" s="68">
        <v>164</v>
      </c>
      <c r="J40" s="68">
        <v>185</v>
      </c>
      <c r="K40" s="67">
        <v>319</v>
      </c>
      <c r="L40" s="79">
        <v>170</v>
      </c>
      <c r="M40" s="80">
        <v>149</v>
      </c>
    </row>
    <row r="41" spans="1:13">
      <c r="A41" s="15" t="s">
        <v>72</v>
      </c>
      <c r="B41" s="67">
        <v>90</v>
      </c>
      <c r="C41" s="68">
        <v>42</v>
      </c>
      <c r="D41" s="68">
        <v>48</v>
      </c>
      <c r="E41" s="67">
        <v>0</v>
      </c>
      <c r="F41" s="68">
        <v>0</v>
      </c>
      <c r="G41" s="69">
        <v>0</v>
      </c>
      <c r="H41" s="68">
        <v>394</v>
      </c>
      <c r="I41" s="68">
        <v>195</v>
      </c>
      <c r="J41" s="68">
        <v>199</v>
      </c>
      <c r="K41" s="67">
        <v>304</v>
      </c>
      <c r="L41" s="79">
        <v>153</v>
      </c>
      <c r="M41" s="80">
        <v>151</v>
      </c>
    </row>
    <row r="42" spans="1:13" ht="21" customHeight="1">
      <c r="A42" s="36" t="s">
        <v>74</v>
      </c>
      <c r="B42" s="64">
        <v>361</v>
      </c>
      <c r="C42" s="65">
        <v>165</v>
      </c>
      <c r="D42" s="65">
        <v>196</v>
      </c>
      <c r="E42" s="64">
        <v>4</v>
      </c>
      <c r="F42" s="65">
        <v>3</v>
      </c>
      <c r="G42" s="66">
        <v>1</v>
      </c>
      <c r="H42" s="65">
        <v>1501</v>
      </c>
      <c r="I42" s="65">
        <v>757</v>
      </c>
      <c r="J42" s="65">
        <v>744</v>
      </c>
      <c r="K42" s="64">
        <v>1136</v>
      </c>
      <c r="L42" s="77">
        <v>589</v>
      </c>
      <c r="M42" s="78">
        <v>547</v>
      </c>
    </row>
    <row r="43" spans="1:13">
      <c r="A43" s="15" t="s">
        <v>76</v>
      </c>
      <c r="B43" s="67">
        <v>78</v>
      </c>
      <c r="C43" s="68">
        <v>28</v>
      </c>
      <c r="D43" s="68">
        <v>50</v>
      </c>
      <c r="E43" s="67">
        <v>0</v>
      </c>
      <c r="F43" s="68">
        <v>0</v>
      </c>
      <c r="G43" s="69">
        <v>0</v>
      </c>
      <c r="H43" s="68">
        <v>359</v>
      </c>
      <c r="I43" s="68">
        <v>173</v>
      </c>
      <c r="J43" s="68">
        <v>186</v>
      </c>
      <c r="K43" s="67">
        <v>281</v>
      </c>
      <c r="L43" s="79">
        <v>145</v>
      </c>
      <c r="M43" s="80">
        <v>136</v>
      </c>
    </row>
    <row r="44" spans="1:13">
      <c r="A44" s="15" t="s">
        <v>78</v>
      </c>
      <c r="B44" s="67">
        <v>73</v>
      </c>
      <c r="C44" s="68">
        <v>27</v>
      </c>
      <c r="D44" s="68">
        <v>46</v>
      </c>
      <c r="E44" s="67">
        <v>2</v>
      </c>
      <c r="F44" s="68">
        <v>2</v>
      </c>
      <c r="G44" s="69">
        <v>0</v>
      </c>
      <c r="H44" s="68">
        <v>319</v>
      </c>
      <c r="I44" s="68">
        <v>157</v>
      </c>
      <c r="J44" s="68">
        <v>162</v>
      </c>
      <c r="K44" s="67">
        <v>244</v>
      </c>
      <c r="L44" s="79">
        <v>128</v>
      </c>
      <c r="M44" s="80">
        <v>116</v>
      </c>
    </row>
    <row r="45" spans="1:13">
      <c r="A45" s="15" t="s">
        <v>80</v>
      </c>
      <c r="B45" s="67">
        <v>63</v>
      </c>
      <c r="C45" s="68">
        <v>30</v>
      </c>
      <c r="D45" s="68">
        <v>33</v>
      </c>
      <c r="E45" s="67">
        <v>0</v>
      </c>
      <c r="F45" s="68">
        <v>0</v>
      </c>
      <c r="G45" s="69">
        <v>0</v>
      </c>
      <c r="H45" s="68">
        <v>279</v>
      </c>
      <c r="I45" s="68">
        <v>149</v>
      </c>
      <c r="J45" s="68">
        <v>130</v>
      </c>
      <c r="K45" s="67">
        <v>216</v>
      </c>
      <c r="L45" s="79">
        <v>119</v>
      </c>
      <c r="M45" s="80">
        <v>97</v>
      </c>
    </row>
    <row r="46" spans="1:13">
      <c r="A46" s="15" t="s">
        <v>82</v>
      </c>
      <c r="B46" s="67">
        <v>86</v>
      </c>
      <c r="C46" s="68">
        <v>43</v>
      </c>
      <c r="D46" s="68">
        <v>43</v>
      </c>
      <c r="E46" s="67">
        <v>1</v>
      </c>
      <c r="F46" s="68">
        <v>1</v>
      </c>
      <c r="G46" s="69">
        <v>0</v>
      </c>
      <c r="H46" s="68">
        <v>294</v>
      </c>
      <c r="I46" s="68">
        <v>144</v>
      </c>
      <c r="J46" s="68">
        <v>150</v>
      </c>
      <c r="K46" s="67">
        <v>207</v>
      </c>
      <c r="L46" s="79">
        <v>100</v>
      </c>
      <c r="M46" s="80">
        <v>107</v>
      </c>
    </row>
    <row r="47" spans="1:13">
      <c r="A47" s="15" t="s">
        <v>84</v>
      </c>
      <c r="B47" s="67">
        <v>61</v>
      </c>
      <c r="C47" s="68">
        <v>37</v>
      </c>
      <c r="D47" s="68">
        <v>24</v>
      </c>
      <c r="E47" s="67">
        <v>1</v>
      </c>
      <c r="F47" s="68">
        <v>0</v>
      </c>
      <c r="G47" s="69">
        <v>1</v>
      </c>
      <c r="H47" s="68">
        <v>250</v>
      </c>
      <c r="I47" s="68">
        <v>134</v>
      </c>
      <c r="J47" s="68">
        <v>116</v>
      </c>
      <c r="K47" s="67">
        <v>188</v>
      </c>
      <c r="L47" s="79">
        <v>97</v>
      </c>
      <c r="M47" s="80">
        <v>91</v>
      </c>
    </row>
    <row r="48" spans="1:13" ht="21" customHeight="1">
      <c r="A48" s="36" t="s">
        <v>86</v>
      </c>
      <c r="B48" s="64">
        <v>262</v>
      </c>
      <c r="C48" s="65">
        <v>136</v>
      </c>
      <c r="D48" s="65">
        <v>126</v>
      </c>
      <c r="E48" s="64">
        <v>3</v>
      </c>
      <c r="F48" s="65">
        <v>2</v>
      </c>
      <c r="G48" s="66">
        <v>1</v>
      </c>
      <c r="H48" s="65">
        <v>1005</v>
      </c>
      <c r="I48" s="65">
        <v>511</v>
      </c>
      <c r="J48" s="65">
        <v>494</v>
      </c>
      <c r="K48" s="64">
        <v>740</v>
      </c>
      <c r="L48" s="77">
        <v>373</v>
      </c>
      <c r="M48" s="78">
        <v>367</v>
      </c>
    </row>
    <row r="49" spans="1:13">
      <c r="A49" s="15" t="s">
        <v>88</v>
      </c>
      <c r="B49" s="67">
        <v>64</v>
      </c>
      <c r="C49" s="68">
        <v>40</v>
      </c>
      <c r="D49" s="68">
        <v>24</v>
      </c>
      <c r="E49" s="67">
        <v>0</v>
      </c>
      <c r="F49" s="68">
        <v>0</v>
      </c>
      <c r="G49" s="69">
        <v>0</v>
      </c>
      <c r="H49" s="68">
        <v>235</v>
      </c>
      <c r="I49" s="68">
        <v>123</v>
      </c>
      <c r="J49" s="68">
        <v>112</v>
      </c>
      <c r="K49" s="67">
        <v>171</v>
      </c>
      <c r="L49" s="79">
        <v>83</v>
      </c>
      <c r="M49" s="80">
        <v>88</v>
      </c>
    </row>
    <row r="50" spans="1:13">
      <c r="A50" s="15" t="s">
        <v>90</v>
      </c>
      <c r="B50" s="67">
        <v>78</v>
      </c>
      <c r="C50" s="68">
        <v>33</v>
      </c>
      <c r="D50" s="68">
        <v>45</v>
      </c>
      <c r="E50" s="67">
        <v>1</v>
      </c>
      <c r="F50" s="68">
        <v>1</v>
      </c>
      <c r="G50" s="69">
        <v>0</v>
      </c>
      <c r="H50" s="68">
        <v>225</v>
      </c>
      <c r="I50" s="68">
        <v>113</v>
      </c>
      <c r="J50" s="68">
        <v>112</v>
      </c>
      <c r="K50" s="67">
        <v>146</v>
      </c>
      <c r="L50" s="79">
        <v>79</v>
      </c>
      <c r="M50" s="80">
        <v>67</v>
      </c>
    </row>
    <row r="51" spans="1:13">
      <c r="A51" s="15" t="s">
        <v>92</v>
      </c>
      <c r="B51" s="67">
        <v>22</v>
      </c>
      <c r="C51" s="68">
        <v>5</v>
      </c>
      <c r="D51" s="68">
        <v>17</v>
      </c>
      <c r="E51" s="67">
        <v>0</v>
      </c>
      <c r="F51" s="68">
        <v>0</v>
      </c>
      <c r="G51" s="69">
        <v>0</v>
      </c>
      <c r="H51" s="68">
        <v>167</v>
      </c>
      <c r="I51" s="68">
        <v>81</v>
      </c>
      <c r="J51" s="68">
        <v>86</v>
      </c>
      <c r="K51" s="67">
        <v>145</v>
      </c>
      <c r="L51" s="79">
        <v>76</v>
      </c>
      <c r="M51" s="80">
        <v>69</v>
      </c>
    </row>
    <row r="52" spans="1:13">
      <c r="A52" s="15" t="s">
        <v>94</v>
      </c>
      <c r="B52" s="67">
        <v>40</v>
      </c>
      <c r="C52" s="68">
        <v>30</v>
      </c>
      <c r="D52" s="68">
        <v>10</v>
      </c>
      <c r="E52" s="67">
        <v>0</v>
      </c>
      <c r="F52" s="68">
        <v>0</v>
      </c>
      <c r="G52" s="69">
        <v>0</v>
      </c>
      <c r="H52" s="68">
        <v>191</v>
      </c>
      <c r="I52" s="68">
        <v>102</v>
      </c>
      <c r="J52" s="68">
        <v>89</v>
      </c>
      <c r="K52" s="67">
        <v>151</v>
      </c>
      <c r="L52" s="79">
        <v>72</v>
      </c>
      <c r="M52" s="80">
        <v>79</v>
      </c>
    </row>
    <row r="53" spans="1:13">
      <c r="A53" s="15" t="s">
        <v>96</v>
      </c>
      <c r="B53" s="67">
        <v>58</v>
      </c>
      <c r="C53" s="68">
        <v>28</v>
      </c>
      <c r="D53" s="68">
        <v>30</v>
      </c>
      <c r="E53" s="67">
        <v>2</v>
      </c>
      <c r="F53" s="68">
        <v>1</v>
      </c>
      <c r="G53" s="69">
        <v>1</v>
      </c>
      <c r="H53" s="68">
        <v>187</v>
      </c>
      <c r="I53" s="68">
        <v>92</v>
      </c>
      <c r="J53" s="68">
        <v>95</v>
      </c>
      <c r="K53" s="67">
        <v>127</v>
      </c>
      <c r="L53" s="79">
        <v>63</v>
      </c>
      <c r="M53" s="80">
        <v>64</v>
      </c>
    </row>
    <row r="54" spans="1:13" ht="21" customHeight="1">
      <c r="A54" s="36" t="s">
        <v>98</v>
      </c>
      <c r="B54" s="64">
        <v>179</v>
      </c>
      <c r="C54" s="65">
        <v>101</v>
      </c>
      <c r="D54" s="65">
        <v>78</v>
      </c>
      <c r="E54" s="64">
        <v>11</v>
      </c>
      <c r="F54" s="65">
        <v>5</v>
      </c>
      <c r="G54" s="66">
        <v>6</v>
      </c>
      <c r="H54" s="65">
        <v>686</v>
      </c>
      <c r="I54" s="65">
        <v>383</v>
      </c>
      <c r="J54" s="65">
        <v>303</v>
      </c>
      <c r="K54" s="64">
        <v>496</v>
      </c>
      <c r="L54" s="77">
        <v>277</v>
      </c>
      <c r="M54" s="78">
        <v>219</v>
      </c>
    </row>
    <row r="55" spans="1:13">
      <c r="A55" s="15" t="s">
        <v>100</v>
      </c>
      <c r="B55" s="67">
        <v>10</v>
      </c>
      <c r="C55" s="68">
        <v>15</v>
      </c>
      <c r="D55" s="68">
        <v>-5</v>
      </c>
      <c r="E55" s="67">
        <v>2</v>
      </c>
      <c r="F55" s="68">
        <v>1</v>
      </c>
      <c r="G55" s="69">
        <v>1</v>
      </c>
      <c r="H55" s="68">
        <v>149</v>
      </c>
      <c r="I55" s="68">
        <v>88</v>
      </c>
      <c r="J55" s="68">
        <v>61</v>
      </c>
      <c r="K55" s="67">
        <v>137</v>
      </c>
      <c r="L55" s="79">
        <v>72</v>
      </c>
      <c r="M55" s="80">
        <v>65</v>
      </c>
    </row>
    <row r="56" spans="1:13">
      <c r="A56" s="15" t="s">
        <v>102</v>
      </c>
      <c r="B56" s="67">
        <v>66</v>
      </c>
      <c r="C56" s="68">
        <v>34</v>
      </c>
      <c r="D56" s="68">
        <v>32</v>
      </c>
      <c r="E56" s="67">
        <v>2</v>
      </c>
      <c r="F56" s="68">
        <v>0</v>
      </c>
      <c r="G56" s="69">
        <v>2</v>
      </c>
      <c r="H56" s="68">
        <v>148</v>
      </c>
      <c r="I56" s="68">
        <v>81</v>
      </c>
      <c r="J56" s="68">
        <v>67</v>
      </c>
      <c r="K56" s="67">
        <v>80</v>
      </c>
      <c r="L56" s="79">
        <v>47</v>
      </c>
      <c r="M56" s="80">
        <v>33</v>
      </c>
    </row>
    <row r="57" spans="1:13">
      <c r="A57" s="15" t="s">
        <v>104</v>
      </c>
      <c r="B57" s="67">
        <v>48</v>
      </c>
      <c r="C57" s="68">
        <v>16</v>
      </c>
      <c r="D57" s="68">
        <v>32</v>
      </c>
      <c r="E57" s="67">
        <v>1</v>
      </c>
      <c r="F57" s="68">
        <v>1</v>
      </c>
      <c r="G57" s="69">
        <v>0</v>
      </c>
      <c r="H57" s="68">
        <v>145</v>
      </c>
      <c r="I57" s="68">
        <v>81</v>
      </c>
      <c r="J57" s="68">
        <v>64</v>
      </c>
      <c r="K57" s="67">
        <v>96</v>
      </c>
      <c r="L57" s="79">
        <v>64</v>
      </c>
      <c r="M57" s="80">
        <v>32</v>
      </c>
    </row>
    <row r="58" spans="1:13">
      <c r="A58" s="15" t="s">
        <v>106</v>
      </c>
      <c r="B58" s="67">
        <v>28</v>
      </c>
      <c r="C58" s="68">
        <v>14</v>
      </c>
      <c r="D58" s="68">
        <v>14</v>
      </c>
      <c r="E58" s="67">
        <v>3</v>
      </c>
      <c r="F58" s="68">
        <v>2</v>
      </c>
      <c r="G58" s="69">
        <v>1</v>
      </c>
      <c r="H58" s="68">
        <v>114</v>
      </c>
      <c r="I58" s="68">
        <v>57</v>
      </c>
      <c r="J58" s="68">
        <v>57</v>
      </c>
      <c r="K58" s="67">
        <v>83</v>
      </c>
      <c r="L58" s="79">
        <v>41</v>
      </c>
      <c r="M58" s="80">
        <v>42</v>
      </c>
    </row>
    <row r="59" spans="1:13">
      <c r="A59" s="15" t="s">
        <v>108</v>
      </c>
      <c r="B59" s="67">
        <v>27</v>
      </c>
      <c r="C59" s="68">
        <v>22</v>
      </c>
      <c r="D59" s="68">
        <v>5</v>
      </c>
      <c r="E59" s="67">
        <v>3</v>
      </c>
      <c r="F59" s="68">
        <v>1</v>
      </c>
      <c r="G59" s="69">
        <v>2</v>
      </c>
      <c r="H59" s="68">
        <v>130</v>
      </c>
      <c r="I59" s="68">
        <v>76</v>
      </c>
      <c r="J59" s="68">
        <v>54</v>
      </c>
      <c r="K59" s="67">
        <v>100</v>
      </c>
      <c r="L59" s="79">
        <v>53</v>
      </c>
      <c r="M59" s="80">
        <v>47</v>
      </c>
    </row>
    <row r="60" spans="1:13" ht="21" customHeight="1">
      <c r="A60" s="36" t="s">
        <v>110</v>
      </c>
      <c r="B60" s="64">
        <v>40</v>
      </c>
      <c r="C60" s="65">
        <v>5</v>
      </c>
      <c r="D60" s="65">
        <v>35</v>
      </c>
      <c r="E60" s="64">
        <v>33</v>
      </c>
      <c r="F60" s="65">
        <v>24</v>
      </c>
      <c r="G60" s="66">
        <v>9</v>
      </c>
      <c r="H60" s="65">
        <v>529</v>
      </c>
      <c r="I60" s="65">
        <v>278</v>
      </c>
      <c r="J60" s="65">
        <v>251</v>
      </c>
      <c r="K60" s="64">
        <v>456</v>
      </c>
      <c r="L60" s="77">
        <v>249</v>
      </c>
      <c r="M60" s="78">
        <v>207</v>
      </c>
    </row>
    <row r="61" spans="1:13">
      <c r="A61" s="15" t="s">
        <v>112</v>
      </c>
      <c r="B61" s="67">
        <v>21</v>
      </c>
      <c r="C61" s="68">
        <v>8</v>
      </c>
      <c r="D61" s="68">
        <v>13</v>
      </c>
      <c r="E61" s="67">
        <v>7</v>
      </c>
      <c r="F61" s="68">
        <v>5</v>
      </c>
      <c r="G61" s="69">
        <v>2</v>
      </c>
      <c r="H61" s="68">
        <v>116</v>
      </c>
      <c r="I61" s="68">
        <v>67</v>
      </c>
      <c r="J61" s="68">
        <v>49</v>
      </c>
      <c r="K61" s="67">
        <v>88</v>
      </c>
      <c r="L61" s="79">
        <v>54</v>
      </c>
      <c r="M61" s="80">
        <v>34</v>
      </c>
    </row>
    <row r="62" spans="1:13">
      <c r="A62" s="15" t="s">
        <v>114</v>
      </c>
      <c r="B62" s="67">
        <v>4</v>
      </c>
      <c r="C62" s="68">
        <v>-5</v>
      </c>
      <c r="D62" s="68">
        <v>9</v>
      </c>
      <c r="E62" s="67">
        <v>4</v>
      </c>
      <c r="F62" s="68">
        <v>3</v>
      </c>
      <c r="G62" s="69">
        <v>1</v>
      </c>
      <c r="H62" s="68">
        <v>107</v>
      </c>
      <c r="I62" s="68">
        <v>52</v>
      </c>
      <c r="J62" s="68">
        <v>55</v>
      </c>
      <c r="K62" s="67">
        <v>99</v>
      </c>
      <c r="L62" s="79">
        <v>54</v>
      </c>
      <c r="M62" s="80">
        <v>45</v>
      </c>
    </row>
    <row r="63" spans="1:13">
      <c r="A63" s="15" t="s">
        <v>116</v>
      </c>
      <c r="B63" s="67">
        <v>-5</v>
      </c>
      <c r="C63" s="68">
        <v>5</v>
      </c>
      <c r="D63" s="68">
        <v>-10</v>
      </c>
      <c r="E63" s="67">
        <v>8</v>
      </c>
      <c r="F63" s="68">
        <v>6</v>
      </c>
      <c r="G63" s="69">
        <v>2</v>
      </c>
      <c r="H63" s="68">
        <v>99</v>
      </c>
      <c r="I63" s="68">
        <v>60</v>
      </c>
      <c r="J63" s="68">
        <v>39</v>
      </c>
      <c r="K63" s="67">
        <v>96</v>
      </c>
      <c r="L63" s="79">
        <v>49</v>
      </c>
      <c r="M63" s="80">
        <v>47</v>
      </c>
    </row>
    <row r="64" spans="1:13">
      <c r="A64" s="15" t="s">
        <v>118</v>
      </c>
      <c r="B64" s="67">
        <v>16</v>
      </c>
      <c r="C64" s="68">
        <v>6</v>
      </c>
      <c r="D64" s="68">
        <v>10</v>
      </c>
      <c r="E64" s="67">
        <v>2</v>
      </c>
      <c r="F64" s="68">
        <v>2</v>
      </c>
      <c r="G64" s="69">
        <v>0</v>
      </c>
      <c r="H64" s="68">
        <v>106</v>
      </c>
      <c r="I64" s="68">
        <v>60</v>
      </c>
      <c r="J64" s="68">
        <v>46</v>
      </c>
      <c r="K64" s="67">
        <v>88</v>
      </c>
      <c r="L64" s="79">
        <v>52</v>
      </c>
      <c r="M64" s="80">
        <v>36</v>
      </c>
    </row>
    <row r="65" spans="1:13">
      <c r="A65" s="19" t="s">
        <v>120</v>
      </c>
      <c r="B65" s="70">
        <v>4</v>
      </c>
      <c r="C65" s="71">
        <v>-9</v>
      </c>
      <c r="D65" s="71">
        <v>13</v>
      </c>
      <c r="E65" s="70">
        <v>12</v>
      </c>
      <c r="F65" s="71">
        <v>8</v>
      </c>
      <c r="G65" s="72">
        <v>4</v>
      </c>
      <c r="H65" s="71">
        <v>101</v>
      </c>
      <c r="I65" s="71">
        <v>39</v>
      </c>
      <c r="J65" s="71">
        <v>62</v>
      </c>
      <c r="K65" s="70">
        <v>85</v>
      </c>
      <c r="L65" s="81">
        <v>40</v>
      </c>
      <c r="M65" s="82">
        <v>4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527</v>
      </c>
      <c r="C69" s="50">
        <v>781</v>
      </c>
      <c r="D69" s="84">
        <v>746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218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53</v>
      </c>
      <c r="C75" s="65">
        <v>26</v>
      </c>
      <c r="D75" s="65">
        <v>27</v>
      </c>
      <c r="E75" s="64">
        <v>33</v>
      </c>
      <c r="F75" s="65">
        <v>22</v>
      </c>
      <c r="G75" s="66">
        <v>11</v>
      </c>
      <c r="H75" s="65">
        <v>466</v>
      </c>
      <c r="I75" s="65">
        <v>241</v>
      </c>
      <c r="J75" s="65">
        <v>225</v>
      </c>
      <c r="K75" s="64">
        <v>380</v>
      </c>
      <c r="L75" s="77">
        <v>193</v>
      </c>
      <c r="M75" s="78">
        <v>187</v>
      </c>
    </row>
    <row r="76" spans="1:13">
      <c r="A76" s="27" t="s">
        <v>5</v>
      </c>
      <c r="B76" s="67">
        <v>24</v>
      </c>
      <c r="C76" s="68">
        <v>7</v>
      </c>
      <c r="D76" s="68">
        <v>17</v>
      </c>
      <c r="E76" s="67">
        <v>7</v>
      </c>
      <c r="F76" s="68">
        <v>4</v>
      </c>
      <c r="G76" s="69">
        <v>3</v>
      </c>
      <c r="H76" s="68">
        <v>111</v>
      </c>
      <c r="I76" s="68">
        <v>54</v>
      </c>
      <c r="J76" s="68">
        <v>57</v>
      </c>
      <c r="K76" s="67">
        <v>80</v>
      </c>
      <c r="L76" s="79">
        <v>43</v>
      </c>
      <c r="M76" s="80">
        <v>37</v>
      </c>
    </row>
    <row r="77" spans="1:13">
      <c r="A77" s="27" t="s">
        <v>7</v>
      </c>
      <c r="B77" s="67">
        <v>8</v>
      </c>
      <c r="C77" s="68">
        <v>16</v>
      </c>
      <c r="D77" s="68">
        <v>-8</v>
      </c>
      <c r="E77" s="67">
        <v>10</v>
      </c>
      <c r="F77" s="68">
        <v>7</v>
      </c>
      <c r="G77" s="69">
        <v>3</v>
      </c>
      <c r="H77" s="68">
        <v>103</v>
      </c>
      <c r="I77" s="68">
        <v>55</v>
      </c>
      <c r="J77" s="68">
        <v>48</v>
      </c>
      <c r="K77" s="67">
        <v>85</v>
      </c>
      <c r="L77" s="79">
        <v>32</v>
      </c>
      <c r="M77" s="80">
        <v>53</v>
      </c>
    </row>
    <row r="78" spans="1:13">
      <c r="A78" s="27" t="s">
        <v>9</v>
      </c>
      <c r="B78" s="67">
        <v>7</v>
      </c>
      <c r="C78" s="68">
        <v>3</v>
      </c>
      <c r="D78" s="68">
        <v>4</v>
      </c>
      <c r="E78" s="67">
        <v>5</v>
      </c>
      <c r="F78" s="68">
        <v>4</v>
      </c>
      <c r="G78" s="69">
        <v>1</v>
      </c>
      <c r="H78" s="68">
        <v>82</v>
      </c>
      <c r="I78" s="68">
        <v>48</v>
      </c>
      <c r="J78" s="68">
        <v>34</v>
      </c>
      <c r="K78" s="67">
        <v>70</v>
      </c>
      <c r="L78" s="79">
        <v>41</v>
      </c>
      <c r="M78" s="80">
        <v>29</v>
      </c>
    </row>
    <row r="79" spans="1:13">
      <c r="A79" s="27" t="s">
        <v>11</v>
      </c>
      <c r="B79" s="67">
        <v>7</v>
      </c>
      <c r="C79" s="68">
        <v>-3</v>
      </c>
      <c r="D79" s="68">
        <v>10</v>
      </c>
      <c r="E79" s="67">
        <v>8</v>
      </c>
      <c r="F79" s="68">
        <v>6</v>
      </c>
      <c r="G79" s="69">
        <v>2</v>
      </c>
      <c r="H79" s="68">
        <v>83</v>
      </c>
      <c r="I79" s="68">
        <v>40</v>
      </c>
      <c r="J79" s="68">
        <v>43</v>
      </c>
      <c r="K79" s="67">
        <v>68</v>
      </c>
      <c r="L79" s="79">
        <v>37</v>
      </c>
      <c r="M79" s="80">
        <v>31</v>
      </c>
    </row>
    <row r="80" spans="1:13">
      <c r="A80" s="27" t="s">
        <v>13</v>
      </c>
      <c r="B80" s="67">
        <v>7</v>
      </c>
      <c r="C80" s="68">
        <v>3</v>
      </c>
      <c r="D80" s="68">
        <v>4</v>
      </c>
      <c r="E80" s="67">
        <v>3</v>
      </c>
      <c r="F80" s="68">
        <v>1</v>
      </c>
      <c r="G80" s="69">
        <v>2</v>
      </c>
      <c r="H80" s="68">
        <v>87</v>
      </c>
      <c r="I80" s="68">
        <v>44</v>
      </c>
      <c r="J80" s="68">
        <v>43</v>
      </c>
      <c r="K80" s="67">
        <v>77</v>
      </c>
      <c r="L80" s="79">
        <v>40</v>
      </c>
      <c r="M80" s="80">
        <v>37</v>
      </c>
    </row>
    <row r="81" spans="1:13" ht="21" customHeight="1">
      <c r="A81" s="38" t="s">
        <v>15</v>
      </c>
      <c r="B81" s="64">
        <v>-2</v>
      </c>
      <c r="C81" s="65">
        <v>-19</v>
      </c>
      <c r="D81" s="65">
        <v>17</v>
      </c>
      <c r="E81" s="64">
        <v>55</v>
      </c>
      <c r="F81" s="65">
        <v>39</v>
      </c>
      <c r="G81" s="66">
        <v>16</v>
      </c>
      <c r="H81" s="65">
        <v>346</v>
      </c>
      <c r="I81" s="65">
        <v>173</v>
      </c>
      <c r="J81" s="65">
        <v>173</v>
      </c>
      <c r="K81" s="64">
        <v>293</v>
      </c>
      <c r="L81" s="77">
        <v>153</v>
      </c>
      <c r="M81" s="78">
        <v>140</v>
      </c>
    </row>
    <row r="82" spans="1:13">
      <c r="A82" s="27" t="s">
        <v>17</v>
      </c>
      <c r="B82" s="67">
        <v>-1</v>
      </c>
      <c r="C82" s="68">
        <v>0</v>
      </c>
      <c r="D82" s="68">
        <v>-1</v>
      </c>
      <c r="E82" s="67">
        <v>14</v>
      </c>
      <c r="F82" s="68">
        <v>10</v>
      </c>
      <c r="G82" s="69">
        <v>4</v>
      </c>
      <c r="H82" s="68">
        <v>94</v>
      </c>
      <c r="I82" s="68">
        <v>48</v>
      </c>
      <c r="J82" s="68">
        <v>46</v>
      </c>
      <c r="K82" s="67">
        <v>81</v>
      </c>
      <c r="L82" s="79">
        <v>38</v>
      </c>
      <c r="M82" s="80">
        <v>43</v>
      </c>
    </row>
    <row r="83" spans="1:13">
      <c r="A83" s="27" t="s">
        <v>19</v>
      </c>
      <c r="B83" s="67">
        <v>-11</v>
      </c>
      <c r="C83" s="68">
        <v>-11</v>
      </c>
      <c r="D83" s="68">
        <v>0</v>
      </c>
      <c r="E83" s="67">
        <v>5</v>
      </c>
      <c r="F83" s="68">
        <v>3</v>
      </c>
      <c r="G83" s="69">
        <v>2</v>
      </c>
      <c r="H83" s="68">
        <v>51</v>
      </c>
      <c r="I83" s="68">
        <v>24</v>
      </c>
      <c r="J83" s="68">
        <v>27</v>
      </c>
      <c r="K83" s="67">
        <v>57</v>
      </c>
      <c r="L83" s="79">
        <v>32</v>
      </c>
      <c r="M83" s="80">
        <v>25</v>
      </c>
    </row>
    <row r="84" spans="1:13">
      <c r="A84" s="27" t="s">
        <v>21</v>
      </c>
      <c r="B84" s="67">
        <v>11</v>
      </c>
      <c r="C84" s="68">
        <v>0</v>
      </c>
      <c r="D84" s="68">
        <v>11</v>
      </c>
      <c r="E84" s="67">
        <v>8</v>
      </c>
      <c r="F84" s="68">
        <v>8</v>
      </c>
      <c r="G84" s="69">
        <v>0</v>
      </c>
      <c r="H84" s="68">
        <v>80</v>
      </c>
      <c r="I84" s="68">
        <v>43</v>
      </c>
      <c r="J84" s="68">
        <v>37</v>
      </c>
      <c r="K84" s="67">
        <v>61</v>
      </c>
      <c r="L84" s="79">
        <v>35</v>
      </c>
      <c r="M84" s="80">
        <v>26</v>
      </c>
    </row>
    <row r="85" spans="1:13">
      <c r="A85" s="27" t="s">
        <v>23</v>
      </c>
      <c r="B85" s="67">
        <v>1</v>
      </c>
      <c r="C85" s="68">
        <v>-6</v>
      </c>
      <c r="D85" s="68">
        <v>7</v>
      </c>
      <c r="E85" s="67">
        <v>16</v>
      </c>
      <c r="F85" s="68">
        <v>12</v>
      </c>
      <c r="G85" s="69">
        <v>4</v>
      </c>
      <c r="H85" s="68">
        <v>65</v>
      </c>
      <c r="I85" s="68">
        <v>34</v>
      </c>
      <c r="J85" s="68">
        <v>31</v>
      </c>
      <c r="K85" s="67">
        <v>48</v>
      </c>
      <c r="L85" s="79">
        <v>28</v>
      </c>
      <c r="M85" s="80">
        <v>20</v>
      </c>
    </row>
    <row r="86" spans="1:13">
      <c r="A86" s="27" t="s">
        <v>25</v>
      </c>
      <c r="B86" s="67">
        <v>-2</v>
      </c>
      <c r="C86" s="68">
        <v>-2</v>
      </c>
      <c r="D86" s="68">
        <v>0</v>
      </c>
      <c r="E86" s="67">
        <v>12</v>
      </c>
      <c r="F86" s="68">
        <v>6</v>
      </c>
      <c r="G86" s="69">
        <v>6</v>
      </c>
      <c r="H86" s="68">
        <v>56</v>
      </c>
      <c r="I86" s="68">
        <v>24</v>
      </c>
      <c r="J86" s="68">
        <v>32</v>
      </c>
      <c r="K86" s="67">
        <v>46</v>
      </c>
      <c r="L86" s="79">
        <v>20</v>
      </c>
      <c r="M86" s="80">
        <v>26</v>
      </c>
    </row>
    <row r="87" spans="1:13" ht="21" customHeight="1">
      <c r="A87" s="38" t="s">
        <v>27</v>
      </c>
      <c r="B87" s="64">
        <v>-23</v>
      </c>
      <c r="C87" s="65">
        <v>-16</v>
      </c>
      <c r="D87" s="65">
        <v>-7</v>
      </c>
      <c r="E87" s="64">
        <v>83</v>
      </c>
      <c r="F87" s="65">
        <v>53</v>
      </c>
      <c r="G87" s="66">
        <v>30</v>
      </c>
      <c r="H87" s="65">
        <v>246</v>
      </c>
      <c r="I87" s="65">
        <v>139</v>
      </c>
      <c r="J87" s="65">
        <v>107</v>
      </c>
      <c r="K87" s="64">
        <v>186</v>
      </c>
      <c r="L87" s="77">
        <v>102</v>
      </c>
      <c r="M87" s="78">
        <v>84</v>
      </c>
    </row>
    <row r="88" spans="1:13">
      <c r="A88" s="27" t="s">
        <v>29</v>
      </c>
      <c r="B88" s="67">
        <v>13</v>
      </c>
      <c r="C88" s="68">
        <v>10</v>
      </c>
      <c r="D88" s="68">
        <v>3</v>
      </c>
      <c r="E88" s="67">
        <v>15</v>
      </c>
      <c r="F88" s="68">
        <v>8</v>
      </c>
      <c r="G88" s="69">
        <v>7</v>
      </c>
      <c r="H88" s="68">
        <v>65</v>
      </c>
      <c r="I88" s="68">
        <v>38</v>
      </c>
      <c r="J88" s="68">
        <v>27</v>
      </c>
      <c r="K88" s="67">
        <v>37</v>
      </c>
      <c r="L88" s="79">
        <v>20</v>
      </c>
      <c r="M88" s="80">
        <v>17</v>
      </c>
    </row>
    <row r="89" spans="1:13">
      <c r="A89" s="27" t="s">
        <v>31</v>
      </c>
      <c r="B89" s="67">
        <v>9</v>
      </c>
      <c r="C89" s="68">
        <v>6</v>
      </c>
      <c r="D89" s="68">
        <v>3</v>
      </c>
      <c r="E89" s="67">
        <v>24</v>
      </c>
      <c r="F89" s="68">
        <v>19</v>
      </c>
      <c r="G89" s="69">
        <v>5</v>
      </c>
      <c r="H89" s="68">
        <v>62</v>
      </c>
      <c r="I89" s="68">
        <v>41</v>
      </c>
      <c r="J89" s="68">
        <v>21</v>
      </c>
      <c r="K89" s="67">
        <v>29</v>
      </c>
      <c r="L89" s="79">
        <v>16</v>
      </c>
      <c r="M89" s="80">
        <v>13</v>
      </c>
    </row>
    <row r="90" spans="1:13">
      <c r="A90" s="27" t="s">
        <v>33</v>
      </c>
      <c r="B90" s="67">
        <v>-23</v>
      </c>
      <c r="C90" s="68">
        <v>-17</v>
      </c>
      <c r="D90" s="68">
        <v>-6</v>
      </c>
      <c r="E90" s="67">
        <v>15</v>
      </c>
      <c r="F90" s="68">
        <v>9</v>
      </c>
      <c r="G90" s="69">
        <v>6</v>
      </c>
      <c r="H90" s="68">
        <v>36</v>
      </c>
      <c r="I90" s="68">
        <v>18</v>
      </c>
      <c r="J90" s="68">
        <v>18</v>
      </c>
      <c r="K90" s="67">
        <v>44</v>
      </c>
      <c r="L90" s="79">
        <v>26</v>
      </c>
      <c r="M90" s="80">
        <v>18</v>
      </c>
    </row>
    <row r="91" spans="1:13">
      <c r="A91" s="27" t="s">
        <v>35</v>
      </c>
      <c r="B91" s="67">
        <v>-24</v>
      </c>
      <c r="C91" s="68">
        <v>-15</v>
      </c>
      <c r="D91" s="68">
        <v>-9</v>
      </c>
      <c r="E91" s="67">
        <v>18</v>
      </c>
      <c r="F91" s="68">
        <v>10</v>
      </c>
      <c r="G91" s="69">
        <v>8</v>
      </c>
      <c r="H91" s="68">
        <v>37</v>
      </c>
      <c r="I91" s="68">
        <v>17</v>
      </c>
      <c r="J91" s="68">
        <v>20</v>
      </c>
      <c r="K91" s="67">
        <v>43</v>
      </c>
      <c r="L91" s="79">
        <v>22</v>
      </c>
      <c r="M91" s="80">
        <v>21</v>
      </c>
    </row>
    <row r="92" spans="1:13">
      <c r="A92" s="27" t="s">
        <v>37</v>
      </c>
      <c r="B92" s="67">
        <v>2</v>
      </c>
      <c r="C92" s="68">
        <v>0</v>
      </c>
      <c r="D92" s="68">
        <v>2</v>
      </c>
      <c r="E92" s="67">
        <v>11</v>
      </c>
      <c r="F92" s="68">
        <v>7</v>
      </c>
      <c r="G92" s="69">
        <v>4</v>
      </c>
      <c r="H92" s="68">
        <v>46</v>
      </c>
      <c r="I92" s="68">
        <v>25</v>
      </c>
      <c r="J92" s="68">
        <v>21</v>
      </c>
      <c r="K92" s="67">
        <v>33</v>
      </c>
      <c r="L92" s="79">
        <v>18</v>
      </c>
      <c r="M92" s="80">
        <v>15</v>
      </c>
    </row>
    <row r="93" spans="1:13" ht="21" customHeight="1">
      <c r="A93" s="38" t="s">
        <v>39</v>
      </c>
      <c r="B93" s="64">
        <v>-76</v>
      </c>
      <c r="C93" s="65">
        <v>-61</v>
      </c>
      <c r="D93" s="65">
        <v>-15</v>
      </c>
      <c r="E93" s="64">
        <v>92</v>
      </c>
      <c r="F93" s="65">
        <v>61</v>
      </c>
      <c r="G93" s="66">
        <v>31</v>
      </c>
      <c r="H93" s="65">
        <v>171</v>
      </c>
      <c r="I93" s="65">
        <v>86</v>
      </c>
      <c r="J93" s="65">
        <v>85</v>
      </c>
      <c r="K93" s="64">
        <v>155</v>
      </c>
      <c r="L93" s="77">
        <v>86</v>
      </c>
      <c r="M93" s="78">
        <v>69</v>
      </c>
    </row>
    <row r="94" spans="1:13">
      <c r="A94" s="27" t="s">
        <v>41</v>
      </c>
      <c r="B94" s="67">
        <v>-31</v>
      </c>
      <c r="C94" s="68">
        <v>-15</v>
      </c>
      <c r="D94" s="68">
        <v>-16</v>
      </c>
      <c r="E94" s="67">
        <v>24</v>
      </c>
      <c r="F94" s="68">
        <v>14</v>
      </c>
      <c r="G94" s="69">
        <v>10</v>
      </c>
      <c r="H94" s="68">
        <v>35</v>
      </c>
      <c r="I94" s="68">
        <v>19</v>
      </c>
      <c r="J94" s="68">
        <v>16</v>
      </c>
      <c r="K94" s="67">
        <v>42</v>
      </c>
      <c r="L94" s="79">
        <v>20</v>
      </c>
      <c r="M94" s="80">
        <v>22</v>
      </c>
    </row>
    <row r="95" spans="1:13">
      <c r="A95" s="27" t="s">
        <v>43</v>
      </c>
      <c r="B95" s="67">
        <v>-5</v>
      </c>
      <c r="C95" s="68">
        <v>-3</v>
      </c>
      <c r="D95" s="68">
        <v>-2</v>
      </c>
      <c r="E95" s="67">
        <v>15</v>
      </c>
      <c r="F95" s="68">
        <v>8</v>
      </c>
      <c r="G95" s="69">
        <v>7</v>
      </c>
      <c r="H95" s="68">
        <v>41</v>
      </c>
      <c r="I95" s="68">
        <v>22</v>
      </c>
      <c r="J95" s="68">
        <v>19</v>
      </c>
      <c r="K95" s="67">
        <v>31</v>
      </c>
      <c r="L95" s="79">
        <v>17</v>
      </c>
      <c r="M95" s="80">
        <v>14</v>
      </c>
    </row>
    <row r="96" spans="1:13">
      <c r="A96" s="27" t="s">
        <v>45</v>
      </c>
      <c r="B96" s="67">
        <v>-16</v>
      </c>
      <c r="C96" s="68">
        <v>-18</v>
      </c>
      <c r="D96" s="68">
        <v>2</v>
      </c>
      <c r="E96" s="67">
        <v>19</v>
      </c>
      <c r="F96" s="68">
        <v>15</v>
      </c>
      <c r="G96" s="69">
        <v>4</v>
      </c>
      <c r="H96" s="68">
        <v>26</v>
      </c>
      <c r="I96" s="68">
        <v>8</v>
      </c>
      <c r="J96" s="68">
        <v>18</v>
      </c>
      <c r="K96" s="67">
        <v>23</v>
      </c>
      <c r="L96" s="79">
        <v>11</v>
      </c>
      <c r="M96" s="80">
        <v>12</v>
      </c>
    </row>
    <row r="97" spans="1:13">
      <c r="A97" s="27" t="s">
        <v>47</v>
      </c>
      <c r="B97" s="67">
        <v>-17</v>
      </c>
      <c r="C97" s="68">
        <v>-12</v>
      </c>
      <c r="D97" s="68">
        <v>-5</v>
      </c>
      <c r="E97" s="67">
        <v>11</v>
      </c>
      <c r="F97" s="68">
        <v>8</v>
      </c>
      <c r="G97" s="69">
        <v>3</v>
      </c>
      <c r="H97" s="68">
        <v>28</v>
      </c>
      <c r="I97" s="68">
        <v>15</v>
      </c>
      <c r="J97" s="68">
        <v>13</v>
      </c>
      <c r="K97" s="67">
        <v>34</v>
      </c>
      <c r="L97" s="79">
        <v>19</v>
      </c>
      <c r="M97" s="80">
        <v>15</v>
      </c>
    </row>
    <row r="98" spans="1:13">
      <c r="A98" s="27" t="s">
        <v>49</v>
      </c>
      <c r="B98" s="67">
        <v>-7</v>
      </c>
      <c r="C98" s="68">
        <v>-13</v>
      </c>
      <c r="D98" s="68">
        <v>6</v>
      </c>
      <c r="E98" s="67">
        <v>23</v>
      </c>
      <c r="F98" s="68">
        <v>16</v>
      </c>
      <c r="G98" s="69">
        <v>7</v>
      </c>
      <c r="H98" s="68">
        <v>41</v>
      </c>
      <c r="I98" s="68">
        <v>22</v>
      </c>
      <c r="J98" s="68">
        <v>19</v>
      </c>
      <c r="K98" s="67">
        <v>25</v>
      </c>
      <c r="L98" s="79">
        <v>19</v>
      </c>
      <c r="M98" s="80">
        <v>6</v>
      </c>
    </row>
    <row r="99" spans="1:13" ht="21" customHeight="1">
      <c r="A99" s="38" t="s">
        <v>51</v>
      </c>
      <c r="B99" s="64">
        <v>-156</v>
      </c>
      <c r="C99" s="65">
        <v>-98</v>
      </c>
      <c r="D99" s="65">
        <v>-58</v>
      </c>
      <c r="E99" s="64">
        <v>167</v>
      </c>
      <c r="F99" s="65">
        <v>105</v>
      </c>
      <c r="G99" s="66">
        <v>62</v>
      </c>
      <c r="H99" s="65">
        <v>154</v>
      </c>
      <c r="I99" s="65">
        <v>79</v>
      </c>
      <c r="J99" s="65">
        <v>75</v>
      </c>
      <c r="K99" s="64">
        <v>143</v>
      </c>
      <c r="L99" s="77">
        <v>72</v>
      </c>
      <c r="M99" s="78">
        <v>71</v>
      </c>
    </row>
    <row r="100" spans="1:13">
      <c r="A100" s="27" t="s">
        <v>53</v>
      </c>
      <c r="B100" s="67">
        <v>-28</v>
      </c>
      <c r="C100" s="68">
        <v>-24</v>
      </c>
      <c r="D100" s="68">
        <v>-4</v>
      </c>
      <c r="E100" s="67">
        <v>23</v>
      </c>
      <c r="F100" s="68">
        <v>17</v>
      </c>
      <c r="G100" s="69">
        <v>6</v>
      </c>
      <c r="H100" s="68">
        <v>25</v>
      </c>
      <c r="I100" s="68">
        <v>10</v>
      </c>
      <c r="J100" s="68">
        <v>15</v>
      </c>
      <c r="K100" s="67">
        <v>30</v>
      </c>
      <c r="L100" s="79">
        <v>17</v>
      </c>
      <c r="M100" s="80">
        <v>13</v>
      </c>
    </row>
    <row r="101" spans="1:13">
      <c r="A101" s="27" t="s">
        <v>55</v>
      </c>
      <c r="B101" s="67">
        <v>-25</v>
      </c>
      <c r="C101" s="68">
        <v>-10</v>
      </c>
      <c r="D101" s="68">
        <v>-15</v>
      </c>
      <c r="E101" s="67">
        <v>29</v>
      </c>
      <c r="F101" s="68">
        <v>16</v>
      </c>
      <c r="G101" s="69">
        <v>13</v>
      </c>
      <c r="H101" s="68">
        <v>28</v>
      </c>
      <c r="I101" s="68">
        <v>20</v>
      </c>
      <c r="J101" s="68">
        <v>8</v>
      </c>
      <c r="K101" s="67">
        <v>24</v>
      </c>
      <c r="L101" s="79">
        <v>14</v>
      </c>
      <c r="M101" s="80">
        <v>10</v>
      </c>
    </row>
    <row r="102" spans="1:13">
      <c r="A102" s="27" t="s">
        <v>57</v>
      </c>
      <c r="B102" s="67">
        <v>-32</v>
      </c>
      <c r="C102" s="68">
        <v>-21</v>
      </c>
      <c r="D102" s="68">
        <v>-11</v>
      </c>
      <c r="E102" s="67">
        <v>35</v>
      </c>
      <c r="F102" s="68">
        <v>21</v>
      </c>
      <c r="G102" s="69">
        <v>14</v>
      </c>
      <c r="H102" s="68">
        <v>30</v>
      </c>
      <c r="I102" s="68">
        <v>14</v>
      </c>
      <c r="J102" s="68">
        <v>16</v>
      </c>
      <c r="K102" s="67">
        <v>27</v>
      </c>
      <c r="L102" s="79">
        <v>14</v>
      </c>
      <c r="M102" s="80">
        <v>13</v>
      </c>
    </row>
    <row r="103" spans="1:13">
      <c r="A103" s="27" t="s">
        <v>59</v>
      </c>
      <c r="B103" s="67">
        <v>-47</v>
      </c>
      <c r="C103" s="68">
        <v>-26</v>
      </c>
      <c r="D103" s="68">
        <v>-21</v>
      </c>
      <c r="E103" s="67">
        <v>42</v>
      </c>
      <c r="F103" s="68">
        <v>28</v>
      </c>
      <c r="G103" s="69">
        <v>14</v>
      </c>
      <c r="H103" s="68">
        <v>31</v>
      </c>
      <c r="I103" s="68">
        <v>16</v>
      </c>
      <c r="J103" s="68">
        <v>15</v>
      </c>
      <c r="K103" s="67">
        <v>36</v>
      </c>
      <c r="L103" s="79">
        <v>14</v>
      </c>
      <c r="M103" s="80">
        <v>22</v>
      </c>
    </row>
    <row r="104" spans="1:13">
      <c r="A104" s="27" t="s">
        <v>61</v>
      </c>
      <c r="B104" s="67">
        <v>-24</v>
      </c>
      <c r="C104" s="68">
        <v>-17</v>
      </c>
      <c r="D104" s="68">
        <v>-7</v>
      </c>
      <c r="E104" s="67">
        <v>38</v>
      </c>
      <c r="F104" s="68">
        <v>23</v>
      </c>
      <c r="G104" s="69">
        <v>15</v>
      </c>
      <c r="H104" s="68">
        <v>40</v>
      </c>
      <c r="I104" s="68">
        <v>19</v>
      </c>
      <c r="J104" s="68">
        <v>21</v>
      </c>
      <c r="K104" s="67">
        <v>26</v>
      </c>
      <c r="L104" s="79">
        <v>13</v>
      </c>
      <c r="M104" s="80">
        <v>13</v>
      </c>
    </row>
    <row r="105" spans="1:13" ht="21" customHeight="1">
      <c r="A105" s="38" t="s">
        <v>63</v>
      </c>
      <c r="B105" s="64">
        <v>-283</v>
      </c>
      <c r="C105" s="65">
        <v>-192</v>
      </c>
      <c r="D105" s="65">
        <v>-91</v>
      </c>
      <c r="E105" s="64">
        <v>280</v>
      </c>
      <c r="F105" s="65">
        <v>186</v>
      </c>
      <c r="G105" s="66">
        <v>94</v>
      </c>
      <c r="H105" s="65">
        <v>138</v>
      </c>
      <c r="I105" s="65">
        <v>58</v>
      </c>
      <c r="J105" s="65">
        <v>80</v>
      </c>
      <c r="K105" s="64">
        <v>141</v>
      </c>
      <c r="L105" s="77">
        <v>64</v>
      </c>
      <c r="M105" s="78">
        <v>77</v>
      </c>
    </row>
    <row r="106" spans="1:13">
      <c r="A106" s="27" t="s">
        <v>65</v>
      </c>
      <c r="B106" s="67">
        <v>-54</v>
      </c>
      <c r="C106" s="68">
        <v>-47</v>
      </c>
      <c r="D106" s="68">
        <v>-7</v>
      </c>
      <c r="E106" s="67">
        <v>60</v>
      </c>
      <c r="F106" s="68">
        <v>46</v>
      </c>
      <c r="G106" s="69">
        <v>14</v>
      </c>
      <c r="H106" s="68">
        <v>36</v>
      </c>
      <c r="I106" s="68">
        <v>15</v>
      </c>
      <c r="J106" s="68">
        <v>21</v>
      </c>
      <c r="K106" s="67">
        <v>30</v>
      </c>
      <c r="L106" s="79">
        <v>16</v>
      </c>
      <c r="M106" s="80">
        <v>14</v>
      </c>
    </row>
    <row r="107" spans="1:13">
      <c r="A107" s="27" t="s">
        <v>67</v>
      </c>
      <c r="B107" s="67">
        <v>-51</v>
      </c>
      <c r="C107" s="68">
        <v>-28</v>
      </c>
      <c r="D107" s="68">
        <v>-23</v>
      </c>
      <c r="E107" s="67">
        <v>46</v>
      </c>
      <c r="F107" s="68">
        <v>29</v>
      </c>
      <c r="G107" s="69">
        <v>17</v>
      </c>
      <c r="H107" s="68">
        <v>25</v>
      </c>
      <c r="I107" s="68">
        <v>13</v>
      </c>
      <c r="J107" s="68">
        <v>12</v>
      </c>
      <c r="K107" s="67">
        <v>30</v>
      </c>
      <c r="L107" s="79">
        <v>12</v>
      </c>
      <c r="M107" s="80">
        <v>18</v>
      </c>
    </row>
    <row r="108" spans="1:13">
      <c r="A108" s="27" t="s">
        <v>69</v>
      </c>
      <c r="B108" s="67">
        <v>-47</v>
      </c>
      <c r="C108" s="68">
        <v>-26</v>
      </c>
      <c r="D108" s="68">
        <v>-21</v>
      </c>
      <c r="E108" s="67">
        <v>52</v>
      </c>
      <c r="F108" s="68">
        <v>27</v>
      </c>
      <c r="G108" s="69">
        <v>25</v>
      </c>
      <c r="H108" s="68">
        <v>26</v>
      </c>
      <c r="I108" s="68">
        <v>12</v>
      </c>
      <c r="J108" s="68">
        <v>14</v>
      </c>
      <c r="K108" s="67">
        <v>21</v>
      </c>
      <c r="L108" s="79">
        <v>11</v>
      </c>
      <c r="M108" s="80">
        <v>10</v>
      </c>
    </row>
    <row r="109" spans="1:13">
      <c r="A109" s="27" t="s">
        <v>71</v>
      </c>
      <c r="B109" s="67">
        <v>-55</v>
      </c>
      <c r="C109" s="68">
        <v>-36</v>
      </c>
      <c r="D109" s="68">
        <v>-19</v>
      </c>
      <c r="E109" s="67">
        <v>58</v>
      </c>
      <c r="F109" s="68">
        <v>34</v>
      </c>
      <c r="G109" s="69">
        <v>24</v>
      </c>
      <c r="H109" s="68">
        <v>29</v>
      </c>
      <c r="I109" s="68">
        <v>10</v>
      </c>
      <c r="J109" s="68">
        <v>19</v>
      </c>
      <c r="K109" s="67">
        <v>26</v>
      </c>
      <c r="L109" s="79">
        <v>12</v>
      </c>
      <c r="M109" s="80">
        <v>14</v>
      </c>
    </row>
    <row r="110" spans="1:13">
      <c r="A110" s="27" t="s">
        <v>73</v>
      </c>
      <c r="B110" s="67">
        <v>-76</v>
      </c>
      <c r="C110" s="68">
        <v>-55</v>
      </c>
      <c r="D110" s="68">
        <v>-21</v>
      </c>
      <c r="E110" s="67">
        <v>64</v>
      </c>
      <c r="F110" s="68">
        <v>50</v>
      </c>
      <c r="G110" s="69">
        <v>14</v>
      </c>
      <c r="H110" s="68">
        <v>22</v>
      </c>
      <c r="I110" s="68">
        <v>8</v>
      </c>
      <c r="J110" s="68">
        <v>14</v>
      </c>
      <c r="K110" s="67">
        <v>34</v>
      </c>
      <c r="L110" s="79">
        <v>13</v>
      </c>
      <c r="M110" s="80">
        <v>21</v>
      </c>
    </row>
    <row r="111" spans="1:13" ht="21" customHeight="1">
      <c r="A111" s="38" t="s">
        <v>75</v>
      </c>
      <c r="B111" s="64">
        <v>-358</v>
      </c>
      <c r="C111" s="65">
        <v>-228</v>
      </c>
      <c r="D111" s="65">
        <v>-130</v>
      </c>
      <c r="E111" s="64">
        <v>389</v>
      </c>
      <c r="F111" s="65">
        <v>232</v>
      </c>
      <c r="G111" s="66">
        <v>157</v>
      </c>
      <c r="H111" s="65">
        <v>133</v>
      </c>
      <c r="I111" s="65">
        <v>46</v>
      </c>
      <c r="J111" s="65">
        <v>87</v>
      </c>
      <c r="K111" s="64">
        <v>102</v>
      </c>
      <c r="L111" s="77">
        <v>42</v>
      </c>
      <c r="M111" s="78">
        <v>60</v>
      </c>
    </row>
    <row r="112" spans="1:13">
      <c r="A112" s="27" t="s">
        <v>77</v>
      </c>
      <c r="B112" s="67">
        <v>-54</v>
      </c>
      <c r="C112" s="68">
        <v>-36</v>
      </c>
      <c r="D112" s="68">
        <v>-18</v>
      </c>
      <c r="E112" s="67">
        <v>63</v>
      </c>
      <c r="F112" s="68">
        <v>38</v>
      </c>
      <c r="G112" s="69">
        <v>25</v>
      </c>
      <c r="H112" s="68">
        <v>28</v>
      </c>
      <c r="I112" s="68">
        <v>10</v>
      </c>
      <c r="J112" s="68">
        <v>18</v>
      </c>
      <c r="K112" s="67">
        <v>19</v>
      </c>
      <c r="L112" s="79">
        <v>8</v>
      </c>
      <c r="M112" s="80">
        <v>11</v>
      </c>
    </row>
    <row r="113" spans="1:13">
      <c r="A113" s="27" t="s">
        <v>79</v>
      </c>
      <c r="B113" s="67">
        <v>-91</v>
      </c>
      <c r="C113" s="68">
        <v>-60</v>
      </c>
      <c r="D113" s="68">
        <v>-31</v>
      </c>
      <c r="E113" s="67">
        <v>85</v>
      </c>
      <c r="F113" s="68">
        <v>57</v>
      </c>
      <c r="G113" s="69">
        <v>28</v>
      </c>
      <c r="H113" s="68">
        <v>22</v>
      </c>
      <c r="I113" s="68">
        <v>10</v>
      </c>
      <c r="J113" s="68">
        <v>12</v>
      </c>
      <c r="K113" s="67">
        <v>28</v>
      </c>
      <c r="L113" s="79">
        <v>13</v>
      </c>
      <c r="M113" s="80">
        <v>15</v>
      </c>
    </row>
    <row r="114" spans="1:13">
      <c r="A114" s="27" t="s">
        <v>81</v>
      </c>
      <c r="B114" s="67">
        <v>-82</v>
      </c>
      <c r="C114" s="68">
        <v>-52</v>
      </c>
      <c r="D114" s="68">
        <v>-30</v>
      </c>
      <c r="E114" s="67">
        <v>91</v>
      </c>
      <c r="F114" s="68">
        <v>55</v>
      </c>
      <c r="G114" s="69">
        <v>36</v>
      </c>
      <c r="H114" s="68">
        <v>33</v>
      </c>
      <c r="I114" s="68">
        <v>12</v>
      </c>
      <c r="J114" s="68">
        <v>21</v>
      </c>
      <c r="K114" s="67">
        <v>24</v>
      </c>
      <c r="L114" s="79">
        <v>9</v>
      </c>
      <c r="M114" s="80">
        <v>15</v>
      </c>
    </row>
    <row r="115" spans="1:13">
      <c r="A115" s="27" t="s">
        <v>83</v>
      </c>
      <c r="B115" s="67">
        <v>-57</v>
      </c>
      <c r="C115" s="68">
        <v>-41</v>
      </c>
      <c r="D115" s="68">
        <v>-16</v>
      </c>
      <c r="E115" s="67">
        <v>73</v>
      </c>
      <c r="F115" s="68">
        <v>44</v>
      </c>
      <c r="G115" s="69">
        <v>29</v>
      </c>
      <c r="H115" s="68">
        <v>30</v>
      </c>
      <c r="I115" s="68">
        <v>10</v>
      </c>
      <c r="J115" s="68">
        <v>20</v>
      </c>
      <c r="K115" s="67">
        <v>14</v>
      </c>
      <c r="L115" s="79">
        <v>7</v>
      </c>
      <c r="M115" s="80">
        <v>7</v>
      </c>
    </row>
    <row r="116" spans="1:13">
      <c r="A116" s="27" t="s">
        <v>85</v>
      </c>
      <c r="B116" s="67">
        <v>-74</v>
      </c>
      <c r="C116" s="68">
        <v>-39</v>
      </c>
      <c r="D116" s="68">
        <v>-35</v>
      </c>
      <c r="E116" s="67">
        <v>77</v>
      </c>
      <c r="F116" s="68">
        <v>38</v>
      </c>
      <c r="G116" s="69">
        <v>39</v>
      </c>
      <c r="H116" s="68">
        <v>20</v>
      </c>
      <c r="I116" s="68">
        <v>4</v>
      </c>
      <c r="J116" s="68">
        <v>16</v>
      </c>
      <c r="K116" s="67">
        <v>17</v>
      </c>
      <c r="L116" s="79">
        <v>5</v>
      </c>
      <c r="M116" s="80">
        <v>12</v>
      </c>
    </row>
    <row r="117" spans="1:13" ht="21" customHeight="1">
      <c r="A117" s="38" t="s">
        <v>87</v>
      </c>
      <c r="B117" s="64">
        <v>-559</v>
      </c>
      <c r="C117" s="65">
        <v>-293</v>
      </c>
      <c r="D117" s="65">
        <v>-266</v>
      </c>
      <c r="E117" s="64">
        <v>558</v>
      </c>
      <c r="F117" s="65">
        <v>285</v>
      </c>
      <c r="G117" s="66">
        <v>273</v>
      </c>
      <c r="H117" s="65">
        <v>109</v>
      </c>
      <c r="I117" s="65">
        <v>37</v>
      </c>
      <c r="J117" s="65">
        <v>72</v>
      </c>
      <c r="K117" s="64">
        <v>110</v>
      </c>
      <c r="L117" s="77">
        <v>45</v>
      </c>
      <c r="M117" s="78">
        <v>65</v>
      </c>
    </row>
    <row r="118" spans="1:13">
      <c r="A118" s="27" t="s">
        <v>89</v>
      </c>
      <c r="B118" s="67">
        <v>-116</v>
      </c>
      <c r="C118" s="68">
        <v>-67</v>
      </c>
      <c r="D118" s="68">
        <v>-49</v>
      </c>
      <c r="E118" s="67">
        <v>117</v>
      </c>
      <c r="F118" s="68">
        <v>66</v>
      </c>
      <c r="G118" s="69">
        <v>51</v>
      </c>
      <c r="H118" s="68">
        <v>24</v>
      </c>
      <c r="I118" s="68">
        <v>7</v>
      </c>
      <c r="J118" s="68">
        <v>17</v>
      </c>
      <c r="K118" s="67">
        <v>23</v>
      </c>
      <c r="L118" s="79">
        <v>8</v>
      </c>
      <c r="M118" s="80">
        <v>15</v>
      </c>
    </row>
    <row r="119" spans="1:13">
      <c r="A119" s="27" t="s">
        <v>91</v>
      </c>
      <c r="B119" s="67">
        <v>-99</v>
      </c>
      <c r="C119" s="68">
        <v>-55</v>
      </c>
      <c r="D119" s="68">
        <v>-44</v>
      </c>
      <c r="E119" s="67">
        <v>101</v>
      </c>
      <c r="F119" s="68">
        <v>52</v>
      </c>
      <c r="G119" s="69">
        <v>49</v>
      </c>
      <c r="H119" s="68">
        <v>31</v>
      </c>
      <c r="I119" s="68">
        <v>11</v>
      </c>
      <c r="J119" s="68">
        <v>20</v>
      </c>
      <c r="K119" s="67">
        <v>29</v>
      </c>
      <c r="L119" s="79">
        <v>14</v>
      </c>
      <c r="M119" s="80">
        <v>15</v>
      </c>
    </row>
    <row r="120" spans="1:13">
      <c r="A120" s="27" t="s">
        <v>93</v>
      </c>
      <c r="B120" s="67">
        <v>-126</v>
      </c>
      <c r="C120" s="68">
        <v>-57</v>
      </c>
      <c r="D120" s="68">
        <v>-69</v>
      </c>
      <c r="E120" s="67">
        <v>117</v>
      </c>
      <c r="F120" s="68">
        <v>52</v>
      </c>
      <c r="G120" s="69">
        <v>65</v>
      </c>
      <c r="H120" s="68">
        <v>13</v>
      </c>
      <c r="I120" s="68">
        <v>4</v>
      </c>
      <c r="J120" s="68">
        <v>9</v>
      </c>
      <c r="K120" s="67">
        <v>22</v>
      </c>
      <c r="L120" s="79">
        <v>9</v>
      </c>
      <c r="M120" s="80">
        <v>13</v>
      </c>
    </row>
    <row r="121" spans="1:13">
      <c r="A121" s="27" t="s">
        <v>95</v>
      </c>
      <c r="B121" s="67">
        <v>-129</v>
      </c>
      <c r="C121" s="68">
        <v>-65</v>
      </c>
      <c r="D121" s="68">
        <v>-64</v>
      </c>
      <c r="E121" s="67">
        <v>124</v>
      </c>
      <c r="F121" s="68">
        <v>61</v>
      </c>
      <c r="G121" s="69">
        <v>63</v>
      </c>
      <c r="H121" s="68">
        <v>17</v>
      </c>
      <c r="I121" s="68">
        <v>5</v>
      </c>
      <c r="J121" s="68">
        <v>12</v>
      </c>
      <c r="K121" s="67">
        <v>22</v>
      </c>
      <c r="L121" s="79">
        <v>9</v>
      </c>
      <c r="M121" s="80">
        <v>13</v>
      </c>
    </row>
    <row r="122" spans="1:13">
      <c r="A122" s="27" t="s">
        <v>97</v>
      </c>
      <c r="B122" s="67">
        <v>-89</v>
      </c>
      <c r="C122" s="68">
        <v>-49</v>
      </c>
      <c r="D122" s="68">
        <v>-40</v>
      </c>
      <c r="E122" s="67">
        <v>99</v>
      </c>
      <c r="F122" s="68">
        <v>54</v>
      </c>
      <c r="G122" s="69">
        <v>45</v>
      </c>
      <c r="H122" s="68">
        <v>24</v>
      </c>
      <c r="I122" s="68">
        <v>10</v>
      </c>
      <c r="J122" s="68">
        <v>14</v>
      </c>
      <c r="K122" s="67">
        <v>14</v>
      </c>
      <c r="L122" s="79">
        <v>5</v>
      </c>
      <c r="M122" s="80">
        <v>9</v>
      </c>
    </row>
    <row r="123" spans="1:13" ht="21" customHeight="1">
      <c r="A123" s="38" t="s">
        <v>99</v>
      </c>
      <c r="B123" s="64">
        <v>-468</v>
      </c>
      <c r="C123" s="65">
        <v>-181</v>
      </c>
      <c r="D123" s="65">
        <v>-287</v>
      </c>
      <c r="E123" s="64">
        <v>476</v>
      </c>
      <c r="F123" s="65">
        <v>189</v>
      </c>
      <c r="G123" s="66">
        <v>287</v>
      </c>
      <c r="H123" s="65">
        <v>58</v>
      </c>
      <c r="I123" s="65">
        <v>16</v>
      </c>
      <c r="J123" s="65">
        <v>42</v>
      </c>
      <c r="K123" s="64">
        <v>50</v>
      </c>
      <c r="L123" s="77">
        <v>8</v>
      </c>
      <c r="M123" s="78">
        <v>42</v>
      </c>
    </row>
    <row r="124" spans="1:13">
      <c r="A124" s="27" t="s">
        <v>101</v>
      </c>
      <c r="B124" s="67">
        <v>-77</v>
      </c>
      <c r="C124" s="68">
        <v>-28</v>
      </c>
      <c r="D124" s="68">
        <v>-49</v>
      </c>
      <c r="E124" s="67">
        <v>82</v>
      </c>
      <c r="F124" s="68">
        <v>30</v>
      </c>
      <c r="G124" s="69">
        <v>52</v>
      </c>
      <c r="H124" s="68">
        <v>15</v>
      </c>
      <c r="I124" s="68">
        <v>6</v>
      </c>
      <c r="J124" s="68">
        <v>9</v>
      </c>
      <c r="K124" s="67">
        <v>10</v>
      </c>
      <c r="L124" s="79">
        <v>4</v>
      </c>
      <c r="M124" s="80">
        <v>6</v>
      </c>
    </row>
    <row r="125" spans="1:13">
      <c r="A125" s="27" t="s">
        <v>103</v>
      </c>
      <c r="B125" s="67">
        <v>-133</v>
      </c>
      <c r="C125" s="68">
        <v>-55</v>
      </c>
      <c r="D125" s="68">
        <v>-78</v>
      </c>
      <c r="E125" s="67">
        <v>139</v>
      </c>
      <c r="F125" s="68">
        <v>59</v>
      </c>
      <c r="G125" s="69">
        <v>80</v>
      </c>
      <c r="H125" s="68">
        <v>17</v>
      </c>
      <c r="I125" s="68">
        <v>6</v>
      </c>
      <c r="J125" s="68">
        <v>11</v>
      </c>
      <c r="K125" s="67">
        <v>11</v>
      </c>
      <c r="L125" s="79">
        <v>2</v>
      </c>
      <c r="M125" s="80">
        <v>9</v>
      </c>
    </row>
    <row r="126" spans="1:13">
      <c r="A126" s="27" t="s">
        <v>105</v>
      </c>
      <c r="B126" s="67">
        <v>-88</v>
      </c>
      <c r="C126" s="68">
        <v>-40</v>
      </c>
      <c r="D126" s="68">
        <v>-48</v>
      </c>
      <c r="E126" s="67">
        <v>88</v>
      </c>
      <c r="F126" s="68">
        <v>40</v>
      </c>
      <c r="G126" s="69">
        <v>48</v>
      </c>
      <c r="H126" s="68">
        <v>14</v>
      </c>
      <c r="I126" s="68">
        <v>1</v>
      </c>
      <c r="J126" s="68">
        <v>13</v>
      </c>
      <c r="K126" s="67">
        <v>14</v>
      </c>
      <c r="L126" s="79">
        <v>1</v>
      </c>
      <c r="M126" s="80">
        <v>13</v>
      </c>
    </row>
    <row r="127" spans="1:13">
      <c r="A127" s="27" t="s">
        <v>107</v>
      </c>
      <c r="B127" s="67">
        <v>-93</v>
      </c>
      <c r="C127" s="68">
        <v>-36</v>
      </c>
      <c r="D127" s="68">
        <v>-57</v>
      </c>
      <c r="E127" s="67">
        <v>90</v>
      </c>
      <c r="F127" s="68">
        <v>37</v>
      </c>
      <c r="G127" s="69">
        <v>53</v>
      </c>
      <c r="H127" s="68">
        <v>6</v>
      </c>
      <c r="I127" s="68">
        <v>1</v>
      </c>
      <c r="J127" s="68">
        <v>5</v>
      </c>
      <c r="K127" s="67">
        <v>9</v>
      </c>
      <c r="L127" s="79">
        <v>0</v>
      </c>
      <c r="M127" s="80">
        <v>9</v>
      </c>
    </row>
    <row r="128" spans="1:13">
      <c r="A128" s="27" t="s">
        <v>109</v>
      </c>
      <c r="B128" s="67">
        <v>-77</v>
      </c>
      <c r="C128" s="68">
        <v>-22</v>
      </c>
      <c r="D128" s="68">
        <v>-55</v>
      </c>
      <c r="E128" s="67">
        <v>77</v>
      </c>
      <c r="F128" s="68">
        <v>23</v>
      </c>
      <c r="G128" s="69">
        <v>54</v>
      </c>
      <c r="H128" s="68">
        <v>6</v>
      </c>
      <c r="I128" s="68">
        <v>2</v>
      </c>
      <c r="J128" s="68">
        <v>4</v>
      </c>
      <c r="K128" s="67">
        <v>6</v>
      </c>
      <c r="L128" s="79">
        <v>1</v>
      </c>
      <c r="M128" s="80">
        <v>5</v>
      </c>
    </row>
    <row r="129" spans="1:14" ht="21" customHeight="1">
      <c r="A129" s="38" t="s">
        <v>111</v>
      </c>
      <c r="B129" s="64">
        <v>-248</v>
      </c>
      <c r="C129" s="65">
        <v>-70</v>
      </c>
      <c r="D129" s="65">
        <v>-178</v>
      </c>
      <c r="E129" s="64">
        <v>238</v>
      </c>
      <c r="F129" s="65">
        <v>67</v>
      </c>
      <c r="G129" s="66">
        <v>171</v>
      </c>
      <c r="H129" s="65">
        <v>12</v>
      </c>
      <c r="I129" s="65">
        <v>2</v>
      </c>
      <c r="J129" s="65">
        <v>10</v>
      </c>
      <c r="K129" s="64">
        <v>22</v>
      </c>
      <c r="L129" s="77">
        <v>5</v>
      </c>
      <c r="M129" s="78">
        <v>17</v>
      </c>
    </row>
    <row r="130" spans="1:14">
      <c r="A130" s="27" t="s">
        <v>113</v>
      </c>
      <c r="B130" s="67">
        <v>-72</v>
      </c>
      <c r="C130" s="68">
        <v>-18</v>
      </c>
      <c r="D130" s="68">
        <v>-54</v>
      </c>
      <c r="E130" s="67">
        <v>62</v>
      </c>
      <c r="F130" s="68">
        <v>17</v>
      </c>
      <c r="G130" s="69">
        <v>45</v>
      </c>
      <c r="H130" s="68">
        <v>4</v>
      </c>
      <c r="I130" s="68">
        <v>1</v>
      </c>
      <c r="J130" s="68">
        <v>3</v>
      </c>
      <c r="K130" s="67">
        <v>14</v>
      </c>
      <c r="L130" s="79">
        <v>2</v>
      </c>
      <c r="M130" s="80">
        <v>12</v>
      </c>
    </row>
    <row r="131" spans="1:14">
      <c r="A131" s="27" t="s">
        <v>115</v>
      </c>
      <c r="B131" s="67">
        <v>-68</v>
      </c>
      <c r="C131" s="68">
        <v>-22</v>
      </c>
      <c r="D131" s="68">
        <v>-46</v>
      </c>
      <c r="E131" s="67">
        <v>67</v>
      </c>
      <c r="F131" s="68">
        <v>21</v>
      </c>
      <c r="G131" s="69">
        <v>46</v>
      </c>
      <c r="H131" s="68">
        <v>3</v>
      </c>
      <c r="I131" s="68">
        <v>1</v>
      </c>
      <c r="J131" s="68">
        <v>2</v>
      </c>
      <c r="K131" s="67">
        <v>4</v>
      </c>
      <c r="L131" s="79">
        <v>2</v>
      </c>
      <c r="M131" s="80">
        <v>2</v>
      </c>
    </row>
    <row r="132" spans="1:14">
      <c r="A132" s="27" t="s">
        <v>117</v>
      </c>
      <c r="B132" s="67">
        <v>-45</v>
      </c>
      <c r="C132" s="68">
        <v>-9</v>
      </c>
      <c r="D132" s="68">
        <v>-36</v>
      </c>
      <c r="E132" s="67">
        <v>45</v>
      </c>
      <c r="F132" s="68">
        <v>8</v>
      </c>
      <c r="G132" s="69">
        <v>37</v>
      </c>
      <c r="H132" s="68">
        <v>1</v>
      </c>
      <c r="I132" s="68">
        <v>0</v>
      </c>
      <c r="J132" s="68">
        <v>1</v>
      </c>
      <c r="K132" s="67">
        <v>1</v>
      </c>
      <c r="L132" s="79">
        <v>1</v>
      </c>
      <c r="M132" s="80">
        <v>0</v>
      </c>
    </row>
    <row r="133" spans="1:14">
      <c r="A133" s="27" t="s">
        <v>119</v>
      </c>
      <c r="B133" s="67">
        <v>-33</v>
      </c>
      <c r="C133" s="68">
        <v>-12</v>
      </c>
      <c r="D133" s="68">
        <v>-21</v>
      </c>
      <c r="E133" s="67">
        <v>34</v>
      </c>
      <c r="F133" s="68">
        <v>12</v>
      </c>
      <c r="G133" s="69">
        <v>22</v>
      </c>
      <c r="H133" s="68">
        <v>3</v>
      </c>
      <c r="I133" s="68">
        <v>0</v>
      </c>
      <c r="J133" s="68">
        <v>3</v>
      </c>
      <c r="K133" s="67">
        <v>2</v>
      </c>
      <c r="L133" s="79">
        <v>0</v>
      </c>
      <c r="M133" s="80">
        <v>2</v>
      </c>
    </row>
    <row r="134" spans="1:14">
      <c r="A134" s="27" t="s">
        <v>121</v>
      </c>
      <c r="B134" s="67">
        <v>-30</v>
      </c>
      <c r="C134" s="68">
        <v>-9</v>
      </c>
      <c r="D134" s="68">
        <v>-21</v>
      </c>
      <c r="E134" s="67">
        <v>30</v>
      </c>
      <c r="F134" s="68">
        <v>9</v>
      </c>
      <c r="G134" s="69">
        <v>21</v>
      </c>
      <c r="H134" s="68">
        <v>1</v>
      </c>
      <c r="I134" s="68">
        <v>0</v>
      </c>
      <c r="J134" s="68">
        <v>1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67</v>
      </c>
      <c r="C135" s="40">
        <v>-8</v>
      </c>
      <c r="D135" s="40">
        <v>-59</v>
      </c>
      <c r="E135" s="42">
        <v>65</v>
      </c>
      <c r="F135" s="40">
        <v>9</v>
      </c>
      <c r="G135" s="43">
        <v>56</v>
      </c>
      <c r="H135" s="40">
        <v>2</v>
      </c>
      <c r="I135" s="40">
        <v>1</v>
      </c>
      <c r="J135" s="40">
        <v>1</v>
      </c>
      <c r="K135" s="42">
        <v>4</v>
      </c>
      <c r="L135" s="44">
        <v>0</v>
      </c>
      <c r="M135" s="85">
        <v>4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4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8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339</v>
      </c>
      <c r="C5" s="62">
        <v>-157</v>
      </c>
      <c r="D5" s="62">
        <v>-182</v>
      </c>
      <c r="E5" s="61">
        <v>1858</v>
      </c>
      <c r="F5" s="62">
        <v>989</v>
      </c>
      <c r="G5" s="63">
        <v>869</v>
      </c>
      <c r="H5" s="62">
        <v>6469</v>
      </c>
      <c r="I5" s="62">
        <v>3670</v>
      </c>
      <c r="J5" s="62">
        <v>2799</v>
      </c>
      <c r="K5" s="61">
        <v>5689</v>
      </c>
      <c r="L5" s="75">
        <v>3191</v>
      </c>
      <c r="M5" s="76">
        <v>2498</v>
      </c>
    </row>
    <row r="6" spans="1:13" ht="23.25" customHeight="1">
      <c r="A6" s="36" t="s">
        <v>2</v>
      </c>
      <c r="B6" s="64">
        <v>851</v>
      </c>
      <c r="C6" s="65">
        <v>404</v>
      </c>
      <c r="D6" s="65">
        <v>447</v>
      </c>
      <c r="E6" s="64">
        <v>2</v>
      </c>
      <c r="F6" s="65">
        <v>0</v>
      </c>
      <c r="G6" s="66">
        <v>2</v>
      </c>
      <c r="H6" s="65">
        <v>340</v>
      </c>
      <c r="I6" s="65">
        <v>175</v>
      </c>
      <c r="J6" s="65">
        <v>165</v>
      </c>
      <c r="K6" s="64">
        <v>226</v>
      </c>
      <c r="L6" s="77">
        <v>124</v>
      </c>
      <c r="M6" s="78">
        <v>102</v>
      </c>
    </row>
    <row r="7" spans="1:13">
      <c r="A7" s="15" t="s">
        <v>4</v>
      </c>
      <c r="B7" s="67">
        <v>756</v>
      </c>
      <c r="C7" s="68">
        <v>362</v>
      </c>
      <c r="D7" s="68">
        <v>394</v>
      </c>
      <c r="E7" s="67">
        <v>2</v>
      </c>
      <c r="F7" s="68">
        <v>0</v>
      </c>
      <c r="G7" s="69">
        <v>2</v>
      </c>
      <c r="H7" s="68">
        <v>86</v>
      </c>
      <c r="I7" s="68">
        <v>38</v>
      </c>
      <c r="J7" s="68">
        <v>48</v>
      </c>
      <c r="K7" s="67">
        <v>67</v>
      </c>
      <c r="L7" s="79">
        <v>29</v>
      </c>
      <c r="M7" s="80">
        <v>38</v>
      </c>
    </row>
    <row r="8" spans="1:13">
      <c r="A8" s="15" t="s">
        <v>6</v>
      </c>
      <c r="B8" s="67">
        <v>37</v>
      </c>
      <c r="C8" s="68">
        <v>18</v>
      </c>
      <c r="D8" s="68">
        <v>19</v>
      </c>
      <c r="E8" s="67">
        <v>0</v>
      </c>
      <c r="F8" s="68">
        <v>0</v>
      </c>
      <c r="G8" s="69">
        <v>0</v>
      </c>
      <c r="H8" s="68">
        <v>88</v>
      </c>
      <c r="I8" s="68">
        <v>47</v>
      </c>
      <c r="J8" s="68">
        <v>41</v>
      </c>
      <c r="K8" s="67">
        <v>51</v>
      </c>
      <c r="L8" s="79">
        <v>29</v>
      </c>
      <c r="M8" s="80">
        <v>22</v>
      </c>
    </row>
    <row r="9" spans="1:13">
      <c r="A9" s="15" t="s">
        <v>8</v>
      </c>
      <c r="B9" s="67">
        <v>28</v>
      </c>
      <c r="C9" s="68">
        <v>15</v>
      </c>
      <c r="D9" s="68">
        <v>13</v>
      </c>
      <c r="E9" s="67">
        <v>0</v>
      </c>
      <c r="F9" s="68">
        <v>0</v>
      </c>
      <c r="G9" s="69">
        <v>0</v>
      </c>
      <c r="H9" s="68">
        <v>76</v>
      </c>
      <c r="I9" s="68">
        <v>42</v>
      </c>
      <c r="J9" s="68">
        <v>34</v>
      </c>
      <c r="K9" s="67">
        <v>48</v>
      </c>
      <c r="L9" s="79">
        <v>27</v>
      </c>
      <c r="M9" s="80">
        <v>21</v>
      </c>
    </row>
    <row r="10" spans="1:13">
      <c r="A10" s="15" t="s">
        <v>10</v>
      </c>
      <c r="B10" s="67">
        <v>22</v>
      </c>
      <c r="C10" s="68">
        <v>7</v>
      </c>
      <c r="D10" s="68">
        <v>15</v>
      </c>
      <c r="E10" s="67">
        <v>0</v>
      </c>
      <c r="F10" s="68">
        <v>0</v>
      </c>
      <c r="G10" s="69">
        <v>0</v>
      </c>
      <c r="H10" s="68">
        <v>55</v>
      </c>
      <c r="I10" s="68">
        <v>28</v>
      </c>
      <c r="J10" s="68">
        <v>27</v>
      </c>
      <c r="K10" s="67">
        <v>33</v>
      </c>
      <c r="L10" s="79">
        <v>21</v>
      </c>
      <c r="M10" s="80">
        <v>12</v>
      </c>
    </row>
    <row r="11" spans="1:13">
      <c r="A11" s="15" t="s">
        <v>12</v>
      </c>
      <c r="B11" s="67">
        <v>8</v>
      </c>
      <c r="C11" s="68">
        <v>2</v>
      </c>
      <c r="D11" s="68">
        <v>6</v>
      </c>
      <c r="E11" s="67">
        <v>0</v>
      </c>
      <c r="F11" s="68">
        <v>0</v>
      </c>
      <c r="G11" s="69">
        <v>0</v>
      </c>
      <c r="H11" s="68">
        <v>35</v>
      </c>
      <c r="I11" s="68">
        <v>20</v>
      </c>
      <c r="J11" s="68">
        <v>15</v>
      </c>
      <c r="K11" s="67">
        <v>27</v>
      </c>
      <c r="L11" s="79">
        <v>18</v>
      </c>
      <c r="M11" s="80">
        <v>9</v>
      </c>
    </row>
    <row r="12" spans="1:13" ht="21" customHeight="1">
      <c r="A12" s="36" t="s">
        <v>14</v>
      </c>
      <c r="B12" s="64">
        <v>32</v>
      </c>
      <c r="C12" s="65">
        <v>16</v>
      </c>
      <c r="D12" s="65">
        <v>16</v>
      </c>
      <c r="E12" s="64">
        <v>0</v>
      </c>
      <c r="F12" s="65">
        <v>0</v>
      </c>
      <c r="G12" s="66">
        <v>0</v>
      </c>
      <c r="H12" s="65">
        <v>134</v>
      </c>
      <c r="I12" s="65">
        <v>72</v>
      </c>
      <c r="J12" s="65">
        <v>62</v>
      </c>
      <c r="K12" s="64">
        <v>102</v>
      </c>
      <c r="L12" s="77">
        <v>56</v>
      </c>
      <c r="M12" s="78">
        <v>46</v>
      </c>
    </row>
    <row r="13" spans="1:13">
      <c r="A13" s="15" t="s">
        <v>16</v>
      </c>
      <c r="B13" s="67">
        <v>4</v>
      </c>
      <c r="C13" s="68">
        <v>7</v>
      </c>
      <c r="D13" s="68">
        <v>-3</v>
      </c>
      <c r="E13" s="67">
        <v>0</v>
      </c>
      <c r="F13" s="68">
        <v>0</v>
      </c>
      <c r="G13" s="69">
        <v>0</v>
      </c>
      <c r="H13" s="68">
        <v>33</v>
      </c>
      <c r="I13" s="68">
        <v>17</v>
      </c>
      <c r="J13" s="68">
        <v>16</v>
      </c>
      <c r="K13" s="67">
        <v>29</v>
      </c>
      <c r="L13" s="79">
        <v>10</v>
      </c>
      <c r="M13" s="80">
        <v>19</v>
      </c>
    </row>
    <row r="14" spans="1:13">
      <c r="A14" s="15" t="s">
        <v>18</v>
      </c>
      <c r="B14" s="67">
        <v>15</v>
      </c>
      <c r="C14" s="68">
        <v>-2</v>
      </c>
      <c r="D14" s="68">
        <v>17</v>
      </c>
      <c r="E14" s="67">
        <v>0</v>
      </c>
      <c r="F14" s="68">
        <v>0</v>
      </c>
      <c r="G14" s="69">
        <v>0</v>
      </c>
      <c r="H14" s="68">
        <v>45</v>
      </c>
      <c r="I14" s="68">
        <v>21</v>
      </c>
      <c r="J14" s="68">
        <v>24</v>
      </c>
      <c r="K14" s="67">
        <v>30</v>
      </c>
      <c r="L14" s="79">
        <v>23</v>
      </c>
      <c r="M14" s="80">
        <v>7</v>
      </c>
    </row>
    <row r="15" spans="1:13">
      <c r="A15" s="15" t="s">
        <v>20</v>
      </c>
      <c r="B15" s="67">
        <v>-3</v>
      </c>
      <c r="C15" s="68">
        <v>-3</v>
      </c>
      <c r="D15" s="68">
        <v>0</v>
      </c>
      <c r="E15" s="67">
        <v>0</v>
      </c>
      <c r="F15" s="68">
        <v>0</v>
      </c>
      <c r="G15" s="69">
        <v>0</v>
      </c>
      <c r="H15" s="68">
        <v>13</v>
      </c>
      <c r="I15" s="68">
        <v>7</v>
      </c>
      <c r="J15" s="68">
        <v>6</v>
      </c>
      <c r="K15" s="67">
        <v>16</v>
      </c>
      <c r="L15" s="79">
        <v>10</v>
      </c>
      <c r="M15" s="80">
        <v>6</v>
      </c>
    </row>
    <row r="16" spans="1:13">
      <c r="A16" s="15" t="s">
        <v>22</v>
      </c>
      <c r="B16" s="67">
        <v>11</v>
      </c>
      <c r="C16" s="68">
        <v>6</v>
      </c>
      <c r="D16" s="68">
        <v>5</v>
      </c>
      <c r="E16" s="67">
        <v>0</v>
      </c>
      <c r="F16" s="68">
        <v>0</v>
      </c>
      <c r="G16" s="69">
        <v>0</v>
      </c>
      <c r="H16" s="68">
        <v>22</v>
      </c>
      <c r="I16" s="68">
        <v>12</v>
      </c>
      <c r="J16" s="68">
        <v>10</v>
      </c>
      <c r="K16" s="67">
        <v>11</v>
      </c>
      <c r="L16" s="79">
        <v>6</v>
      </c>
      <c r="M16" s="80">
        <v>5</v>
      </c>
    </row>
    <row r="17" spans="1:13">
      <c r="A17" s="15" t="s">
        <v>24</v>
      </c>
      <c r="B17" s="67">
        <v>5</v>
      </c>
      <c r="C17" s="68">
        <v>8</v>
      </c>
      <c r="D17" s="68">
        <v>-3</v>
      </c>
      <c r="E17" s="67">
        <v>0</v>
      </c>
      <c r="F17" s="68">
        <v>0</v>
      </c>
      <c r="G17" s="69">
        <v>0</v>
      </c>
      <c r="H17" s="68">
        <v>21</v>
      </c>
      <c r="I17" s="68">
        <v>15</v>
      </c>
      <c r="J17" s="68">
        <v>6</v>
      </c>
      <c r="K17" s="67">
        <v>16</v>
      </c>
      <c r="L17" s="79">
        <v>7</v>
      </c>
      <c r="M17" s="80">
        <v>9</v>
      </c>
    </row>
    <row r="18" spans="1:13" ht="21" customHeight="1">
      <c r="A18" s="36" t="s">
        <v>26</v>
      </c>
      <c r="B18" s="64">
        <v>-17</v>
      </c>
      <c r="C18" s="65">
        <v>-7</v>
      </c>
      <c r="D18" s="65">
        <v>-10</v>
      </c>
      <c r="E18" s="64">
        <v>1</v>
      </c>
      <c r="F18" s="65">
        <v>0</v>
      </c>
      <c r="G18" s="66">
        <v>1</v>
      </c>
      <c r="H18" s="65">
        <v>60</v>
      </c>
      <c r="I18" s="65">
        <v>25</v>
      </c>
      <c r="J18" s="65">
        <v>35</v>
      </c>
      <c r="K18" s="64">
        <v>76</v>
      </c>
      <c r="L18" s="77">
        <v>32</v>
      </c>
      <c r="M18" s="78">
        <v>44</v>
      </c>
    </row>
    <row r="19" spans="1:13">
      <c r="A19" s="15" t="s">
        <v>28</v>
      </c>
      <c r="B19" s="67">
        <v>-1</v>
      </c>
      <c r="C19" s="68">
        <v>0</v>
      </c>
      <c r="D19" s="68">
        <v>-1</v>
      </c>
      <c r="E19" s="67">
        <v>0</v>
      </c>
      <c r="F19" s="68">
        <v>0</v>
      </c>
      <c r="G19" s="69">
        <v>0</v>
      </c>
      <c r="H19" s="68">
        <v>13</v>
      </c>
      <c r="I19" s="68">
        <v>6</v>
      </c>
      <c r="J19" s="68">
        <v>7</v>
      </c>
      <c r="K19" s="67">
        <v>14</v>
      </c>
      <c r="L19" s="79">
        <v>6</v>
      </c>
      <c r="M19" s="80">
        <v>8</v>
      </c>
    </row>
    <row r="20" spans="1:13">
      <c r="A20" s="15" t="s">
        <v>30</v>
      </c>
      <c r="B20" s="67">
        <v>-5</v>
      </c>
      <c r="C20" s="68">
        <v>-2</v>
      </c>
      <c r="D20" s="68">
        <v>-3</v>
      </c>
      <c r="E20" s="67">
        <v>1</v>
      </c>
      <c r="F20" s="68">
        <v>0</v>
      </c>
      <c r="G20" s="69">
        <v>1</v>
      </c>
      <c r="H20" s="68">
        <v>13</v>
      </c>
      <c r="I20" s="68">
        <v>6</v>
      </c>
      <c r="J20" s="68">
        <v>7</v>
      </c>
      <c r="K20" s="67">
        <v>17</v>
      </c>
      <c r="L20" s="79">
        <v>8</v>
      </c>
      <c r="M20" s="80">
        <v>9</v>
      </c>
    </row>
    <row r="21" spans="1:13">
      <c r="A21" s="15" t="s">
        <v>32</v>
      </c>
      <c r="B21" s="67">
        <v>-3</v>
      </c>
      <c r="C21" s="68">
        <v>0</v>
      </c>
      <c r="D21" s="68">
        <v>-3</v>
      </c>
      <c r="E21" s="67">
        <v>0</v>
      </c>
      <c r="F21" s="68">
        <v>0</v>
      </c>
      <c r="G21" s="69">
        <v>0</v>
      </c>
      <c r="H21" s="68">
        <v>11</v>
      </c>
      <c r="I21" s="68">
        <v>5</v>
      </c>
      <c r="J21" s="68">
        <v>6</v>
      </c>
      <c r="K21" s="67">
        <v>14</v>
      </c>
      <c r="L21" s="79">
        <v>5</v>
      </c>
      <c r="M21" s="80">
        <v>9</v>
      </c>
    </row>
    <row r="22" spans="1:13">
      <c r="A22" s="15" t="s">
        <v>34</v>
      </c>
      <c r="B22" s="67">
        <v>-5</v>
      </c>
      <c r="C22" s="68">
        <v>-3</v>
      </c>
      <c r="D22" s="68">
        <v>-2</v>
      </c>
      <c r="E22" s="67">
        <v>0</v>
      </c>
      <c r="F22" s="68">
        <v>0</v>
      </c>
      <c r="G22" s="69">
        <v>0</v>
      </c>
      <c r="H22" s="68">
        <v>11</v>
      </c>
      <c r="I22" s="68">
        <v>5</v>
      </c>
      <c r="J22" s="68">
        <v>6</v>
      </c>
      <c r="K22" s="67">
        <v>16</v>
      </c>
      <c r="L22" s="79">
        <v>8</v>
      </c>
      <c r="M22" s="80">
        <v>8</v>
      </c>
    </row>
    <row r="23" spans="1:13">
      <c r="A23" s="15" t="s">
        <v>36</v>
      </c>
      <c r="B23" s="67">
        <v>-3</v>
      </c>
      <c r="C23" s="68">
        <v>-2</v>
      </c>
      <c r="D23" s="68">
        <v>-1</v>
      </c>
      <c r="E23" s="67">
        <v>0</v>
      </c>
      <c r="F23" s="68">
        <v>0</v>
      </c>
      <c r="G23" s="69">
        <v>0</v>
      </c>
      <c r="H23" s="68">
        <v>12</v>
      </c>
      <c r="I23" s="68">
        <v>3</v>
      </c>
      <c r="J23" s="68">
        <v>9</v>
      </c>
      <c r="K23" s="67">
        <v>15</v>
      </c>
      <c r="L23" s="79">
        <v>5</v>
      </c>
      <c r="M23" s="80">
        <v>10</v>
      </c>
    </row>
    <row r="24" spans="1:13" ht="21" customHeight="1">
      <c r="A24" s="36" t="s">
        <v>38</v>
      </c>
      <c r="B24" s="64">
        <v>319</v>
      </c>
      <c r="C24" s="65">
        <v>211</v>
      </c>
      <c r="D24" s="65">
        <v>108</v>
      </c>
      <c r="E24" s="64">
        <v>3</v>
      </c>
      <c r="F24" s="65">
        <v>1</v>
      </c>
      <c r="G24" s="66">
        <v>2</v>
      </c>
      <c r="H24" s="65">
        <v>488</v>
      </c>
      <c r="I24" s="65">
        <v>293</v>
      </c>
      <c r="J24" s="65">
        <v>195</v>
      </c>
      <c r="K24" s="64">
        <v>166</v>
      </c>
      <c r="L24" s="77">
        <v>81</v>
      </c>
      <c r="M24" s="78">
        <v>85</v>
      </c>
    </row>
    <row r="25" spans="1:13">
      <c r="A25" s="15" t="s">
        <v>40</v>
      </c>
      <c r="B25" s="67">
        <v>-3</v>
      </c>
      <c r="C25" s="68">
        <v>-2</v>
      </c>
      <c r="D25" s="68">
        <v>-1</v>
      </c>
      <c r="E25" s="67">
        <v>1</v>
      </c>
      <c r="F25" s="68">
        <v>0</v>
      </c>
      <c r="G25" s="69">
        <v>1</v>
      </c>
      <c r="H25" s="68">
        <v>20</v>
      </c>
      <c r="I25" s="68">
        <v>10</v>
      </c>
      <c r="J25" s="68">
        <v>10</v>
      </c>
      <c r="K25" s="67">
        <v>22</v>
      </c>
      <c r="L25" s="79">
        <v>12</v>
      </c>
      <c r="M25" s="80">
        <v>10</v>
      </c>
    </row>
    <row r="26" spans="1:13">
      <c r="A26" s="15" t="s">
        <v>42</v>
      </c>
      <c r="B26" s="67">
        <v>6</v>
      </c>
      <c r="C26" s="68">
        <v>5</v>
      </c>
      <c r="D26" s="68">
        <v>1</v>
      </c>
      <c r="E26" s="67">
        <v>1</v>
      </c>
      <c r="F26" s="68">
        <v>0</v>
      </c>
      <c r="G26" s="69">
        <v>1</v>
      </c>
      <c r="H26" s="68">
        <v>14</v>
      </c>
      <c r="I26" s="68">
        <v>7</v>
      </c>
      <c r="J26" s="68">
        <v>7</v>
      </c>
      <c r="K26" s="67">
        <v>7</v>
      </c>
      <c r="L26" s="79">
        <v>2</v>
      </c>
      <c r="M26" s="80">
        <v>5</v>
      </c>
    </row>
    <row r="27" spans="1:13">
      <c r="A27" s="15" t="s">
        <v>44</v>
      </c>
      <c r="B27" s="67">
        <v>5</v>
      </c>
      <c r="C27" s="68">
        <v>9</v>
      </c>
      <c r="D27" s="68">
        <v>-4</v>
      </c>
      <c r="E27" s="67">
        <v>0</v>
      </c>
      <c r="F27" s="68">
        <v>0</v>
      </c>
      <c r="G27" s="69">
        <v>0</v>
      </c>
      <c r="H27" s="68">
        <v>21</v>
      </c>
      <c r="I27" s="68">
        <v>13</v>
      </c>
      <c r="J27" s="68">
        <v>8</v>
      </c>
      <c r="K27" s="67">
        <v>16</v>
      </c>
      <c r="L27" s="79">
        <v>4</v>
      </c>
      <c r="M27" s="80">
        <v>12</v>
      </c>
    </row>
    <row r="28" spans="1:13">
      <c r="A28" s="15" t="s">
        <v>46</v>
      </c>
      <c r="B28" s="67">
        <v>211</v>
      </c>
      <c r="C28" s="68">
        <v>143</v>
      </c>
      <c r="D28" s="68">
        <v>68</v>
      </c>
      <c r="E28" s="67">
        <v>0</v>
      </c>
      <c r="F28" s="68">
        <v>0</v>
      </c>
      <c r="G28" s="69">
        <v>0</v>
      </c>
      <c r="H28" s="68">
        <v>279</v>
      </c>
      <c r="I28" s="68">
        <v>174</v>
      </c>
      <c r="J28" s="68">
        <v>105</v>
      </c>
      <c r="K28" s="67">
        <v>68</v>
      </c>
      <c r="L28" s="79">
        <v>31</v>
      </c>
      <c r="M28" s="80">
        <v>37</v>
      </c>
    </row>
    <row r="29" spans="1:13">
      <c r="A29" s="15" t="s">
        <v>48</v>
      </c>
      <c r="B29" s="67">
        <v>100</v>
      </c>
      <c r="C29" s="68">
        <v>56</v>
      </c>
      <c r="D29" s="68">
        <v>44</v>
      </c>
      <c r="E29" s="67">
        <v>1</v>
      </c>
      <c r="F29" s="68">
        <v>1</v>
      </c>
      <c r="G29" s="69">
        <v>0</v>
      </c>
      <c r="H29" s="68">
        <v>154</v>
      </c>
      <c r="I29" s="68">
        <v>89</v>
      </c>
      <c r="J29" s="68">
        <v>65</v>
      </c>
      <c r="K29" s="67">
        <v>53</v>
      </c>
      <c r="L29" s="79">
        <v>32</v>
      </c>
      <c r="M29" s="80">
        <v>21</v>
      </c>
    </row>
    <row r="30" spans="1:13" ht="21" customHeight="1">
      <c r="A30" s="36" t="s">
        <v>50</v>
      </c>
      <c r="B30" s="64">
        <v>-133</v>
      </c>
      <c r="C30" s="65">
        <v>3</v>
      </c>
      <c r="D30" s="65">
        <v>-136</v>
      </c>
      <c r="E30" s="64">
        <v>4</v>
      </c>
      <c r="F30" s="65">
        <v>2</v>
      </c>
      <c r="G30" s="66">
        <v>2</v>
      </c>
      <c r="H30" s="65">
        <v>1302</v>
      </c>
      <c r="I30" s="65">
        <v>797</v>
      </c>
      <c r="J30" s="65">
        <v>505</v>
      </c>
      <c r="K30" s="64">
        <v>1431</v>
      </c>
      <c r="L30" s="77">
        <v>792</v>
      </c>
      <c r="M30" s="78">
        <v>639</v>
      </c>
    </row>
    <row r="31" spans="1:13">
      <c r="A31" s="15" t="s">
        <v>52</v>
      </c>
      <c r="B31" s="67">
        <v>51</v>
      </c>
      <c r="C31" s="68">
        <v>62</v>
      </c>
      <c r="D31" s="68">
        <v>-11</v>
      </c>
      <c r="E31" s="67">
        <v>1</v>
      </c>
      <c r="F31" s="68">
        <v>1</v>
      </c>
      <c r="G31" s="69">
        <v>0</v>
      </c>
      <c r="H31" s="68">
        <v>181</v>
      </c>
      <c r="I31" s="68">
        <v>117</v>
      </c>
      <c r="J31" s="68">
        <v>64</v>
      </c>
      <c r="K31" s="67">
        <v>129</v>
      </c>
      <c r="L31" s="79">
        <v>54</v>
      </c>
      <c r="M31" s="80">
        <v>75</v>
      </c>
    </row>
    <row r="32" spans="1:13">
      <c r="A32" s="15" t="s">
        <v>54</v>
      </c>
      <c r="B32" s="67">
        <v>48</v>
      </c>
      <c r="C32" s="68">
        <v>37</v>
      </c>
      <c r="D32" s="68">
        <v>11</v>
      </c>
      <c r="E32" s="67">
        <v>1</v>
      </c>
      <c r="F32" s="68">
        <v>0</v>
      </c>
      <c r="G32" s="69">
        <v>1</v>
      </c>
      <c r="H32" s="68">
        <v>204</v>
      </c>
      <c r="I32" s="68">
        <v>118</v>
      </c>
      <c r="J32" s="68">
        <v>86</v>
      </c>
      <c r="K32" s="67">
        <v>155</v>
      </c>
      <c r="L32" s="79">
        <v>81</v>
      </c>
      <c r="M32" s="80">
        <v>74</v>
      </c>
    </row>
    <row r="33" spans="1:13">
      <c r="A33" s="15" t="s">
        <v>56</v>
      </c>
      <c r="B33" s="67">
        <v>-141</v>
      </c>
      <c r="C33" s="68">
        <v>-63</v>
      </c>
      <c r="D33" s="68">
        <v>-78</v>
      </c>
      <c r="E33" s="67">
        <v>1</v>
      </c>
      <c r="F33" s="68">
        <v>1</v>
      </c>
      <c r="G33" s="69">
        <v>0</v>
      </c>
      <c r="H33" s="68">
        <v>357</v>
      </c>
      <c r="I33" s="68">
        <v>221</v>
      </c>
      <c r="J33" s="68">
        <v>136</v>
      </c>
      <c r="K33" s="67">
        <v>497</v>
      </c>
      <c r="L33" s="79">
        <v>283</v>
      </c>
      <c r="M33" s="80">
        <v>214</v>
      </c>
    </row>
    <row r="34" spans="1:13">
      <c r="A34" s="15" t="s">
        <v>58</v>
      </c>
      <c r="B34" s="67">
        <v>-56</v>
      </c>
      <c r="C34" s="68">
        <v>-21</v>
      </c>
      <c r="D34" s="68">
        <v>-35</v>
      </c>
      <c r="E34" s="67">
        <v>0</v>
      </c>
      <c r="F34" s="68">
        <v>0</v>
      </c>
      <c r="G34" s="69">
        <v>0</v>
      </c>
      <c r="H34" s="68">
        <v>254</v>
      </c>
      <c r="I34" s="68">
        <v>156</v>
      </c>
      <c r="J34" s="68">
        <v>98</v>
      </c>
      <c r="K34" s="67">
        <v>310</v>
      </c>
      <c r="L34" s="79">
        <v>177</v>
      </c>
      <c r="M34" s="80">
        <v>133</v>
      </c>
    </row>
    <row r="35" spans="1:13">
      <c r="A35" s="15" t="s">
        <v>60</v>
      </c>
      <c r="B35" s="67">
        <v>-35</v>
      </c>
      <c r="C35" s="68">
        <v>-12</v>
      </c>
      <c r="D35" s="68">
        <v>-23</v>
      </c>
      <c r="E35" s="67">
        <v>1</v>
      </c>
      <c r="F35" s="68">
        <v>0</v>
      </c>
      <c r="G35" s="69">
        <v>1</v>
      </c>
      <c r="H35" s="68">
        <v>306</v>
      </c>
      <c r="I35" s="68">
        <v>185</v>
      </c>
      <c r="J35" s="68">
        <v>121</v>
      </c>
      <c r="K35" s="67">
        <v>340</v>
      </c>
      <c r="L35" s="79">
        <v>197</v>
      </c>
      <c r="M35" s="80">
        <v>143</v>
      </c>
    </row>
    <row r="36" spans="1:13" ht="21" customHeight="1">
      <c r="A36" s="36" t="s">
        <v>62</v>
      </c>
      <c r="B36" s="64">
        <v>2</v>
      </c>
      <c r="C36" s="65">
        <v>23</v>
      </c>
      <c r="D36" s="65">
        <v>-21</v>
      </c>
      <c r="E36" s="64">
        <v>2</v>
      </c>
      <c r="F36" s="65">
        <v>2</v>
      </c>
      <c r="G36" s="66">
        <v>0</v>
      </c>
      <c r="H36" s="65">
        <v>1213</v>
      </c>
      <c r="I36" s="65">
        <v>715</v>
      </c>
      <c r="J36" s="65">
        <v>498</v>
      </c>
      <c r="K36" s="64">
        <v>1209</v>
      </c>
      <c r="L36" s="77">
        <v>690</v>
      </c>
      <c r="M36" s="78">
        <v>519</v>
      </c>
    </row>
    <row r="37" spans="1:13">
      <c r="A37" s="15" t="s">
        <v>64</v>
      </c>
      <c r="B37" s="67">
        <v>-9</v>
      </c>
      <c r="C37" s="68">
        <v>-11</v>
      </c>
      <c r="D37" s="68">
        <v>2</v>
      </c>
      <c r="E37" s="67">
        <v>1</v>
      </c>
      <c r="F37" s="68">
        <v>1</v>
      </c>
      <c r="G37" s="69">
        <v>0</v>
      </c>
      <c r="H37" s="68">
        <v>269</v>
      </c>
      <c r="I37" s="68">
        <v>155</v>
      </c>
      <c r="J37" s="68">
        <v>114</v>
      </c>
      <c r="K37" s="67">
        <v>277</v>
      </c>
      <c r="L37" s="79">
        <v>165</v>
      </c>
      <c r="M37" s="80">
        <v>112</v>
      </c>
    </row>
    <row r="38" spans="1:13">
      <c r="A38" s="15" t="s">
        <v>66</v>
      </c>
      <c r="B38" s="67">
        <v>0</v>
      </c>
      <c r="C38" s="68">
        <v>14</v>
      </c>
      <c r="D38" s="68">
        <v>-14</v>
      </c>
      <c r="E38" s="67">
        <v>0</v>
      </c>
      <c r="F38" s="68">
        <v>0</v>
      </c>
      <c r="G38" s="69">
        <v>0</v>
      </c>
      <c r="H38" s="68">
        <v>267</v>
      </c>
      <c r="I38" s="68">
        <v>161</v>
      </c>
      <c r="J38" s="68">
        <v>106</v>
      </c>
      <c r="K38" s="67">
        <v>267</v>
      </c>
      <c r="L38" s="79">
        <v>147</v>
      </c>
      <c r="M38" s="80">
        <v>120</v>
      </c>
    </row>
    <row r="39" spans="1:13">
      <c r="A39" s="15" t="s">
        <v>68</v>
      </c>
      <c r="B39" s="67">
        <v>-33</v>
      </c>
      <c r="C39" s="68">
        <v>-20</v>
      </c>
      <c r="D39" s="68">
        <v>-13</v>
      </c>
      <c r="E39" s="67">
        <v>1</v>
      </c>
      <c r="F39" s="68">
        <v>1</v>
      </c>
      <c r="G39" s="69">
        <v>0</v>
      </c>
      <c r="H39" s="68">
        <v>242</v>
      </c>
      <c r="I39" s="68">
        <v>143</v>
      </c>
      <c r="J39" s="68">
        <v>99</v>
      </c>
      <c r="K39" s="67">
        <v>274</v>
      </c>
      <c r="L39" s="79">
        <v>162</v>
      </c>
      <c r="M39" s="80">
        <v>112</v>
      </c>
    </row>
    <row r="40" spans="1:13">
      <c r="A40" s="15" t="s">
        <v>70</v>
      </c>
      <c r="B40" s="67">
        <v>0</v>
      </c>
      <c r="C40" s="68">
        <v>20</v>
      </c>
      <c r="D40" s="68">
        <v>-20</v>
      </c>
      <c r="E40" s="67">
        <v>0</v>
      </c>
      <c r="F40" s="68">
        <v>0</v>
      </c>
      <c r="G40" s="69">
        <v>0</v>
      </c>
      <c r="H40" s="68">
        <v>213</v>
      </c>
      <c r="I40" s="68">
        <v>128</v>
      </c>
      <c r="J40" s="68">
        <v>85</v>
      </c>
      <c r="K40" s="67">
        <v>213</v>
      </c>
      <c r="L40" s="79">
        <v>108</v>
      </c>
      <c r="M40" s="80">
        <v>105</v>
      </c>
    </row>
    <row r="41" spans="1:13">
      <c r="A41" s="15" t="s">
        <v>72</v>
      </c>
      <c r="B41" s="67">
        <v>44</v>
      </c>
      <c r="C41" s="68">
        <v>20</v>
      </c>
      <c r="D41" s="68">
        <v>24</v>
      </c>
      <c r="E41" s="67">
        <v>0</v>
      </c>
      <c r="F41" s="68">
        <v>0</v>
      </c>
      <c r="G41" s="69">
        <v>0</v>
      </c>
      <c r="H41" s="68">
        <v>222</v>
      </c>
      <c r="I41" s="68">
        <v>128</v>
      </c>
      <c r="J41" s="68">
        <v>94</v>
      </c>
      <c r="K41" s="67">
        <v>178</v>
      </c>
      <c r="L41" s="79">
        <v>108</v>
      </c>
      <c r="M41" s="80">
        <v>70</v>
      </c>
    </row>
    <row r="42" spans="1:13" ht="21" customHeight="1">
      <c r="A42" s="36" t="s">
        <v>74</v>
      </c>
      <c r="B42" s="64">
        <v>76</v>
      </c>
      <c r="C42" s="65">
        <v>30</v>
      </c>
      <c r="D42" s="65">
        <v>46</v>
      </c>
      <c r="E42" s="64">
        <v>4</v>
      </c>
      <c r="F42" s="65">
        <v>4</v>
      </c>
      <c r="G42" s="66">
        <v>0</v>
      </c>
      <c r="H42" s="65">
        <v>727</v>
      </c>
      <c r="I42" s="65">
        <v>395</v>
      </c>
      <c r="J42" s="65">
        <v>332</v>
      </c>
      <c r="K42" s="64">
        <v>647</v>
      </c>
      <c r="L42" s="77">
        <v>361</v>
      </c>
      <c r="M42" s="78">
        <v>286</v>
      </c>
    </row>
    <row r="43" spans="1:13">
      <c r="A43" s="15" t="s">
        <v>76</v>
      </c>
      <c r="B43" s="67">
        <v>31</v>
      </c>
      <c r="C43" s="68">
        <v>20</v>
      </c>
      <c r="D43" s="68">
        <v>11</v>
      </c>
      <c r="E43" s="67">
        <v>0</v>
      </c>
      <c r="F43" s="68">
        <v>0</v>
      </c>
      <c r="G43" s="69">
        <v>0</v>
      </c>
      <c r="H43" s="68">
        <v>183</v>
      </c>
      <c r="I43" s="68">
        <v>91</v>
      </c>
      <c r="J43" s="68">
        <v>92</v>
      </c>
      <c r="K43" s="67">
        <v>152</v>
      </c>
      <c r="L43" s="79">
        <v>71</v>
      </c>
      <c r="M43" s="80">
        <v>81</v>
      </c>
    </row>
    <row r="44" spans="1:13">
      <c r="A44" s="15" t="s">
        <v>78</v>
      </c>
      <c r="B44" s="67">
        <v>19</v>
      </c>
      <c r="C44" s="68">
        <v>2</v>
      </c>
      <c r="D44" s="68">
        <v>17</v>
      </c>
      <c r="E44" s="67">
        <v>0</v>
      </c>
      <c r="F44" s="68">
        <v>0</v>
      </c>
      <c r="G44" s="69">
        <v>0</v>
      </c>
      <c r="H44" s="68">
        <v>163</v>
      </c>
      <c r="I44" s="68">
        <v>95</v>
      </c>
      <c r="J44" s="68">
        <v>68</v>
      </c>
      <c r="K44" s="67">
        <v>144</v>
      </c>
      <c r="L44" s="79">
        <v>93</v>
      </c>
      <c r="M44" s="80">
        <v>51</v>
      </c>
    </row>
    <row r="45" spans="1:13">
      <c r="A45" s="15" t="s">
        <v>80</v>
      </c>
      <c r="B45" s="67">
        <v>0</v>
      </c>
      <c r="C45" s="68">
        <v>7</v>
      </c>
      <c r="D45" s="68">
        <v>-7</v>
      </c>
      <c r="E45" s="67">
        <v>0</v>
      </c>
      <c r="F45" s="68">
        <v>0</v>
      </c>
      <c r="G45" s="69">
        <v>0</v>
      </c>
      <c r="H45" s="68">
        <v>125</v>
      </c>
      <c r="I45" s="68">
        <v>79</v>
      </c>
      <c r="J45" s="68">
        <v>46</v>
      </c>
      <c r="K45" s="67">
        <v>125</v>
      </c>
      <c r="L45" s="79">
        <v>72</v>
      </c>
      <c r="M45" s="80">
        <v>53</v>
      </c>
    </row>
    <row r="46" spans="1:13">
      <c r="A46" s="15" t="s">
        <v>82</v>
      </c>
      <c r="B46" s="67">
        <v>4</v>
      </c>
      <c r="C46" s="68">
        <v>-8</v>
      </c>
      <c r="D46" s="68">
        <v>12</v>
      </c>
      <c r="E46" s="67">
        <v>2</v>
      </c>
      <c r="F46" s="68">
        <v>2</v>
      </c>
      <c r="G46" s="69">
        <v>0</v>
      </c>
      <c r="H46" s="68">
        <v>136</v>
      </c>
      <c r="I46" s="68">
        <v>67</v>
      </c>
      <c r="J46" s="68">
        <v>69</v>
      </c>
      <c r="K46" s="67">
        <v>130</v>
      </c>
      <c r="L46" s="79">
        <v>73</v>
      </c>
      <c r="M46" s="80">
        <v>57</v>
      </c>
    </row>
    <row r="47" spans="1:13">
      <c r="A47" s="15" t="s">
        <v>84</v>
      </c>
      <c r="B47" s="67">
        <v>22</v>
      </c>
      <c r="C47" s="68">
        <v>9</v>
      </c>
      <c r="D47" s="68">
        <v>13</v>
      </c>
      <c r="E47" s="67">
        <v>2</v>
      </c>
      <c r="F47" s="68">
        <v>2</v>
      </c>
      <c r="G47" s="69">
        <v>0</v>
      </c>
      <c r="H47" s="68">
        <v>120</v>
      </c>
      <c r="I47" s="68">
        <v>63</v>
      </c>
      <c r="J47" s="68">
        <v>57</v>
      </c>
      <c r="K47" s="67">
        <v>96</v>
      </c>
      <c r="L47" s="79">
        <v>52</v>
      </c>
      <c r="M47" s="80">
        <v>44</v>
      </c>
    </row>
    <row r="48" spans="1:13" ht="21" customHeight="1">
      <c r="A48" s="36" t="s">
        <v>86</v>
      </c>
      <c r="B48" s="64">
        <v>34</v>
      </c>
      <c r="C48" s="65">
        <v>9</v>
      </c>
      <c r="D48" s="65">
        <v>25</v>
      </c>
      <c r="E48" s="64">
        <v>5</v>
      </c>
      <c r="F48" s="65">
        <v>3</v>
      </c>
      <c r="G48" s="66">
        <v>2</v>
      </c>
      <c r="H48" s="65">
        <v>444</v>
      </c>
      <c r="I48" s="65">
        <v>263</v>
      </c>
      <c r="J48" s="65">
        <v>181</v>
      </c>
      <c r="K48" s="64">
        <v>405</v>
      </c>
      <c r="L48" s="77">
        <v>251</v>
      </c>
      <c r="M48" s="78">
        <v>154</v>
      </c>
    </row>
    <row r="49" spans="1:13">
      <c r="A49" s="15" t="s">
        <v>88</v>
      </c>
      <c r="B49" s="67">
        <v>3</v>
      </c>
      <c r="C49" s="68">
        <v>-8</v>
      </c>
      <c r="D49" s="68">
        <v>11</v>
      </c>
      <c r="E49" s="67">
        <v>1</v>
      </c>
      <c r="F49" s="68">
        <v>1</v>
      </c>
      <c r="G49" s="69">
        <v>0</v>
      </c>
      <c r="H49" s="68">
        <v>107</v>
      </c>
      <c r="I49" s="68">
        <v>64</v>
      </c>
      <c r="J49" s="68">
        <v>43</v>
      </c>
      <c r="K49" s="67">
        <v>103</v>
      </c>
      <c r="L49" s="79">
        <v>71</v>
      </c>
      <c r="M49" s="80">
        <v>32</v>
      </c>
    </row>
    <row r="50" spans="1:13">
      <c r="A50" s="15" t="s">
        <v>90</v>
      </c>
      <c r="B50" s="67">
        <v>13</v>
      </c>
      <c r="C50" s="68">
        <v>9</v>
      </c>
      <c r="D50" s="68">
        <v>4</v>
      </c>
      <c r="E50" s="67">
        <v>1</v>
      </c>
      <c r="F50" s="68">
        <v>0</v>
      </c>
      <c r="G50" s="69">
        <v>1</v>
      </c>
      <c r="H50" s="68">
        <v>100</v>
      </c>
      <c r="I50" s="68">
        <v>61</v>
      </c>
      <c r="J50" s="68">
        <v>39</v>
      </c>
      <c r="K50" s="67">
        <v>86</v>
      </c>
      <c r="L50" s="79">
        <v>52</v>
      </c>
      <c r="M50" s="80">
        <v>34</v>
      </c>
    </row>
    <row r="51" spans="1:13">
      <c r="A51" s="15" t="s">
        <v>92</v>
      </c>
      <c r="B51" s="67">
        <v>7</v>
      </c>
      <c r="C51" s="68">
        <v>12</v>
      </c>
      <c r="D51" s="68">
        <v>-5</v>
      </c>
      <c r="E51" s="67">
        <v>1</v>
      </c>
      <c r="F51" s="68">
        <v>1</v>
      </c>
      <c r="G51" s="69">
        <v>0</v>
      </c>
      <c r="H51" s="68">
        <v>92</v>
      </c>
      <c r="I51" s="68">
        <v>61</v>
      </c>
      <c r="J51" s="68">
        <v>31</v>
      </c>
      <c r="K51" s="67">
        <v>84</v>
      </c>
      <c r="L51" s="79">
        <v>48</v>
      </c>
      <c r="M51" s="80">
        <v>36</v>
      </c>
    </row>
    <row r="52" spans="1:13">
      <c r="A52" s="15" t="s">
        <v>94</v>
      </c>
      <c r="B52" s="67">
        <v>12</v>
      </c>
      <c r="C52" s="68">
        <v>0</v>
      </c>
      <c r="D52" s="68">
        <v>12</v>
      </c>
      <c r="E52" s="67">
        <v>1</v>
      </c>
      <c r="F52" s="68">
        <v>1</v>
      </c>
      <c r="G52" s="69">
        <v>0</v>
      </c>
      <c r="H52" s="68">
        <v>70</v>
      </c>
      <c r="I52" s="68">
        <v>35</v>
      </c>
      <c r="J52" s="68">
        <v>35</v>
      </c>
      <c r="K52" s="67">
        <v>57</v>
      </c>
      <c r="L52" s="79">
        <v>34</v>
      </c>
      <c r="M52" s="80">
        <v>23</v>
      </c>
    </row>
    <row r="53" spans="1:13">
      <c r="A53" s="15" t="s">
        <v>96</v>
      </c>
      <c r="B53" s="67">
        <v>-1</v>
      </c>
      <c r="C53" s="68">
        <v>-4</v>
      </c>
      <c r="D53" s="68">
        <v>3</v>
      </c>
      <c r="E53" s="67">
        <v>1</v>
      </c>
      <c r="F53" s="68">
        <v>0</v>
      </c>
      <c r="G53" s="69">
        <v>1</v>
      </c>
      <c r="H53" s="68">
        <v>75</v>
      </c>
      <c r="I53" s="68">
        <v>42</v>
      </c>
      <c r="J53" s="68">
        <v>33</v>
      </c>
      <c r="K53" s="67">
        <v>75</v>
      </c>
      <c r="L53" s="79">
        <v>46</v>
      </c>
      <c r="M53" s="80">
        <v>29</v>
      </c>
    </row>
    <row r="54" spans="1:13" ht="21" customHeight="1">
      <c r="A54" s="36" t="s">
        <v>98</v>
      </c>
      <c r="B54" s="64">
        <v>58</v>
      </c>
      <c r="C54" s="65">
        <v>2</v>
      </c>
      <c r="D54" s="65">
        <v>56</v>
      </c>
      <c r="E54" s="64">
        <v>11</v>
      </c>
      <c r="F54" s="65">
        <v>7</v>
      </c>
      <c r="G54" s="66">
        <v>4</v>
      </c>
      <c r="H54" s="65">
        <v>346</v>
      </c>
      <c r="I54" s="65">
        <v>190</v>
      </c>
      <c r="J54" s="65">
        <v>156</v>
      </c>
      <c r="K54" s="64">
        <v>277</v>
      </c>
      <c r="L54" s="77">
        <v>181</v>
      </c>
      <c r="M54" s="78">
        <v>96</v>
      </c>
    </row>
    <row r="55" spans="1:13">
      <c r="A55" s="15" t="s">
        <v>100</v>
      </c>
      <c r="B55" s="67">
        <v>22</v>
      </c>
      <c r="C55" s="68">
        <v>2</v>
      </c>
      <c r="D55" s="68">
        <v>20</v>
      </c>
      <c r="E55" s="67">
        <v>2</v>
      </c>
      <c r="F55" s="68">
        <v>1</v>
      </c>
      <c r="G55" s="69">
        <v>1</v>
      </c>
      <c r="H55" s="68">
        <v>82</v>
      </c>
      <c r="I55" s="68">
        <v>45</v>
      </c>
      <c r="J55" s="68">
        <v>37</v>
      </c>
      <c r="K55" s="67">
        <v>58</v>
      </c>
      <c r="L55" s="79">
        <v>42</v>
      </c>
      <c r="M55" s="80">
        <v>16</v>
      </c>
    </row>
    <row r="56" spans="1:13">
      <c r="A56" s="15" t="s">
        <v>102</v>
      </c>
      <c r="B56" s="67">
        <v>14</v>
      </c>
      <c r="C56" s="68">
        <v>-5</v>
      </c>
      <c r="D56" s="68">
        <v>19</v>
      </c>
      <c r="E56" s="67">
        <v>1</v>
      </c>
      <c r="F56" s="68">
        <v>1</v>
      </c>
      <c r="G56" s="69">
        <v>0</v>
      </c>
      <c r="H56" s="68">
        <v>70</v>
      </c>
      <c r="I56" s="68">
        <v>33</v>
      </c>
      <c r="J56" s="68">
        <v>37</v>
      </c>
      <c r="K56" s="67">
        <v>55</v>
      </c>
      <c r="L56" s="79">
        <v>37</v>
      </c>
      <c r="M56" s="80">
        <v>18</v>
      </c>
    </row>
    <row r="57" spans="1:13">
      <c r="A57" s="15" t="s">
        <v>104</v>
      </c>
      <c r="B57" s="67">
        <v>13</v>
      </c>
      <c r="C57" s="68">
        <v>10</v>
      </c>
      <c r="D57" s="68">
        <v>3</v>
      </c>
      <c r="E57" s="67">
        <v>2</v>
      </c>
      <c r="F57" s="68">
        <v>0</v>
      </c>
      <c r="G57" s="69">
        <v>2</v>
      </c>
      <c r="H57" s="68">
        <v>65</v>
      </c>
      <c r="I57" s="68">
        <v>38</v>
      </c>
      <c r="J57" s="68">
        <v>27</v>
      </c>
      <c r="K57" s="67">
        <v>50</v>
      </c>
      <c r="L57" s="79">
        <v>28</v>
      </c>
      <c r="M57" s="80">
        <v>22</v>
      </c>
    </row>
    <row r="58" spans="1:13">
      <c r="A58" s="15" t="s">
        <v>106</v>
      </c>
      <c r="B58" s="67">
        <v>6</v>
      </c>
      <c r="C58" s="68">
        <v>3</v>
      </c>
      <c r="D58" s="68">
        <v>3</v>
      </c>
      <c r="E58" s="67">
        <v>2</v>
      </c>
      <c r="F58" s="68">
        <v>2</v>
      </c>
      <c r="G58" s="69">
        <v>0</v>
      </c>
      <c r="H58" s="68">
        <v>66</v>
      </c>
      <c r="I58" s="68">
        <v>38</v>
      </c>
      <c r="J58" s="68">
        <v>28</v>
      </c>
      <c r="K58" s="67">
        <v>58</v>
      </c>
      <c r="L58" s="79">
        <v>33</v>
      </c>
      <c r="M58" s="80">
        <v>25</v>
      </c>
    </row>
    <row r="59" spans="1:13">
      <c r="A59" s="15" t="s">
        <v>108</v>
      </c>
      <c r="B59" s="67">
        <v>3</v>
      </c>
      <c r="C59" s="68">
        <v>-8</v>
      </c>
      <c r="D59" s="68">
        <v>11</v>
      </c>
      <c r="E59" s="67">
        <v>4</v>
      </c>
      <c r="F59" s="68">
        <v>3</v>
      </c>
      <c r="G59" s="69">
        <v>1</v>
      </c>
      <c r="H59" s="68">
        <v>63</v>
      </c>
      <c r="I59" s="68">
        <v>36</v>
      </c>
      <c r="J59" s="68">
        <v>27</v>
      </c>
      <c r="K59" s="67">
        <v>56</v>
      </c>
      <c r="L59" s="79">
        <v>41</v>
      </c>
      <c r="M59" s="80">
        <v>15</v>
      </c>
    </row>
    <row r="60" spans="1:13" ht="21" customHeight="1">
      <c r="A60" s="36" t="s">
        <v>110</v>
      </c>
      <c r="B60" s="64">
        <v>30</v>
      </c>
      <c r="C60" s="65">
        <v>-1</v>
      </c>
      <c r="D60" s="65">
        <v>31</v>
      </c>
      <c r="E60" s="64">
        <v>19</v>
      </c>
      <c r="F60" s="65">
        <v>12</v>
      </c>
      <c r="G60" s="66">
        <v>7</v>
      </c>
      <c r="H60" s="65">
        <v>288</v>
      </c>
      <c r="I60" s="65">
        <v>155</v>
      </c>
      <c r="J60" s="65">
        <v>133</v>
      </c>
      <c r="K60" s="64">
        <v>239</v>
      </c>
      <c r="L60" s="77">
        <v>144</v>
      </c>
      <c r="M60" s="78">
        <v>95</v>
      </c>
    </row>
    <row r="61" spans="1:13">
      <c r="A61" s="15" t="s">
        <v>112</v>
      </c>
      <c r="B61" s="67">
        <v>3</v>
      </c>
      <c r="C61" s="68">
        <v>3</v>
      </c>
      <c r="D61" s="68">
        <v>0</v>
      </c>
      <c r="E61" s="67">
        <v>3</v>
      </c>
      <c r="F61" s="68">
        <v>1</v>
      </c>
      <c r="G61" s="69">
        <v>2</v>
      </c>
      <c r="H61" s="68">
        <v>62</v>
      </c>
      <c r="I61" s="68">
        <v>33</v>
      </c>
      <c r="J61" s="68">
        <v>29</v>
      </c>
      <c r="K61" s="67">
        <v>56</v>
      </c>
      <c r="L61" s="79">
        <v>29</v>
      </c>
      <c r="M61" s="80">
        <v>27</v>
      </c>
    </row>
    <row r="62" spans="1:13">
      <c r="A62" s="15" t="s">
        <v>114</v>
      </c>
      <c r="B62" s="67">
        <v>15</v>
      </c>
      <c r="C62" s="68">
        <v>7</v>
      </c>
      <c r="D62" s="68">
        <v>8</v>
      </c>
      <c r="E62" s="67">
        <v>2</v>
      </c>
      <c r="F62" s="68">
        <v>2</v>
      </c>
      <c r="G62" s="69">
        <v>0</v>
      </c>
      <c r="H62" s="68">
        <v>56</v>
      </c>
      <c r="I62" s="68">
        <v>33</v>
      </c>
      <c r="J62" s="68">
        <v>23</v>
      </c>
      <c r="K62" s="67">
        <v>39</v>
      </c>
      <c r="L62" s="79">
        <v>24</v>
      </c>
      <c r="M62" s="80">
        <v>15</v>
      </c>
    </row>
    <row r="63" spans="1:13">
      <c r="A63" s="15" t="s">
        <v>116</v>
      </c>
      <c r="B63" s="67">
        <v>-3</v>
      </c>
      <c r="C63" s="68">
        <v>-7</v>
      </c>
      <c r="D63" s="68">
        <v>4</v>
      </c>
      <c r="E63" s="67">
        <v>4</v>
      </c>
      <c r="F63" s="68">
        <v>4</v>
      </c>
      <c r="G63" s="69">
        <v>0</v>
      </c>
      <c r="H63" s="68">
        <v>52</v>
      </c>
      <c r="I63" s="68">
        <v>28</v>
      </c>
      <c r="J63" s="68">
        <v>24</v>
      </c>
      <c r="K63" s="67">
        <v>51</v>
      </c>
      <c r="L63" s="79">
        <v>31</v>
      </c>
      <c r="M63" s="80">
        <v>20</v>
      </c>
    </row>
    <row r="64" spans="1:13">
      <c r="A64" s="15" t="s">
        <v>118</v>
      </c>
      <c r="B64" s="67">
        <v>6</v>
      </c>
      <c r="C64" s="68">
        <v>-7</v>
      </c>
      <c r="D64" s="68">
        <v>13</v>
      </c>
      <c r="E64" s="67">
        <v>7</v>
      </c>
      <c r="F64" s="68">
        <v>5</v>
      </c>
      <c r="G64" s="69">
        <v>2</v>
      </c>
      <c r="H64" s="68">
        <v>60</v>
      </c>
      <c r="I64" s="68">
        <v>30</v>
      </c>
      <c r="J64" s="68">
        <v>30</v>
      </c>
      <c r="K64" s="67">
        <v>47</v>
      </c>
      <c r="L64" s="79">
        <v>32</v>
      </c>
      <c r="M64" s="80">
        <v>15</v>
      </c>
    </row>
    <row r="65" spans="1:13">
      <c r="A65" s="19" t="s">
        <v>120</v>
      </c>
      <c r="B65" s="70">
        <v>9</v>
      </c>
      <c r="C65" s="71">
        <v>3</v>
      </c>
      <c r="D65" s="71">
        <v>6</v>
      </c>
      <c r="E65" s="70">
        <v>3</v>
      </c>
      <c r="F65" s="71">
        <v>0</v>
      </c>
      <c r="G65" s="72">
        <v>3</v>
      </c>
      <c r="H65" s="71">
        <v>58</v>
      </c>
      <c r="I65" s="71">
        <v>31</v>
      </c>
      <c r="J65" s="71">
        <v>27</v>
      </c>
      <c r="K65" s="70">
        <v>46</v>
      </c>
      <c r="L65" s="81">
        <v>28</v>
      </c>
      <c r="M65" s="82">
        <v>18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739</v>
      </c>
      <c r="C69" s="50">
        <v>353</v>
      </c>
      <c r="D69" s="84">
        <v>386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4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3</v>
      </c>
      <c r="C75" s="65">
        <v>4</v>
      </c>
      <c r="D75" s="65">
        <v>-7</v>
      </c>
      <c r="E75" s="64">
        <v>26</v>
      </c>
      <c r="F75" s="65">
        <v>13</v>
      </c>
      <c r="G75" s="66">
        <v>13</v>
      </c>
      <c r="H75" s="65">
        <v>256</v>
      </c>
      <c r="I75" s="65">
        <v>143</v>
      </c>
      <c r="J75" s="65">
        <v>113</v>
      </c>
      <c r="K75" s="64">
        <v>233</v>
      </c>
      <c r="L75" s="77">
        <v>126</v>
      </c>
      <c r="M75" s="78">
        <v>107</v>
      </c>
    </row>
    <row r="76" spans="1:13">
      <c r="A76" s="27" t="s">
        <v>5</v>
      </c>
      <c r="B76" s="67">
        <v>3</v>
      </c>
      <c r="C76" s="68">
        <v>9</v>
      </c>
      <c r="D76" s="68">
        <v>-6</v>
      </c>
      <c r="E76" s="67">
        <v>4</v>
      </c>
      <c r="F76" s="68">
        <v>2</v>
      </c>
      <c r="G76" s="69">
        <v>2</v>
      </c>
      <c r="H76" s="68">
        <v>60</v>
      </c>
      <c r="I76" s="68">
        <v>35</v>
      </c>
      <c r="J76" s="68">
        <v>25</v>
      </c>
      <c r="K76" s="67">
        <v>53</v>
      </c>
      <c r="L76" s="79">
        <v>24</v>
      </c>
      <c r="M76" s="80">
        <v>29</v>
      </c>
    </row>
    <row r="77" spans="1:13">
      <c r="A77" s="27" t="s">
        <v>7</v>
      </c>
      <c r="B77" s="67">
        <v>0</v>
      </c>
      <c r="C77" s="68">
        <v>-1</v>
      </c>
      <c r="D77" s="68">
        <v>1</v>
      </c>
      <c r="E77" s="67">
        <v>7</v>
      </c>
      <c r="F77" s="68">
        <v>3</v>
      </c>
      <c r="G77" s="69">
        <v>4</v>
      </c>
      <c r="H77" s="68">
        <v>53</v>
      </c>
      <c r="I77" s="68">
        <v>28</v>
      </c>
      <c r="J77" s="68">
        <v>25</v>
      </c>
      <c r="K77" s="67">
        <v>46</v>
      </c>
      <c r="L77" s="79">
        <v>26</v>
      </c>
      <c r="M77" s="80">
        <v>20</v>
      </c>
    </row>
    <row r="78" spans="1:13">
      <c r="A78" s="27" t="s">
        <v>9</v>
      </c>
      <c r="B78" s="67">
        <v>1</v>
      </c>
      <c r="C78" s="68">
        <v>2</v>
      </c>
      <c r="D78" s="68">
        <v>-1</v>
      </c>
      <c r="E78" s="67">
        <v>2</v>
      </c>
      <c r="F78" s="68">
        <v>1</v>
      </c>
      <c r="G78" s="69">
        <v>1</v>
      </c>
      <c r="H78" s="68">
        <v>49</v>
      </c>
      <c r="I78" s="68">
        <v>30</v>
      </c>
      <c r="J78" s="68">
        <v>19</v>
      </c>
      <c r="K78" s="67">
        <v>46</v>
      </c>
      <c r="L78" s="79">
        <v>27</v>
      </c>
      <c r="M78" s="80">
        <v>19</v>
      </c>
    </row>
    <row r="79" spans="1:13">
      <c r="A79" s="27" t="s">
        <v>11</v>
      </c>
      <c r="B79" s="67">
        <v>-11</v>
      </c>
      <c r="C79" s="68">
        <v>-7</v>
      </c>
      <c r="D79" s="68">
        <v>-4</v>
      </c>
      <c r="E79" s="67">
        <v>5</v>
      </c>
      <c r="F79" s="68">
        <v>3</v>
      </c>
      <c r="G79" s="69">
        <v>2</v>
      </c>
      <c r="H79" s="68">
        <v>48</v>
      </c>
      <c r="I79" s="68">
        <v>24</v>
      </c>
      <c r="J79" s="68">
        <v>24</v>
      </c>
      <c r="K79" s="67">
        <v>54</v>
      </c>
      <c r="L79" s="79">
        <v>28</v>
      </c>
      <c r="M79" s="80">
        <v>26</v>
      </c>
    </row>
    <row r="80" spans="1:13">
      <c r="A80" s="27" t="s">
        <v>13</v>
      </c>
      <c r="B80" s="67">
        <v>4</v>
      </c>
      <c r="C80" s="68">
        <v>1</v>
      </c>
      <c r="D80" s="68">
        <v>3</v>
      </c>
      <c r="E80" s="67">
        <v>8</v>
      </c>
      <c r="F80" s="68">
        <v>4</v>
      </c>
      <c r="G80" s="69">
        <v>4</v>
      </c>
      <c r="H80" s="68">
        <v>46</v>
      </c>
      <c r="I80" s="68">
        <v>26</v>
      </c>
      <c r="J80" s="68">
        <v>20</v>
      </c>
      <c r="K80" s="67">
        <v>34</v>
      </c>
      <c r="L80" s="79">
        <v>21</v>
      </c>
      <c r="M80" s="80">
        <v>13</v>
      </c>
    </row>
    <row r="81" spans="1:13" ht="21" customHeight="1">
      <c r="A81" s="38" t="s">
        <v>15</v>
      </c>
      <c r="B81" s="64">
        <v>31</v>
      </c>
      <c r="C81" s="65">
        <v>17</v>
      </c>
      <c r="D81" s="65">
        <v>14</v>
      </c>
      <c r="E81" s="64">
        <v>38</v>
      </c>
      <c r="F81" s="65">
        <v>29</v>
      </c>
      <c r="G81" s="66">
        <v>9</v>
      </c>
      <c r="H81" s="65">
        <v>218</v>
      </c>
      <c r="I81" s="65">
        <v>127</v>
      </c>
      <c r="J81" s="65">
        <v>91</v>
      </c>
      <c r="K81" s="64">
        <v>149</v>
      </c>
      <c r="L81" s="77">
        <v>81</v>
      </c>
      <c r="M81" s="78">
        <v>68</v>
      </c>
    </row>
    <row r="82" spans="1:13">
      <c r="A82" s="27" t="s">
        <v>17</v>
      </c>
      <c r="B82" s="67">
        <v>26</v>
      </c>
      <c r="C82" s="68">
        <v>9</v>
      </c>
      <c r="D82" s="68">
        <v>17</v>
      </c>
      <c r="E82" s="67">
        <v>5</v>
      </c>
      <c r="F82" s="68">
        <v>4</v>
      </c>
      <c r="G82" s="69">
        <v>1</v>
      </c>
      <c r="H82" s="68">
        <v>60</v>
      </c>
      <c r="I82" s="68">
        <v>33</v>
      </c>
      <c r="J82" s="68">
        <v>27</v>
      </c>
      <c r="K82" s="67">
        <v>29</v>
      </c>
      <c r="L82" s="79">
        <v>20</v>
      </c>
      <c r="M82" s="80">
        <v>9</v>
      </c>
    </row>
    <row r="83" spans="1:13">
      <c r="A83" s="27" t="s">
        <v>19</v>
      </c>
      <c r="B83" s="67">
        <v>-5</v>
      </c>
      <c r="C83" s="68">
        <v>4</v>
      </c>
      <c r="D83" s="68">
        <v>-9</v>
      </c>
      <c r="E83" s="67">
        <v>6</v>
      </c>
      <c r="F83" s="68">
        <v>4</v>
      </c>
      <c r="G83" s="69">
        <v>2</v>
      </c>
      <c r="H83" s="68">
        <v>33</v>
      </c>
      <c r="I83" s="68">
        <v>21</v>
      </c>
      <c r="J83" s="68">
        <v>12</v>
      </c>
      <c r="K83" s="67">
        <v>32</v>
      </c>
      <c r="L83" s="79">
        <v>13</v>
      </c>
      <c r="M83" s="80">
        <v>19</v>
      </c>
    </row>
    <row r="84" spans="1:13">
      <c r="A84" s="27" t="s">
        <v>21</v>
      </c>
      <c r="B84" s="67">
        <v>-3</v>
      </c>
      <c r="C84" s="68">
        <v>-5</v>
      </c>
      <c r="D84" s="68">
        <v>2</v>
      </c>
      <c r="E84" s="67">
        <v>11</v>
      </c>
      <c r="F84" s="68">
        <v>10</v>
      </c>
      <c r="G84" s="69">
        <v>1</v>
      </c>
      <c r="H84" s="68">
        <v>39</v>
      </c>
      <c r="I84" s="68">
        <v>22</v>
      </c>
      <c r="J84" s="68">
        <v>17</v>
      </c>
      <c r="K84" s="67">
        <v>31</v>
      </c>
      <c r="L84" s="79">
        <v>17</v>
      </c>
      <c r="M84" s="80">
        <v>14</v>
      </c>
    </row>
    <row r="85" spans="1:13">
      <c r="A85" s="27" t="s">
        <v>23</v>
      </c>
      <c r="B85" s="67">
        <v>-1</v>
      </c>
      <c r="C85" s="68">
        <v>-3</v>
      </c>
      <c r="D85" s="68">
        <v>2</v>
      </c>
      <c r="E85" s="67">
        <v>5</v>
      </c>
      <c r="F85" s="68">
        <v>3</v>
      </c>
      <c r="G85" s="69">
        <v>2</v>
      </c>
      <c r="H85" s="68">
        <v>37</v>
      </c>
      <c r="I85" s="68">
        <v>18</v>
      </c>
      <c r="J85" s="68">
        <v>19</v>
      </c>
      <c r="K85" s="67">
        <v>33</v>
      </c>
      <c r="L85" s="79">
        <v>18</v>
      </c>
      <c r="M85" s="80">
        <v>15</v>
      </c>
    </row>
    <row r="86" spans="1:13">
      <c r="A86" s="27" t="s">
        <v>25</v>
      </c>
      <c r="B86" s="67">
        <v>14</v>
      </c>
      <c r="C86" s="68">
        <v>12</v>
      </c>
      <c r="D86" s="68">
        <v>2</v>
      </c>
      <c r="E86" s="67">
        <v>11</v>
      </c>
      <c r="F86" s="68">
        <v>8</v>
      </c>
      <c r="G86" s="69">
        <v>3</v>
      </c>
      <c r="H86" s="68">
        <v>49</v>
      </c>
      <c r="I86" s="68">
        <v>33</v>
      </c>
      <c r="J86" s="68">
        <v>16</v>
      </c>
      <c r="K86" s="67">
        <v>24</v>
      </c>
      <c r="L86" s="79">
        <v>13</v>
      </c>
      <c r="M86" s="80">
        <v>11</v>
      </c>
    </row>
    <row r="87" spans="1:13" ht="21" customHeight="1">
      <c r="A87" s="38" t="s">
        <v>27</v>
      </c>
      <c r="B87" s="64">
        <v>35</v>
      </c>
      <c r="C87" s="65">
        <v>4</v>
      </c>
      <c r="D87" s="65">
        <v>31</v>
      </c>
      <c r="E87" s="64">
        <v>41</v>
      </c>
      <c r="F87" s="65">
        <v>31</v>
      </c>
      <c r="G87" s="66">
        <v>10</v>
      </c>
      <c r="H87" s="65">
        <v>168</v>
      </c>
      <c r="I87" s="65">
        <v>94</v>
      </c>
      <c r="J87" s="65">
        <v>74</v>
      </c>
      <c r="K87" s="64">
        <v>92</v>
      </c>
      <c r="L87" s="77">
        <v>59</v>
      </c>
      <c r="M87" s="78">
        <v>33</v>
      </c>
    </row>
    <row r="88" spans="1:13">
      <c r="A88" s="27" t="s">
        <v>29</v>
      </c>
      <c r="B88" s="67">
        <v>7</v>
      </c>
      <c r="C88" s="68">
        <v>4</v>
      </c>
      <c r="D88" s="68">
        <v>3</v>
      </c>
      <c r="E88" s="67">
        <v>10</v>
      </c>
      <c r="F88" s="68">
        <v>7</v>
      </c>
      <c r="G88" s="69">
        <v>3</v>
      </c>
      <c r="H88" s="68">
        <v>44</v>
      </c>
      <c r="I88" s="68">
        <v>28</v>
      </c>
      <c r="J88" s="68">
        <v>16</v>
      </c>
      <c r="K88" s="67">
        <v>27</v>
      </c>
      <c r="L88" s="79">
        <v>17</v>
      </c>
      <c r="M88" s="80">
        <v>10</v>
      </c>
    </row>
    <row r="89" spans="1:13">
      <c r="A89" s="27" t="s">
        <v>31</v>
      </c>
      <c r="B89" s="67">
        <v>0</v>
      </c>
      <c r="C89" s="68">
        <v>-4</v>
      </c>
      <c r="D89" s="68">
        <v>4</v>
      </c>
      <c r="E89" s="67">
        <v>3</v>
      </c>
      <c r="F89" s="68">
        <v>2</v>
      </c>
      <c r="G89" s="69">
        <v>1</v>
      </c>
      <c r="H89" s="68">
        <v>28</v>
      </c>
      <c r="I89" s="68">
        <v>15</v>
      </c>
      <c r="J89" s="68">
        <v>13</v>
      </c>
      <c r="K89" s="67">
        <v>25</v>
      </c>
      <c r="L89" s="79">
        <v>17</v>
      </c>
      <c r="M89" s="80">
        <v>8</v>
      </c>
    </row>
    <row r="90" spans="1:13">
      <c r="A90" s="27" t="s">
        <v>33</v>
      </c>
      <c r="B90" s="67">
        <v>15</v>
      </c>
      <c r="C90" s="68">
        <v>1</v>
      </c>
      <c r="D90" s="68">
        <v>14</v>
      </c>
      <c r="E90" s="67">
        <v>11</v>
      </c>
      <c r="F90" s="68">
        <v>9</v>
      </c>
      <c r="G90" s="69">
        <v>2</v>
      </c>
      <c r="H90" s="68">
        <v>36</v>
      </c>
      <c r="I90" s="68">
        <v>16</v>
      </c>
      <c r="J90" s="68">
        <v>20</v>
      </c>
      <c r="K90" s="67">
        <v>10</v>
      </c>
      <c r="L90" s="79">
        <v>6</v>
      </c>
      <c r="M90" s="80">
        <v>4</v>
      </c>
    </row>
    <row r="91" spans="1:13">
      <c r="A91" s="27" t="s">
        <v>35</v>
      </c>
      <c r="B91" s="67">
        <v>7</v>
      </c>
      <c r="C91" s="68">
        <v>-1</v>
      </c>
      <c r="D91" s="68">
        <v>8</v>
      </c>
      <c r="E91" s="67">
        <v>6</v>
      </c>
      <c r="F91" s="68">
        <v>5</v>
      </c>
      <c r="G91" s="69">
        <v>1</v>
      </c>
      <c r="H91" s="68">
        <v>26</v>
      </c>
      <c r="I91" s="68">
        <v>13</v>
      </c>
      <c r="J91" s="68">
        <v>13</v>
      </c>
      <c r="K91" s="67">
        <v>13</v>
      </c>
      <c r="L91" s="79">
        <v>9</v>
      </c>
      <c r="M91" s="80">
        <v>4</v>
      </c>
    </row>
    <row r="92" spans="1:13">
      <c r="A92" s="27" t="s">
        <v>37</v>
      </c>
      <c r="B92" s="67">
        <v>6</v>
      </c>
      <c r="C92" s="68">
        <v>4</v>
      </c>
      <c r="D92" s="68">
        <v>2</v>
      </c>
      <c r="E92" s="67">
        <v>11</v>
      </c>
      <c r="F92" s="68">
        <v>8</v>
      </c>
      <c r="G92" s="69">
        <v>3</v>
      </c>
      <c r="H92" s="68">
        <v>34</v>
      </c>
      <c r="I92" s="68">
        <v>22</v>
      </c>
      <c r="J92" s="68">
        <v>12</v>
      </c>
      <c r="K92" s="67">
        <v>17</v>
      </c>
      <c r="L92" s="79">
        <v>10</v>
      </c>
      <c r="M92" s="80">
        <v>7</v>
      </c>
    </row>
    <row r="93" spans="1:13" ht="21" customHeight="1">
      <c r="A93" s="38" t="s">
        <v>39</v>
      </c>
      <c r="B93" s="64">
        <v>-59</v>
      </c>
      <c r="C93" s="65">
        <v>-45</v>
      </c>
      <c r="D93" s="65">
        <v>-14</v>
      </c>
      <c r="E93" s="64">
        <v>80</v>
      </c>
      <c r="F93" s="65">
        <v>54</v>
      </c>
      <c r="G93" s="66">
        <v>26</v>
      </c>
      <c r="H93" s="65">
        <v>136</v>
      </c>
      <c r="I93" s="65">
        <v>72</v>
      </c>
      <c r="J93" s="65">
        <v>64</v>
      </c>
      <c r="K93" s="64">
        <v>115</v>
      </c>
      <c r="L93" s="77">
        <v>63</v>
      </c>
      <c r="M93" s="78">
        <v>52</v>
      </c>
    </row>
    <row r="94" spans="1:13">
      <c r="A94" s="27" t="s">
        <v>41</v>
      </c>
      <c r="B94" s="67">
        <v>-9</v>
      </c>
      <c r="C94" s="68">
        <v>-3</v>
      </c>
      <c r="D94" s="68">
        <v>-6</v>
      </c>
      <c r="E94" s="67">
        <v>12</v>
      </c>
      <c r="F94" s="68">
        <v>7</v>
      </c>
      <c r="G94" s="69">
        <v>5</v>
      </c>
      <c r="H94" s="68">
        <v>26</v>
      </c>
      <c r="I94" s="68">
        <v>18</v>
      </c>
      <c r="J94" s="68">
        <v>8</v>
      </c>
      <c r="K94" s="67">
        <v>23</v>
      </c>
      <c r="L94" s="79">
        <v>14</v>
      </c>
      <c r="M94" s="80">
        <v>9</v>
      </c>
    </row>
    <row r="95" spans="1:13">
      <c r="A95" s="27" t="s">
        <v>43</v>
      </c>
      <c r="B95" s="67">
        <v>-14</v>
      </c>
      <c r="C95" s="68">
        <v>-12</v>
      </c>
      <c r="D95" s="68">
        <v>-2</v>
      </c>
      <c r="E95" s="67">
        <v>15</v>
      </c>
      <c r="F95" s="68">
        <v>14</v>
      </c>
      <c r="G95" s="69">
        <v>1</v>
      </c>
      <c r="H95" s="68">
        <v>26</v>
      </c>
      <c r="I95" s="68">
        <v>15</v>
      </c>
      <c r="J95" s="68">
        <v>11</v>
      </c>
      <c r="K95" s="67">
        <v>25</v>
      </c>
      <c r="L95" s="79">
        <v>13</v>
      </c>
      <c r="M95" s="80">
        <v>12</v>
      </c>
    </row>
    <row r="96" spans="1:13">
      <c r="A96" s="27" t="s">
        <v>45</v>
      </c>
      <c r="B96" s="67">
        <v>-17</v>
      </c>
      <c r="C96" s="68">
        <v>-11</v>
      </c>
      <c r="D96" s="68">
        <v>-6</v>
      </c>
      <c r="E96" s="67">
        <v>16</v>
      </c>
      <c r="F96" s="68">
        <v>10</v>
      </c>
      <c r="G96" s="69">
        <v>6</v>
      </c>
      <c r="H96" s="68">
        <v>18</v>
      </c>
      <c r="I96" s="68">
        <v>8</v>
      </c>
      <c r="J96" s="68">
        <v>10</v>
      </c>
      <c r="K96" s="67">
        <v>19</v>
      </c>
      <c r="L96" s="79">
        <v>9</v>
      </c>
      <c r="M96" s="80">
        <v>10</v>
      </c>
    </row>
    <row r="97" spans="1:13">
      <c r="A97" s="27" t="s">
        <v>47</v>
      </c>
      <c r="B97" s="67">
        <v>-8</v>
      </c>
      <c r="C97" s="68">
        <v>-9</v>
      </c>
      <c r="D97" s="68">
        <v>1</v>
      </c>
      <c r="E97" s="67">
        <v>21</v>
      </c>
      <c r="F97" s="68">
        <v>12</v>
      </c>
      <c r="G97" s="69">
        <v>9</v>
      </c>
      <c r="H97" s="68">
        <v>32</v>
      </c>
      <c r="I97" s="68">
        <v>15</v>
      </c>
      <c r="J97" s="68">
        <v>17</v>
      </c>
      <c r="K97" s="67">
        <v>19</v>
      </c>
      <c r="L97" s="79">
        <v>12</v>
      </c>
      <c r="M97" s="80">
        <v>7</v>
      </c>
    </row>
    <row r="98" spans="1:13">
      <c r="A98" s="27" t="s">
        <v>49</v>
      </c>
      <c r="B98" s="67">
        <v>-11</v>
      </c>
      <c r="C98" s="68">
        <v>-10</v>
      </c>
      <c r="D98" s="68">
        <v>-1</v>
      </c>
      <c r="E98" s="67">
        <v>16</v>
      </c>
      <c r="F98" s="68">
        <v>11</v>
      </c>
      <c r="G98" s="69">
        <v>5</v>
      </c>
      <c r="H98" s="68">
        <v>34</v>
      </c>
      <c r="I98" s="68">
        <v>16</v>
      </c>
      <c r="J98" s="68">
        <v>18</v>
      </c>
      <c r="K98" s="67">
        <v>29</v>
      </c>
      <c r="L98" s="79">
        <v>15</v>
      </c>
      <c r="M98" s="80">
        <v>14</v>
      </c>
    </row>
    <row r="99" spans="1:13" ht="21" customHeight="1">
      <c r="A99" s="38" t="s">
        <v>51</v>
      </c>
      <c r="B99" s="64">
        <v>-180</v>
      </c>
      <c r="C99" s="65">
        <v>-137</v>
      </c>
      <c r="D99" s="65">
        <v>-43</v>
      </c>
      <c r="E99" s="64">
        <v>202</v>
      </c>
      <c r="F99" s="65">
        <v>133</v>
      </c>
      <c r="G99" s="66">
        <v>69</v>
      </c>
      <c r="H99" s="65">
        <v>114</v>
      </c>
      <c r="I99" s="65">
        <v>56</v>
      </c>
      <c r="J99" s="65">
        <v>58</v>
      </c>
      <c r="K99" s="64">
        <v>92</v>
      </c>
      <c r="L99" s="77">
        <v>60</v>
      </c>
      <c r="M99" s="78">
        <v>32</v>
      </c>
    </row>
    <row r="100" spans="1:13">
      <c r="A100" s="27" t="s">
        <v>53</v>
      </c>
      <c r="B100" s="67">
        <v>-24</v>
      </c>
      <c r="C100" s="68">
        <v>-16</v>
      </c>
      <c r="D100" s="68">
        <v>-8</v>
      </c>
      <c r="E100" s="67">
        <v>38</v>
      </c>
      <c r="F100" s="68">
        <v>24</v>
      </c>
      <c r="G100" s="69">
        <v>14</v>
      </c>
      <c r="H100" s="68">
        <v>25</v>
      </c>
      <c r="I100" s="68">
        <v>15</v>
      </c>
      <c r="J100" s="68">
        <v>10</v>
      </c>
      <c r="K100" s="67">
        <v>11</v>
      </c>
      <c r="L100" s="79">
        <v>7</v>
      </c>
      <c r="M100" s="80">
        <v>4</v>
      </c>
    </row>
    <row r="101" spans="1:13">
      <c r="A101" s="27" t="s">
        <v>55</v>
      </c>
      <c r="B101" s="67">
        <v>-32</v>
      </c>
      <c r="C101" s="68">
        <v>-21</v>
      </c>
      <c r="D101" s="68">
        <v>-11</v>
      </c>
      <c r="E101" s="67">
        <v>31</v>
      </c>
      <c r="F101" s="68">
        <v>16</v>
      </c>
      <c r="G101" s="69">
        <v>15</v>
      </c>
      <c r="H101" s="68">
        <v>17</v>
      </c>
      <c r="I101" s="68">
        <v>8</v>
      </c>
      <c r="J101" s="68">
        <v>9</v>
      </c>
      <c r="K101" s="67">
        <v>18</v>
      </c>
      <c r="L101" s="79">
        <v>13</v>
      </c>
      <c r="M101" s="80">
        <v>5</v>
      </c>
    </row>
    <row r="102" spans="1:13">
      <c r="A102" s="27" t="s">
        <v>57</v>
      </c>
      <c r="B102" s="67">
        <v>-41</v>
      </c>
      <c r="C102" s="68">
        <v>-30</v>
      </c>
      <c r="D102" s="68">
        <v>-11</v>
      </c>
      <c r="E102" s="67">
        <v>35</v>
      </c>
      <c r="F102" s="68">
        <v>24</v>
      </c>
      <c r="G102" s="69">
        <v>11</v>
      </c>
      <c r="H102" s="68">
        <v>14</v>
      </c>
      <c r="I102" s="68">
        <v>6</v>
      </c>
      <c r="J102" s="68">
        <v>8</v>
      </c>
      <c r="K102" s="67">
        <v>20</v>
      </c>
      <c r="L102" s="79">
        <v>12</v>
      </c>
      <c r="M102" s="80">
        <v>8</v>
      </c>
    </row>
    <row r="103" spans="1:13">
      <c r="A103" s="27" t="s">
        <v>59</v>
      </c>
      <c r="B103" s="67">
        <v>-43</v>
      </c>
      <c r="C103" s="68">
        <v>-39</v>
      </c>
      <c r="D103" s="68">
        <v>-4</v>
      </c>
      <c r="E103" s="67">
        <v>57</v>
      </c>
      <c r="F103" s="68">
        <v>40</v>
      </c>
      <c r="G103" s="69">
        <v>17</v>
      </c>
      <c r="H103" s="68">
        <v>33</v>
      </c>
      <c r="I103" s="68">
        <v>13</v>
      </c>
      <c r="J103" s="68">
        <v>20</v>
      </c>
      <c r="K103" s="67">
        <v>19</v>
      </c>
      <c r="L103" s="79">
        <v>12</v>
      </c>
      <c r="M103" s="80">
        <v>7</v>
      </c>
    </row>
    <row r="104" spans="1:13">
      <c r="A104" s="27" t="s">
        <v>61</v>
      </c>
      <c r="B104" s="67">
        <v>-40</v>
      </c>
      <c r="C104" s="68">
        <v>-31</v>
      </c>
      <c r="D104" s="68">
        <v>-9</v>
      </c>
      <c r="E104" s="67">
        <v>41</v>
      </c>
      <c r="F104" s="68">
        <v>29</v>
      </c>
      <c r="G104" s="69">
        <v>12</v>
      </c>
      <c r="H104" s="68">
        <v>25</v>
      </c>
      <c r="I104" s="68">
        <v>14</v>
      </c>
      <c r="J104" s="68">
        <v>11</v>
      </c>
      <c r="K104" s="67">
        <v>24</v>
      </c>
      <c r="L104" s="79">
        <v>16</v>
      </c>
      <c r="M104" s="80">
        <v>8</v>
      </c>
    </row>
    <row r="105" spans="1:13" ht="21" customHeight="1">
      <c r="A105" s="38" t="s">
        <v>63</v>
      </c>
      <c r="B105" s="64">
        <v>-223</v>
      </c>
      <c r="C105" s="65">
        <v>-152</v>
      </c>
      <c r="D105" s="65">
        <v>-71</v>
      </c>
      <c r="E105" s="64">
        <v>236</v>
      </c>
      <c r="F105" s="65">
        <v>165</v>
      </c>
      <c r="G105" s="66">
        <v>71</v>
      </c>
      <c r="H105" s="65">
        <v>85</v>
      </c>
      <c r="I105" s="65">
        <v>45</v>
      </c>
      <c r="J105" s="65">
        <v>40</v>
      </c>
      <c r="K105" s="64">
        <v>72</v>
      </c>
      <c r="L105" s="77">
        <v>32</v>
      </c>
      <c r="M105" s="78">
        <v>40</v>
      </c>
    </row>
    <row r="106" spans="1:13">
      <c r="A106" s="27" t="s">
        <v>65</v>
      </c>
      <c r="B106" s="67">
        <v>-41</v>
      </c>
      <c r="C106" s="68">
        <v>-31</v>
      </c>
      <c r="D106" s="68">
        <v>-10</v>
      </c>
      <c r="E106" s="67">
        <v>40</v>
      </c>
      <c r="F106" s="68">
        <v>31</v>
      </c>
      <c r="G106" s="69">
        <v>9</v>
      </c>
      <c r="H106" s="68">
        <v>21</v>
      </c>
      <c r="I106" s="68">
        <v>13</v>
      </c>
      <c r="J106" s="68">
        <v>8</v>
      </c>
      <c r="K106" s="67">
        <v>22</v>
      </c>
      <c r="L106" s="79">
        <v>13</v>
      </c>
      <c r="M106" s="80">
        <v>9</v>
      </c>
    </row>
    <row r="107" spans="1:13">
      <c r="A107" s="27" t="s">
        <v>67</v>
      </c>
      <c r="B107" s="67">
        <v>-35</v>
      </c>
      <c r="C107" s="68">
        <v>-28</v>
      </c>
      <c r="D107" s="68">
        <v>-7</v>
      </c>
      <c r="E107" s="67">
        <v>42</v>
      </c>
      <c r="F107" s="68">
        <v>30</v>
      </c>
      <c r="G107" s="69">
        <v>12</v>
      </c>
      <c r="H107" s="68">
        <v>14</v>
      </c>
      <c r="I107" s="68">
        <v>6</v>
      </c>
      <c r="J107" s="68">
        <v>8</v>
      </c>
      <c r="K107" s="67">
        <v>7</v>
      </c>
      <c r="L107" s="79">
        <v>4</v>
      </c>
      <c r="M107" s="80">
        <v>3</v>
      </c>
    </row>
    <row r="108" spans="1:13">
      <c r="A108" s="27" t="s">
        <v>69</v>
      </c>
      <c r="B108" s="67">
        <v>-30</v>
      </c>
      <c r="C108" s="68">
        <v>-17</v>
      </c>
      <c r="D108" s="68">
        <v>-13</v>
      </c>
      <c r="E108" s="67">
        <v>29</v>
      </c>
      <c r="F108" s="68">
        <v>21</v>
      </c>
      <c r="G108" s="69">
        <v>8</v>
      </c>
      <c r="H108" s="68">
        <v>15</v>
      </c>
      <c r="I108" s="68">
        <v>9</v>
      </c>
      <c r="J108" s="68">
        <v>6</v>
      </c>
      <c r="K108" s="67">
        <v>16</v>
      </c>
      <c r="L108" s="79">
        <v>5</v>
      </c>
      <c r="M108" s="80">
        <v>11</v>
      </c>
    </row>
    <row r="109" spans="1:13">
      <c r="A109" s="27" t="s">
        <v>71</v>
      </c>
      <c r="B109" s="67">
        <v>-58</v>
      </c>
      <c r="C109" s="68">
        <v>-34</v>
      </c>
      <c r="D109" s="68">
        <v>-24</v>
      </c>
      <c r="E109" s="67">
        <v>60</v>
      </c>
      <c r="F109" s="68">
        <v>38</v>
      </c>
      <c r="G109" s="69">
        <v>22</v>
      </c>
      <c r="H109" s="68">
        <v>19</v>
      </c>
      <c r="I109" s="68">
        <v>10</v>
      </c>
      <c r="J109" s="68">
        <v>9</v>
      </c>
      <c r="K109" s="67">
        <v>17</v>
      </c>
      <c r="L109" s="79">
        <v>6</v>
      </c>
      <c r="M109" s="80">
        <v>11</v>
      </c>
    </row>
    <row r="110" spans="1:13">
      <c r="A110" s="27" t="s">
        <v>73</v>
      </c>
      <c r="B110" s="67">
        <v>-59</v>
      </c>
      <c r="C110" s="68">
        <v>-42</v>
      </c>
      <c r="D110" s="68">
        <v>-17</v>
      </c>
      <c r="E110" s="67">
        <v>65</v>
      </c>
      <c r="F110" s="68">
        <v>45</v>
      </c>
      <c r="G110" s="69">
        <v>20</v>
      </c>
      <c r="H110" s="68">
        <v>16</v>
      </c>
      <c r="I110" s="68">
        <v>7</v>
      </c>
      <c r="J110" s="68">
        <v>9</v>
      </c>
      <c r="K110" s="67">
        <v>10</v>
      </c>
      <c r="L110" s="79">
        <v>4</v>
      </c>
      <c r="M110" s="80">
        <v>6</v>
      </c>
    </row>
    <row r="111" spans="1:13" ht="21" customHeight="1">
      <c r="A111" s="38" t="s">
        <v>75</v>
      </c>
      <c r="B111" s="64">
        <v>-346</v>
      </c>
      <c r="C111" s="65">
        <v>-213</v>
      </c>
      <c r="D111" s="65">
        <v>-133</v>
      </c>
      <c r="E111" s="64">
        <v>346</v>
      </c>
      <c r="F111" s="65">
        <v>210</v>
      </c>
      <c r="G111" s="66">
        <v>136</v>
      </c>
      <c r="H111" s="65">
        <v>71</v>
      </c>
      <c r="I111" s="65">
        <v>28</v>
      </c>
      <c r="J111" s="65">
        <v>43</v>
      </c>
      <c r="K111" s="64">
        <v>71</v>
      </c>
      <c r="L111" s="77">
        <v>31</v>
      </c>
      <c r="M111" s="78">
        <v>40</v>
      </c>
    </row>
    <row r="112" spans="1:13">
      <c r="A112" s="27" t="s">
        <v>77</v>
      </c>
      <c r="B112" s="67">
        <v>-65</v>
      </c>
      <c r="C112" s="68">
        <v>-45</v>
      </c>
      <c r="D112" s="68">
        <v>-20</v>
      </c>
      <c r="E112" s="67">
        <v>63</v>
      </c>
      <c r="F112" s="68">
        <v>43</v>
      </c>
      <c r="G112" s="69">
        <v>20</v>
      </c>
      <c r="H112" s="68">
        <v>16</v>
      </c>
      <c r="I112" s="68">
        <v>4</v>
      </c>
      <c r="J112" s="68">
        <v>12</v>
      </c>
      <c r="K112" s="67">
        <v>18</v>
      </c>
      <c r="L112" s="79">
        <v>6</v>
      </c>
      <c r="M112" s="80">
        <v>12</v>
      </c>
    </row>
    <row r="113" spans="1:13">
      <c r="A113" s="27" t="s">
        <v>79</v>
      </c>
      <c r="B113" s="67">
        <v>-68</v>
      </c>
      <c r="C113" s="68">
        <v>-45</v>
      </c>
      <c r="D113" s="68">
        <v>-23</v>
      </c>
      <c r="E113" s="67">
        <v>67</v>
      </c>
      <c r="F113" s="68">
        <v>42</v>
      </c>
      <c r="G113" s="69">
        <v>25</v>
      </c>
      <c r="H113" s="68">
        <v>14</v>
      </c>
      <c r="I113" s="68">
        <v>4</v>
      </c>
      <c r="J113" s="68">
        <v>10</v>
      </c>
      <c r="K113" s="67">
        <v>15</v>
      </c>
      <c r="L113" s="79">
        <v>7</v>
      </c>
      <c r="M113" s="80">
        <v>8</v>
      </c>
    </row>
    <row r="114" spans="1:13">
      <c r="A114" s="27" t="s">
        <v>81</v>
      </c>
      <c r="B114" s="67">
        <v>-70</v>
      </c>
      <c r="C114" s="68">
        <v>-41</v>
      </c>
      <c r="D114" s="68">
        <v>-29</v>
      </c>
      <c r="E114" s="67">
        <v>78</v>
      </c>
      <c r="F114" s="68">
        <v>43</v>
      </c>
      <c r="G114" s="69">
        <v>35</v>
      </c>
      <c r="H114" s="68">
        <v>16</v>
      </c>
      <c r="I114" s="68">
        <v>7</v>
      </c>
      <c r="J114" s="68">
        <v>9</v>
      </c>
      <c r="K114" s="67">
        <v>8</v>
      </c>
      <c r="L114" s="79">
        <v>5</v>
      </c>
      <c r="M114" s="80">
        <v>3</v>
      </c>
    </row>
    <row r="115" spans="1:13">
      <c r="A115" s="27" t="s">
        <v>83</v>
      </c>
      <c r="B115" s="67">
        <v>-62</v>
      </c>
      <c r="C115" s="68">
        <v>-35</v>
      </c>
      <c r="D115" s="68">
        <v>-27</v>
      </c>
      <c r="E115" s="67">
        <v>59</v>
      </c>
      <c r="F115" s="68">
        <v>36</v>
      </c>
      <c r="G115" s="69">
        <v>23</v>
      </c>
      <c r="H115" s="68">
        <v>12</v>
      </c>
      <c r="I115" s="68">
        <v>8</v>
      </c>
      <c r="J115" s="68">
        <v>4</v>
      </c>
      <c r="K115" s="67">
        <v>15</v>
      </c>
      <c r="L115" s="79">
        <v>7</v>
      </c>
      <c r="M115" s="80">
        <v>8</v>
      </c>
    </row>
    <row r="116" spans="1:13">
      <c r="A116" s="27" t="s">
        <v>85</v>
      </c>
      <c r="B116" s="67">
        <v>-81</v>
      </c>
      <c r="C116" s="68">
        <v>-47</v>
      </c>
      <c r="D116" s="68">
        <v>-34</v>
      </c>
      <c r="E116" s="67">
        <v>79</v>
      </c>
      <c r="F116" s="68">
        <v>46</v>
      </c>
      <c r="G116" s="69">
        <v>33</v>
      </c>
      <c r="H116" s="68">
        <v>13</v>
      </c>
      <c r="I116" s="68">
        <v>5</v>
      </c>
      <c r="J116" s="68">
        <v>8</v>
      </c>
      <c r="K116" s="67">
        <v>15</v>
      </c>
      <c r="L116" s="79">
        <v>6</v>
      </c>
      <c r="M116" s="80">
        <v>9</v>
      </c>
    </row>
    <row r="117" spans="1:13" ht="21" customHeight="1">
      <c r="A117" s="38" t="s">
        <v>87</v>
      </c>
      <c r="B117" s="64">
        <v>-381</v>
      </c>
      <c r="C117" s="65">
        <v>-203</v>
      </c>
      <c r="D117" s="65">
        <v>-178</v>
      </c>
      <c r="E117" s="64">
        <v>367</v>
      </c>
      <c r="F117" s="65">
        <v>195</v>
      </c>
      <c r="G117" s="66">
        <v>172</v>
      </c>
      <c r="H117" s="65">
        <v>44</v>
      </c>
      <c r="I117" s="65">
        <v>12</v>
      </c>
      <c r="J117" s="65">
        <v>32</v>
      </c>
      <c r="K117" s="64">
        <v>58</v>
      </c>
      <c r="L117" s="77">
        <v>20</v>
      </c>
      <c r="M117" s="78">
        <v>38</v>
      </c>
    </row>
    <row r="118" spans="1:13">
      <c r="A118" s="27" t="s">
        <v>89</v>
      </c>
      <c r="B118" s="67">
        <v>-73</v>
      </c>
      <c r="C118" s="68">
        <v>-48</v>
      </c>
      <c r="D118" s="68">
        <v>-25</v>
      </c>
      <c r="E118" s="67">
        <v>73</v>
      </c>
      <c r="F118" s="68">
        <v>45</v>
      </c>
      <c r="G118" s="69">
        <v>28</v>
      </c>
      <c r="H118" s="68">
        <v>12</v>
      </c>
      <c r="I118" s="68">
        <v>2</v>
      </c>
      <c r="J118" s="68">
        <v>10</v>
      </c>
      <c r="K118" s="67">
        <v>12</v>
      </c>
      <c r="L118" s="79">
        <v>5</v>
      </c>
      <c r="M118" s="80">
        <v>7</v>
      </c>
    </row>
    <row r="119" spans="1:13">
      <c r="A119" s="27" t="s">
        <v>91</v>
      </c>
      <c r="B119" s="67">
        <v>-88</v>
      </c>
      <c r="C119" s="68">
        <v>-49</v>
      </c>
      <c r="D119" s="68">
        <v>-39</v>
      </c>
      <c r="E119" s="67">
        <v>82</v>
      </c>
      <c r="F119" s="68">
        <v>48</v>
      </c>
      <c r="G119" s="69">
        <v>34</v>
      </c>
      <c r="H119" s="68">
        <v>7</v>
      </c>
      <c r="I119" s="68">
        <v>3</v>
      </c>
      <c r="J119" s="68">
        <v>4</v>
      </c>
      <c r="K119" s="67">
        <v>13</v>
      </c>
      <c r="L119" s="79">
        <v>4</v>
      </c>
      <c r="M119" s="80">
        <v>9</v>
      </c>
    </row>
    <row r="120" spans="1:13">
      <c r="A120" s="27" t="s">
        <v>93</v>
      </c>
      <c r="B120" s="67">
        <v>-65</v>
      </c>
      <c r="C120" s="68">
        <v>-35</v>
      </c>
      <c r="D120" s="68">
        <v>-30</v>
      </c>
      <c r="E120" s="67">
        <v>63</v>
      </c>
      <c r="F120" s="68">
        <v>34</v>
      </c>
      <c r="G120" s="69">
        <v>29</v>
      </c>
      <c r="H120" s="68">
        <v>6</v>
      </c>
      <c r="I120" s="68">
        <v>1</v>
      </c>
      <c r="J120" s="68">
        <v>5</v>
      </c>
      <c r="K120" s="67">
        <v>8</v>
      </c>
      <c r="L120" s="79">
        <v>2</v>
      </c>
      <c r="M120" s="80">
        <v>6</v>
      </c>
    </row>
    <row r="121" spans="1:13">
      <c r="A121" s="27" t="s">
        <v>95</v>
      </c>
      <c r="B121" s="67">
        <v>-74</v>
      </c>
      <c r="C121" s="68">
        <v>-35</v>
      </c>
      <c r="D121" s="68">
        <v>-39</v>
      </c>
      <c r="E121" s="67">
        <v>72</v>
      </c>
      <c r="F121" s="68">
        <v>32</v>
      </c>
      <c r="G121" s="69">
        <v>40</v>
      </c>
      <c r="H121" s="68">
        <v>10</v>
      </c>
      <c r="I121" s="68">
        <v>2</v>
      </c>
      <c r="J121" s="68">
        <v>8</v>
      </c>
      <c r="K121" s="67">
        <v>12</v>
      </c>
      <c r="L121" s="79">
        <v>5</v>
      </c>
      <c r="M121" s="80">
        <v>7</v>
      </c>
    </row>
    <row r="122" spans="1:13">
      <c r="A122" s="27" t="s">
        <v>97</v>
      </c>
      <c r="B122" s="67">
        <v>-81</v>
      </c>
      <c r="C122" s="68">
        <v>-36</v>
      </c>
      <c r="D122" s="68">
        <v>-45</v>
      </c>
      <c r="E122" s="67">
        <v>77</v>
      </c>
      <c r="F122" s="68">
        <v>36</v>
      </c>
      <c r="G122" s="69">
        <v>41</v>
      </c>
      <c r="H122" s="68">
        <v>9</v>
      </c>
      <c r="I122" s="68">
        <v>4</v>
      </c>
      <c r="J122" s="68">
        <v>5</v>
      </c>
      <c r="K122" s="67">
        <v>13</v>
      </c>
      <c r="L122" s="79">
        <v>4</v>
      </c>
      <c r="M122" s="80">
        <v>9</v>
      </c>
    </row>
    <row r="123" spans="1:13" ht="21" customHeight="1">
      <c r="A123" s="38" t="s">
        <v>99</v>
      </c>
      <c r="B123" s="64">
        <v>-288</v>
      </c>
      <c r="C123" s="65">
        <v>-86</v>
      </c>
      <c r="D123" s="65">
        <v>-202</v>
      </c>
      <c r="E123" s="64">
        <v>291</v>
      </c>
      <c r="F123" s="65">
        <v>94</v>
      </c>
      <c r="G123" s="66">
        <v>197</v>
      </c>
      <c r="H123" s="65">
        <v>29</v>
      </c>
      <c r="I123" s="65">
        <v>13</v>
      </c>
      <c r="J123" s="65">
        <v>16</v>
      </c>
      <c r="K123" s="64">
        <v>26</v>
      </c>
      <c r="L123" s="77">
        <v>5</v>
      </c>
      <c r="M123" s="78">
        <v>21</v>
      </c>
    </row>
    <row r="124" spans="1:13">
      <c r="A124" s="27" t="s">
        <v>101</v>
      </c>
      <c r="B124" s="67">
        <v>-63</v>
      </c>
      <c r="C124" s="68">
        <v>-20</v>
      </c>
      <c r="D124" s="68">
        <v>-43</v>
      </c>
      <c r="E124" s="67">
        <v>64</v>
      </c>
      <c r="F124" s="68">
        <v>21</v>
      </c>
      <c r="G124" s="69">
        <v>43</v>
      </c>
      <c r="H124" s="68">
        <v>13</v>
      </c>
      <c r="I124" s="68">
        <v>4</v>
      </c>
      <c r="J124" s="68">
        <v>9</v>
      </c>
      <c r="K124" s="67">
        <v>12</v>
      </c>
      <c r="L124" s="79">
        <v>3</v>
      </c>
      <c r="M124" s="80">
        <v>9</v>
      </c>
    </row>
    <row r="125" spans="1:13">
      <c r="A125" s="27" t="s">
        <v>103</v>
      </c>
      <c r="B125" s="67">
        <v>-63</v>
      </c>
      <c r="C125" s="68">
        <v>-24</v>
      </c>
      <c r="D125" s="68">
        <v>-39</v>
      </c>
      <c r="E125" s="67">
        <v>62</v>
      </c>
      <c r="F125" s="68">
        <v>25</v>
      </c>
      <c r="G125" s="69">
        <v>37</v>
      </c>
      <c r="H125" s="68">
        <v>4</v>
      </c>
      <c r="I125" s="68">
        <v>2</v>
      </c>
      <c r="J125" s="68">
        <v>2</v>
      </c>
      <c r="K125" s="67">
        <v>5</v>
      </c>
      <c r="L125" s="79">
        <v>1</v>
      </c>
      <c r="M125" s="80">
        <v>4</v>
      </c>
    </row>
    <row r="126" spans="1:13">
      <c r="A126" s="27" t="s">
        <v>105</v>
      </c>
      <c r="B126" s="67">
        <v>-67</v>
      </c>
      <c r="C126" s="68">
        <v>-19</v>
      </c>
      <c r="D126" s="68">
        <v>-48</v>
      </c>
      <c r="E126" s="67">
        <v>66</v>
      </c>
      <c r="F126" s="68">
        <v>22</v>
      </c>
      <c r="G126" s="69">
        <v>44</v>
      </c>
      <c r="H126" s="68">
        <v>4</v>
      </c>
      <c r="I126" s="68">
        <v>3</v>
      </c>
      <c r="J126" s="68">
        <v>1</v>
      </c>
      <c r="K126" s="67">
        <v>5</v>
      </c>
      <c r="L126" s="79">
        <v>0</v>
      </c>
      <c r="M126" s="80">
        <v>5</v>
      </c>
    </row>
    <row r="127" spans="1:13">
      <c r="A127" s="27" t="s">
        <v>107</v>
      </c>
      <c r="B127" s="67">
        <v>-45</v>
      </c>
      <c r="C127" s="68">
        <v>-10</v>
      </c>
      <c r="D127" s="68">
        <v>-35</v>
      </c>
      <c r="E127" s="67">
        <v>47</v>
      </c>
      <c r="F127" s="68">
        <v>12</v>
      </c>
      <c r="G127" s="69">
        <v>35</v>
      </c>
      <c r="H127" s="68">
        <v>4</v>
      </c>
      <c r="I127" s="68">
        <v>3</v>
      </c>
      <c r="J127" s="68">
        <v>1</v>
      </c>
      <c r="K127" s="67">
        <v>2</v>
      </c>
      <c r="L127" s="79">
        <v>1</v>
      </c>
      <c r="M127" s="80">
        <v>1</v>
      </c>
    </row>
    <row r="128" spans="1:13">
      <c r="A128" s="27" t="s">
        <v>109</v>
      </c>
      <c r="B128" s="67">
        <v>-50</v>
      </c>
      <c r="C128" s="68">
        <v>-13</v>
      </c>
      <c r="D128" s="68">
        <v>-37</v>
      </c>
      <c r="E128" s="67">
        <v>52</v>
      </c>
      <c r="F128" s="68">
        <v>14</v>
      </c>
      <c r="G128" s="69">
        <v>38</v>
      </c>
      <c r="H128" s="68">
        <v>4</v>
      </c>
      <c r="I128" s="68">
        <v>1</v>
      </c>
      <c r="J128" s="68">
        <v>3</v>
      </c>
      <c r="K128" s="67">
        <v>2</v>
      </c>
      <c r="L128" s="79">
        <v>0</v>
      </c>
      <c r="M128" s="80">
        <v>2</v>
      </c>
    </row>
    <row r="129" spans="1:14" ht="21" customHeight="1">
      <c r="A129" s="38" t="s">
        <v>111</v>
      </c>
      <c r="B129" s="64">
        <v>-137</v>
      </c>
      <c r="C129" s="65">
        <v>-28</v>
      </c>
      <c r="D129" s="65">
        <v>-109</v>
      </c>
      <c r="E129" s="64">
        <v>139</v>
      </c>
      <c r="F129" s="65">
        <v>26</v>
      </c>
      <c r="G129" s="66">
        <v>113</v>
      </c>
      <c r="H129" s="65">
        <v>5</v>
      </c>
      <c r="I129" s="65">
        <v>0</v>
      </c>
      <c r="J129" s="65">
        <v>5</v>
      </c>
      <c r="K129" s="64">
        <v>3</v>
      </c>
      <c r="L129" s="77">
        <v>2</v>
      </c>
      <c r="M129" s="78">
        <v>1</v>
      </c>
    </row>
    <row r="130" spans="1:14">
      <c r="A130" s="27" t="s">
        <v>113</v>
      </c>
      <c r="B130" s="67">
        <v>-36</v>
      </c>
      <c r="C130" s="68">
        <v>-11</v>
      </c>
      <c r="D130" s="68">
        <v>-25</v>
      </c>
      <c r="E130" s="67">
        <v>36</v>
      </c>
      <c r="F130" s="68">
        <v>11</v>
      </c>
      <c r="G130" s="69">
        <v>25</v>
      </c>
      <c r="H130" s="68">
        <v>1</v>
      </c>
      <c r="I130" s="68">
        <v>0</v>
      </c>
      <c r="J130" s="68">
        <v>1</v>
      </c>
      <c r="K130" s="67">
        <v>1</v>
      </c>
      <c r="L130" s="79">
        <v>0</v>
      </c>
      <c r="M130" s="80">
        <v>1</v>
      </c>
    </row>
    <row r="131" spans="1:14">
      <c r="A131" s="27" t="s">
        <v>115</v>
      </c>
      <c r="B131" s="67">
        <v>-37</v>
      </c>
      <c r="C131" s="68">
        <v>-8</v>
      </c>
      <c r="D131" s="68">
        <v>-29</v>
      </c>
      <c r="E131" s="67">
        <v>38</v>
      </c>
      <c r="F131" s="68">
        <v>7</v>
      </c>
      <c r="G131" s="69">
        <v>31</v>
      </c>
      <c r="H131" s="68">
        <v>2</v>
      </c>
      <c r="I131" s="68">
        <v>0</v>
      </c>
      <c r="J131" s="68">
        <v>2</v>
      </c>
      <c r="K131" s="67">
        <v>1</v>
      </c>
      <c r="L131" s="79">
        <v>1</v>
      </c>
      <c r="M131" s="80">
        <v>0</v>
      </c>
    </row>
    <row r="132" spans="1:14">
      <c r="A132" s="27" t="s">
        <v>117</v>
      </c>
      <c r="B132" s="67">
        <v>-26</v>
      </c>
      <c r="C132" s="68">
        <v>-3</v>
      </c>
      <c r="D132" s="68">
        <v>-23</v>
      </c>
      <c r="E132" s="67">
        <v>27</v>
      </c>
      <c r="F132" s="68">
        <v>3</v>
      </c>
      <c r="G132" s="69">
        <v>24</v>
      </c>
      <c r="H132" s="68">
        <v>1</v>
      </c>
      <c r="I132" s="68">
        <v>0</v>
      </c>
      <c r="J132" s="68">
        <v>1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20</v>
      </c>
      <c r="C133" s="68">
        <v>-3</v>
      </c>
      <c r="D133" s="68">
        <v>-17</v>
      </c>
      <c r="E133" s="67">
        <v>21</v>
      </c>
      <c r="F133" s="68">
        <v>3</v>
      </c>
      <c r="G133" s="69">
        <v>18</v>
      </c>
      <c r="H133" s="68">
        <v>1</v>
      </c>
      <c r="I133" s="68">
        <v>0</v>
      </c>
      <c r="J133" s="68">
        <v>1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18</v>
      </c>
      <c r="C134" s="68">
        <v>-3</v>
      </c>
      <c r="D134" s="68">
        <v>-15</v>
      </c>
      <c r="E134" s="67">
        <v>17</v>
      </c>
      <c r="F134" s="68">
        <v>2</v>
      </c>
      <c r="G134" s="69">
        <v>15</v>
      </c>
      <c r="H134" s="68">
        <v>0</v>
      </c>
      <c r="I134" s="68">
        <v>0</v>
      </c>
      <c r="J134" s="68">
        <v>0</v>
      </c>
      <c r="K134" s="67">
        <v>1</v>
      </c>
      <c r="L134" s="79">
        <v>1</v>
      </c>
      <c r="M134" s="80">
        <v>0</v>
      </c>
    </row>
    <row r="135" spans="1:14" ht="21" customHeight="1">
      <c r="A135" s="39" t="s">
        <v>122</v>
      </c>
      <c r="B135" s="42">
        <v>-40</v>
      </c>
      <c r="C135" s="40">
        <v>-8</v>
      </c>
      <c r="D135" s="40">
        <v>-32</v>
      </c>
      <c r="E135" s="42">
        <v>41</v>
      </c>
      <c r="F135" s="40">
        <v>8</v>
      </c>
      <c r="G135" s="43">
        <v>33</v>
      </c>
      <c r="H135" s="40">
        <v>1</v>
      </c>
      <c r="I135" s="40">
        <v>0</v>
      </c>
      <c r="J135" s="40">
        <v>1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26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219</v>
      </c>
      <c r="C3" s="54"/>
      <c r="D3" s="55"/>
      <c r="E3" s="53" t="s">
        <v>221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15</v>
      </c>
      <c r="C5" s="62">
        <v>45</v>
      </c>
      <c r="D5" s="62">
        <v>70</v>
      </c>
      <c r="E5" s="61">
        <v>1127</v>
      </c>
      <c r="F5" s="62">
        <v>630</v>
      </c>
      <c r="G5" s="63">
        <v>497</v>
      </c>
      <c r="H5" s="62">
        <v>5248</v>
      </c>
      <c r="I5" s="62">
        <v>2993</v>
      </c>
      <c r="J5" s="62">
        <v>2255</v>
      </c>
      <c r="K5" s="61">
        <v>4638</v>
      </c>
      <c r="L5" s="75">
        <v>2620</v>
      </c>
      <c r="M5" s="76">
        <v>2018</v>
      </c>
    </row>
    <row r="6" spans="1:13" ht="23.25" customHeight="1">
      <c r="A6" s="36" t="s">
        <v>2</v>
      </c>
      <c r="B6" s="64">
        <v>647</v>
      </c>
      <c r="C6" s="65">
        <v>302</v>
      </c>
      <c r="D6" s="65">
        <v>345</v>
      </c>
      <c r="E6" s="64">
        <v>2</v>
      </c>
      <c r="F6" s="65">
        <v>2</v>
      </c>
      <c r="G6" s="66">
        <v>0</v>
      </c>
      <c r="H6" s="65">
        <v>250</v>
      </c>
      <c r="I6" s="65">
        <v>130</v>
      </c>
      <c r="J6" s="65">
        <v>120</v>
      </c>
      <c r="K6" s="64">
        <v>233</v>
      </c>
      <c r="L6" s="77">
        <v>128</v>
      </c>
      <c r="M6" s="78">
        <v>105</v>
      </c>
    </row>
    <row r="7" spans="1:13">
      <c r="A7" s="15" t="s">
        <v>4</v>
      </c>
      <c r="B7" s="67">
        <v>638</v>
      </c>
      <c r="C7" s="68">
        <v>312</v>
      </c>
      <c r="D7" s="68">
        <v>326</v>
      </c>
      <c r="E7" s="67">
        <v>2</v>
      </c>
      <c r="F7" s="68">
        <v>2</v>
      </c>
      <c r="G7" s="69">
        <v>0</v>
      </c>
      <c r="H7" s="68">
        <v>40</v>
      </c>
      <c r="I7" s="68">
        <v>23</v>
      </c>
      <c r="J7" s="68">
        <v>17</v>
      </c>
      <c r="K7" s="67">
        <v>32</v>
      </c>
      <c r="L7" s="79">
        <v>11</v>
      </c>
      <c r="M7" s="80">
        <v>21</v>
      </c>
    </row>
    <row r="8" spans="1:13">
      <c r="A8" s="15" t="s">
        <v>6</v>
      </c>
      <c r="B8" s="67">
        <v>-1</v>
      </c>
      <c r="C8" s="68">
        <v>-4</v>
      </c>
      <c r="D8" s="68">
        <v>3</v>
      </c>
      <c r="E8" s="67">
        <v>0</v>
      </c>
      <c r="F8" s="68">
        <v>0</v>
      </c>
      <c r="G8" s="69">
        <v>0</v>
      </c>
      <c r="H8" s="68">
        <v>58</v>
      </c>
      <c r="I8" s="68">
        <v>33</v>
      </c>
      <c r="J8" s="68">
        <v>25</v>
      </c>
      <c r="K8" s="67">
        <v>59</v>
      </c>
      <c r="L8" s="79">
        <v>37</v>
      </c>
      <c r="M8" s="80">
        <v>22</v>
      </c>
    </row>
    <row r="9" spans="1:13">
      <c r="A9" s="15" t="s">
        <v>8</v>
      </c>
      <c r="B9" s="67">
        <v>8</v>
      </c>
      <c r="C9" s="68">
        <v>-1</v>
      </c>
      <c r="D9" s="68">
        <v>9</v>
      </c>
      <c r="E9" s="67">
        <v>0</v>
      </c>
      <c r="F9" s="68">
        <v>0</v>
      </c>
      <c r="G9" s="69">
        <v>0</v>
      </c>
      <c r="H9" s="68">
        <v>67</v>
      </c>
      <c r="I9" s="68">
        <v>34</v>
      </c>
      <c r="J9" s="68">
        <v>33</v>
      </c>
      <c r="K9" s="67">
        <v>59</v>
      </c>
      <c r="L9" s="79">
        <v>35</v>
      </c>
      <c r="M9" s="80">
        <v>24</v>
      </c>
    </row>
    <row r="10" spans="1:13">
      <c r="A10" s="15" t="s">
        <v>10</v>
      </c>
      <c r="B10" s="67">
        <v>-1</v>
      </c>
      <c r="C10" s="68">
        <v>-9</v>
      </c>
      <c r="D10" s="68">
        <v>8</v>
      </c>
      <c r="E10" s="67">
        <v>0</v>
      </c>
      <c r="F10" s="68">
        <v>0</v>
      </c>
      <c r="G10" s="69">
        <v>0</v>
      </c>
      <c r="H10" s="68">
        <v>50</v>
      </c>
      <c r="I10" s="68">
        <v>21</v>
      </c>
      <c r="J10" s="68">
        <v>29</v>
      </c>
      <c r="K10" s="67">
        <v>51</v>
      </c>
      <c r="L10" s="79">
        <v>30</v>
      </c>
      <c r="M10" s="80">
        <v>21</v>
      </c>
    </row>
    <row r="11" spans="1:13">
      <c r="A11" s="15" t="s">
        <v>12</v>
      </c>
      <c r="B11" s="67">
        <v>3</v>
      </c>
      <c r="C11" s="68">
        <v>4</v>
      </c>
      <c r="D11" s="68">
        <v>-1</v>
      </c>
      <c r="E11" s="67">
        <v>0</v>
      </c>
      <c r="F11" s="68">
        <v>0</v>
      </c>
      <c r="G11" s="69">
        <v>0</v>
      </c>
      <c r="H11" s="68">
        <v>35</v>
      </c>
      <c r="I11" s="68">
        <v>19</v>
      </c>
      <c r="J11" s="68">
        <v>16</v>
      </c>
      <c r="K11" s="67">
        <v>32</v>
      </c>
      <c r="L11" s="79">
        <v>15</v>
      </c>
      <c r="M11" s="80">
        <v>17</v>
      </c>
    </row>
    <row r="12" spans="1:13" ht="21" customHeight="1">
      <c r="A12" s="36" t="s">
        <v>14</v>
      </c>
      <c r="B12" s="64">
        <v>5</v>
      </c>
      <c r="C12" s="65">
        <v>-7</v>
      </c>
      <c r="D12" s="65">
        <v>12</v>
      </c>
      <c r="E12" s="64">
        <v>0</v>
      </c>
      <c r="F12" s="65">
        <v>0</v>
      </c>
      <c r="G12" s="66">
        <v>0</v>
      </c>
      <c r="H12" s="65">
        <v>116</v>
      </c>
      <c r="I12" s="65">
        <v>51</v>
      </c>
      <c r="J12" s="65">
        <v>65</v>
      </c>
      <c r="K12" s="64">
        <v>111</v>
      </c>
      <c r="L12" s="77">
        <v>58</v>
      </c>
      <c r="M12" s="78">
        <v>53</v>
      </c>
    </row>
    <row r="13" spans="1:13">
      <c r="A13" s="15" t="s">
        <v>16</v>
      </c>
      <c r="B13" s="67">
        <v>-5</v>
      </c>
      <c r="C13" s="68">
        <v>-2</v>
      </c>
      <c r="D13" s="68">
        <v>-3</v>
      </c>
      <c r="E13" s="67">
        <v>0</v>
      </c>
      <c r="F13" s="68">
        <v>0</v>
      </c>
      <c r="G13" s="69">
        <v>0</v>
      </c>
      <c r="H13" s="68">
        <v>29</v>
      </c>
      <c r="I13" s="68">
        <v>16</v>
      </c>
      <c r="J13" s="68">
        <v>13</v>
      </c>
      <c r="K13" s="67">
        <v>34</v>
      </c>
      <c r="L13" s="79">
        <v>18</v>
      </c>
      <c r="M13" s="80">
        <v>16</v>
      </c>
    </row>
    <row r="14" spans="1:13">
      <c r="A14" s="15" t="s">
        <v>18</v>
      </c>
      <c r="B14" s="67">
        <v>3</v>
      </c>
      <c r="C14" s="68">
        <v>3</v>
      </c>
      <c r="D14" s="68">
        <v>0</v>
      </c>
      <c r="E14" s="67">
        <v>0</v>
      </c>
      <c r="F14" s="68">
        <v>0</v>
      </c>
      <c r="G14" s="69">
        <v>0</v>
      </c>
      <c r="H14" s="68">
        <v>31</v>
      </c>
      <c r="I14" s="68">
        <v>16</v>
      </c>
      <c r="J14" s="68">
        <v>15</v>
      </c>
      <c r="K14" s="67">
        <v>28</v>
      </c>
      <c r="L14" s="79">
        <v>13</v>
      </c>
      <c r="M14" s="80">
        <v>15</v>
      </c>
    </row>
    <row r="15" spans="1:13">
      <c r="A15" s="15" t="s">
        <v>20</v>
      </c>
      <c r="B15" s="67">
        <v>0</v>
      </c>
      <c r="C15" s="68">
        <v>-1</v>
      </c>
      <c r="D15" s="68">
        <v>1</v>
      </c>
      <c r="E15" s="67">
        <v>0</v>
      </c>
      <c r="F15" s="68">
        <v>0</v>
      </c>
      <c r="G15" s="69">
        <v>0</v>
      </c>
      <c r="H15" s="68">
        <v>23</v>
      </c>
      <c r="I15" s="68">
        <v>10</v>
      </c>
      <c r="J15" s="68">
        <v>13</v>
      </c>
      <c r="K15" s="67">
        <v>23</v>
      </c>
      <c r="L15" s="79">
        <v>11</v>
      </c>
      <c r="M15" s="80">
        <v>12</v>
      </c>
    </row>
    <row r="16" spans="1:13">
      <c r="A16" s="15" t="s">
        <v>22</v>
      </c>
      <c r="B16" s="67">
        <v>7</v>
      </c>
      <c r="C16" s="68">
        <v>-4</v>
      </c>
      <c r="D16" s="68">
        <v>11</v>
      </c>
      <c r="E16" s="67">
        <v>0</v>
      </c>
      <c r="F16" s="68">
        <v>0</v>
      </c>
      <c r="G16" s="69">
        <v>0</v>
      </c>
      <c r="H16" s="68">
        <v>21</v>
      </c>
      <c r="I16" s="68">
        <v>4</v>
      </c>
      <c r="J16" s="68">
        <v>17</v>
      </c>
      <c r="K16" s="67">
        <v>14</v>
      </c>
      <c r="L16" s="79">
        <v>8</v>
      </c>
      <c r="M16" s="80">
        <v>6</v>
      </c>
    </row>
    <row r="17" spans="1:13">
      <c r="A17" s="15" t="s">
        <v>24</v>
      </c>
      <c r="B17" s="67">
        <v>0</v>
      </c>
      <c r="C17" s="68">
        <v>-3</v>
      </c>
      <c r="D17" s="68">
        <v>3</v>
      </c>
      <c r="E17" s="67">
        <v>0</v>
      </c>
      <c r="F17" s="68">
        <v>0</v>
      </c>
      <c r="G17" s="69">
        <v>0</v>
      </c>
      <c r="H17" s="68">
        <v>12</v>
      </c>
      <c r="I17" s="68">
        <v>5</v>
      </c>
      <c r="J17" s="68">
        <v>7</v>
      </c>
      <c r="K17" s="67">
        <v>12</v>
      </c>
      <c r="L17" s="79">
        <v>8</v>
      </c>
      <c r="M17" s="80">
        <v>4</v>
      </c>
    </row>
    <row r="18" spans="1:13" ht="21" customHeight="1">
      <c r="A18" s="36" t="s">
        <v>26</v>
      </c>
      <c r="B18" s="64">
        <v>22</v>
      </c>
      <c r="C18" s="65">
        <v>15</v>
      </c>
      <c r="D18" s="65">
        <v>7</v>
      </c>
      <c r="E18" s="64">
        <v>0</v>
      </c>
      <c r="F18" s="65">
        <v>0</v>
      </c>
      <c r="G18" s="66">
        <v>0</v>
      </c>
      <c r="H18" s="65">
        <v>71</v>
      </c>
      <c r="I18" s="65">
        <v>36</v>
      </c>
      <c r="J18" s="65">
        <v>35</v>
      </c>
      <c r="K18" s="64">
        <v>49</v>
      </c>
      <c r="L18" s="77">
        <v>21</v>
      </c>
      <c r="M18" s="78">
        <v>28</v>
      </c>
    </row>
    <row r="19" spans="1:13">
      <c r="A19" s="15" t="s">
        <v>28</v>
      </c>
      <c r="B19" s="67">
        <v>8</v>
      </c>
      <c r="C19" s="68">
        <v>5</v>
      </c>
      <c r="D19" s="68">
        <v>3</v>
      </c>
      <c r="E19" s="67">
        <v>0</v>
      </c>
      <c r="F19" s="68">
        <v>0</v>
      </c>
      <c r="G19" s="69">
        <v>0</v>
      </c>
      <c r="H19" s="68">
        <v>18</v>
      </c>
      <c r="I19" s="68">
        <v>9</v>
      </c>
      <c r="J19" s="68">
        <v>9</v>
      </c>
      <c r="K19" s="67">
        <v>10</v>
      </c>
      <c r="L19" s="79">
        <v>4</v>
      </c>
      <c r="M19" s="80">
        <v>6</v>
      </c>
    </row>
    <row r="20" spans="1:13">
      <c r="A20" s="15" t="s">
        <v>30</v>
      </c>
      <c r="B20" s="67">
        <v>7</v>
      </c>
      <c r="C20" s="68">
        <v>6</v>
      </c>
      <c r="D20" s="68">
        <v>1</v>
      </c>
      <c r="E20" s="67">
        <v>0</v>
      </c>
      <c r="F20" s="68">
        <v>0</v>
      </c>
      <c r="G20" s="69">
        <v>0</v>
      </c>
      <c r="H20" s="68">
        <v>19</v>
      </c>
      <c r="I20" s="68">
        <v>10</v>
      </c>
      <c r="J20" s="68">
        <v>9</v>
      </c>
      <c r="K20" s="67">
        <v>12</v>
      </c>
      <c r="L20" s="79">
        <v>4</v>
      </c>
      <c r="M20" s="80">
        <v>8</v>
      </c>
    </row>
    <row r="21" spans="1:13">
      <c r="A21" s="15" t="s">
        <v>32</v>
      </c>
      <c r="B21" s="67">
        <v>4</v>
      </c>
      <c r="C21" s="68">
        <v>5</v>
      </c>
      <c r="D21" s="68">
        <v>-1</v>
      </c>
      <c r="E21" s="67">
        <v>0</v>
      </c>
      <c r="F21" s="68">
        <v>0</v>
      </c>
      <c r="G21" s="69">
        <v>0</v>
      </c>
      <c r="H21" s="68">
        <v>11</v>
      </c>
      <c r="I21" s="68">
        <v>8</v>
      </c>
      <c r="J21" s="68">
        <v>3</v>
      </c>
      <c r="K21" s="67">
        <v>7</v>
      </c>
      <c r="L21" s="79">
        <v>3</v>
      </c>
      <c r="M21" s="80">
        <v>4</v>
      </c>
    </row>
    <row r="22" spans="1:13">
      <c r="A22" s="15" t="s">
        <v>34</v>
      </c>
      <c r="B22" s="67">
        <v>3</v>
      </c>
      <c r="C22" s="68">
        <v>-2</v>
      </c>
      <c r="D22" s="68">
        <v>5</v>
      </c>
      <c r="E22" s="67">
        <v>0</v>
      </c>
      <c r="F22" s="68">
        <v>0</v>
      </c>
      <c r="G22" s="69">
        <v>0</v>
      </c>
      <c r="H22" s="68">
        <v>13</v>
      </c>
      <c r="I22" s="68">
        <v>5</v>
      </c>
      <c r="J22" s="68">
        <v>8</v>
      </c>
      <c r="K22" s="67">
        <v>10</v>
      </c>
      <c r="L22" s="79">
        <v>7</v>
      </c>
      <c r="M22" s="80">
        <v>3</v>
      </c>
    </row>
    <row r="23" spans="1:13">
      <c r="A23" s="15" t="s">
        <v>36</v>
      </c>
      <c r="B23" s="67">
        <v>0</v>
      </c>
      <c r="C23" s="68">
        <v>1</v>
      </c>
      <c r="D23" s="68">
        <v>-1</v>
      </c>
      <c r="E23" s="67">
        <v>0</v>
      </c>
      <c r="F23" s="68">
        <v>0</v>
      </c>
      <c r="G23" s="69">
        <v>0</v>
      </c>
      <c r="H23" s="68">
        <v>10</v>
      </c>
      <c r="I23" s="68">
        <v>4</v>
      </c>
      <c r="J23" s="68">
        <v>6</v>
      </c>
      <c r="K23" s="67">
        <v>10</v>
      </c>
      <c r="L23" s="79">
        <v>3</v>
      </c>
      <c r="M23" s="80">
        <v>7</v>
      </c>
    </row>
    <row r="24" spans="1:13" ht="21" customHeight="1">
      <c r="A24" s="36" t="s">
        <v>38</v>
      </c>
      <c r="B24" s="64">
        <v>72</v>
      </c>
      <c r="C24" s="65">
        <v>53</v>
      </c>
      <c r="D24" s="65">
        <v>19</v>
      </c>
      <c r="E24" s="64">
        <v>0</v>
      </c>
      <c r="F24" s="65">
        <v>0</v>
      </c>
      <c r="G24" s="66">
        <v>0</v>
      </c>
      <c r="H24" s="65">
        <v>170</v>
      </c>
      <c r="I24" s="65">
        <v>101</v>
      </c>
      <c r="J24" s="65">
        <v>69</v>
      </c>
      <c r="K24" s="64">
        <v>98</v>
      </c>
      <c r="L24" s="77">
        <v>48</v>
      </c>
      <c r="M24" s="78">
        <v>50</v>
      </c>
    </row>
    <row r="25" spans="1:13">
      <c r="A25" s="15" t="s">
        <v>40</v>
      </c>
      <c r="B25" s="67">
        <v>0</v>
      </c>
      <c r="C25" s="68">
        <v>-2</v>
      </c>
      <c r="D25" s="68">
        <v>2</v>
      </c>
      <c r="E25" s="67">
        <v>0</v>
      </c>
      <c r="F25" s="68">
        <v>0</v>
      </c>
      <c r="G25" s="69">
        <v>0</v>
      </c>
      <c r="H25" s="68">
        <v>9</v>
      </c>
      <c r="I25" s="68">
        <v>3</v>
      </c>
      <c r="J25" s="68">
        <v>6</v>
      </c>
      <c r="K25" s="67">
        <v>9</v>
      </c>
      <c r="L25" s="79">
        <v>5</v>
      </c>
      <c r="M25" s="80">
        <v>4</v>
      </c>
    </row>
    <row r="26" spans="1:13">
      <c r="A26" s="15" t="s">
        <v>42</v>
      </c>
      <c r="B26" s="67">
        <v>-8</v>
      </c>
      <c r="C26" s="68">
        <v>-1</v>
      </c>
      <c r="D26" s="68">
        <v>-7</v>
      </c>
      <c r="E26" s="67">
        <v>0</v>
      </c>
      <c r="F26" s="68">
        <v>0</v>
      </c>
      <c r="G26" s="69">
        <v>0</v>
      </c>
      <c r="H26" s="68">
        <v>14</v>
      </c>
      <c r="I26" s="68">
        <v>8</v>
      </c>
      <c r="J26" s="68">
        <v>6</v>
      </c>
      <c r="K26" s="67">
        <v>22</v>
      </c>
      <c r="L26" s="79">
        <v>9</v>
      </c>
      <c r="M26" s="80">
        <v>13</v>
      </c>
    </row>
    <row r="27" spans="1:13">
      <c r="A27" s="15" t="s">
        <v>44</v>
      </c>
      <c r="B27" s="67">
        <v>6</v>
      </c>
      <c r="C27" s="68">
        <v>6</v>
      </c>
      <c r="D27" s="68">
        <v>0</v>
      </c>
      <c r="E27" s="67">
        <v>0</v>
      </c>
      <c r="F27" s="68">
        <v>0</v>
      </c>
      <c r="G27" s="69">
        <v>0</v>
      </c>
      <c r="H27" s="68">
        <v>10</v>
      </c>
      <c r="I27" s="68">
        <v>7</v>
      </c>
      <c r="J27" s="68">
        <v>3</v>
      </c>
      <c r="K27" s="67">
        <v>4</v>
      </c>
      <c r="L27" s="79">
        <v>1</v>
      </c>
      <c r="M27" s="80">
        <v>3</v>
      </c>
    </row>
    <row r="28" spans="1:13">
      <c r="A28" s="15" t="s">
        <v>46</v>
      </c>
      <c r="B28" s="67">
        <v>6</v>
      </c>
      <c r="C28" s="68">
        <v>5</v>
      </c>
      <c r="D28" s="68">
        <v>1</v>
      </c>
      <c r="E28" s="67">
        <v>0</v>
      </c>
      <c r="F28" s="68">
        <v>0</v>
      </c>
      <c r="G28" s="69">
        <v>0</v>
      </c>
      <c r="H28" s="68">
        <v>29</v>
      </c>
      <c r="I28" s="68">
        <v>19</v>
      </c>
      <c r="J28" s="68">
        <v>10</v>
      </c>
      <c r="K28" s="67">
        <v>23</v>
      </c>
      <c r="L28" s="79">
        <v>14</v>
      </c>
      <c r="M28" s="80">
        <v>9</v>
      </c>
    </row>
    <row r="29" spans="1:13">
      <c r="A29" s="15" t="s">
        <v>48</v>
      </c>
      <c r="B29" s="67">
        <v>68</v>
      </c>
      <c r="C29" s="68">
        <v>45</v>
      </c>
      <c r="D29" s="68">
        <v>23</v>
      </c>
      <c r="E29" s="67">
        <v>0</v>
      </c>
      <c r="F29" s="68">
        <v>0</v>
      </c>
      <c r="G29" s="69">
        <v>0</v>
      </c>
      <c r="H29" s="68">
        <v>108</v>
      </c>
      <c r="I29" s="68">
        <v>64</v>
      </c>
      <c r="J29" s="68">
        <v>44</v>
      </c>
      <c r="K29" s="67">
        <v>40</v>
      </c>
      <c r="L29" s="79">
        <v>19</v>
      </c>
      <c r="M29" s="80">
        <v>21</v>
      </c>
    </row>
    <row r="30" spans="1:13" ht="21" customHeight="1">
      <c r="A30" s="36" t="s">
        <v>50</v>
      </c>
      <c r="B30" s="64">
        <v>216</v>
      </c>
      <c r="C30" s="65">
        <v>113</v>
      </c>
      <c r="D30" s="65">
        <v>103</v>
      </c>
      <c r="E30" s="64">
        <v>0</v>
      </c>
      <c r="F30" s="65">
        <v>0</v>
      </c>
      <c r="G30" s="66">
        <v>0</v>
      </c>
      <c r="H30" s="65">
        <v>963</v>
      </c>
      <c r="I30" s="65">
        <v>486</v>
      </c>
      <c r="J30" s="65">
        <v>477</v>
      </c>
      <c r="K30" s="64">
        <v>747</v>
      </c>
      <c r="L30" s="77">
        <v>373</v>
      </c>
      <c r="M30" s="78">
        <v>374</v>
      </c>
    </row>
    <row r="31" spans="1:13">
      <c r="A31" s="15" t="s">
        <v>52</v>
      </c>
      <c r="B31" s="67">
        <v>41</v>
      </c>
      <c r="C31" s="68">
        <v>15</v>
      </c>
      <c r="D31" s="68">
        <v>26</v>
      </c>
      <c r="E31" s="67">
        <v>0</v>
      </c>
      <c r="F31" s="68">
        <v>0</v>
      </c>
      <c r="G31" s="69">
        <v>0</v>
      </c>
      <c r="H31" s="68">
        <v>85</v>
      </c>
      <c r="I31" s="68">
        <v>40</v>
      </c>
      <c r="J31" s="68">
        <v>45</v>
      </c>
      <c r="K31" s="67">
        <v>44</v>
      </c>
      <c r="L31" s="79">
        <v>25</v>
      </c>
      <c r="M31" s="80">
        <v>19</v>
      </c>
    </row>
    <row r="32" spans="1:13">
      <c r="A32" s="15" t="s">
        <v>54</v>
      </c>
      <c r="B32" s="67">
        <v>50</v>
      </c>
      <c r="C32" s="68">
        <v>16</v>
      </c>
      <c r="D32" s="68">
        <v>34</v>
      </c>
      <c r="E32" s="67">
        <v>0</v>
      </c>
      <c r="F32" s="68">
        <v>0</v>
      </c>
      <c r="G32" s="69">
        <v>0</v>
      </c>
      <c r="H32" s="68">
        <v>133</v>
      </c>
      <c r="I32" s="68">
        <v>52</v>
      </c>
      <c r="J32" s="68">
        <v>81</v>
      </c>
      <c r="K32" s="67">
        <v>83</v>
      </c>
      <c r="L32" s="79">
        <v>36</v>
      </c>
      <c r="M32" s="80">
        <v>47</v>
      </c>
    </row>
    <row r="33" spans="1:13">
      <c r="A33" s="15" t="s">
        <v>56</v>
      </c>
      <c r="B33" s="67">
        <v>45</v>
      </c>
      <c r="C33" s="68">
        <v>23</v>
      </c>
      <c r="D33" s="68">
        <v>22</v>
      </c>
      <c r="E33" s="67">
        <v>0</v>
      </c>
      <c r="F33" s="68">
        <v>0</v>
      </c>
      <c r="G33" s="69">
        <v>0</v>
      </c>
      <c r="H33" s="68">
        <v>220</v>
      </c>
      <c r="I33" s="68">
        <v>108</v>
      </c>
      <c r="J33" s="68">
        <v>112</v>
      </c>
      <c r="K33" s="67">
        <v>175</v>
      </c>
      <c r="L33" s="79">
        <v>85</v>
      </c>
      <c r="M33" s="80">
        <v>90</v>
      </c>
    </row>
    <row r="34" spans="1:13">
      <c r="A34" s="15" t="s">
        <v>58</v>
      </c>
      <c r="B34" s="67">
        <v>37</v>
      </c>
      <c r="C34" s="68">
        <v>25</v>
      </c>
      <c r="D34" s="68">
        <v>12</v>
      </c>
      <c r="E34" s="67">
        <v>0</v>
      </c>
      <c r="F34" s="68">
        <v>0</v>
      </c>
      <c r="G34" s="69">
        <v>0</v>
      </c>
      <c r="H34" s="68">
        <v>285</v>
      </c>
      <c r="I34" s="68">
        <v>148</v>
      </c>
      <c r="J34" s="68">
        <v>137</v>
      </c>
      <c r="K34" s="67">
        <v>248</v>
      </c>
      <c r="L34" s="79">
        <v>123</v>
      </c>
      <c r="M34" s="80">
        <v>125</v>
      </c>
    </row>
    <row r="35" spans="1:13">
      <c r="A35" s="15" t="s">
        <v>60</v>
      </c>
      <c r="B35" s="67">
        <v>43</v>
      </c>
      <c r="C35" s="68">
        <v>34</v>
      </c>
      <c r="D35" s="68">
        <v>9</v>
      </c>
      <c r="E35" s="67">
        <v>0</v>
      </c>
      <c r="F35" s="68">
        <v>0</v>
      </c>
      <c r="G35" s="69">
        <v>0</v>
      </c>
      <c r="H35" s="68">
        <v>240</v>
      </c>
      <c r="I35" s="68">
        <v>138</v>
      </c>
      <c r="J35" s="68">
        <v>102</v>
      </c>
      <c r="K35" s="67">
        <v>197</v>
      </c>
      <c r="L35" s="79">
        <v>104</v>
      </c>
      <c r="M35" s="80">
        <v>93</v>
      </c>
    </row>
    <row r="36" spans="1:13" ht="21" customHeight="1">
      <c r="A36" s="36" t="s">
        <v>62</v>
      </c>
      <c r="B36" s="64">
        <v>130</v>
      </c>
      <c r="C36" s="65">
        <v>124</v>
      </c>
      <c r="D36" s="65">
        <v>6</v>
      </c>
      <c r="E36" s="64">
        <v>2</v>
      </c>
      <c r="F36" s="65">
        <v>2</v>
      </c>
      <c r="G36" s="66">
        <v>0</v>
      </c>
      <c r="H36" s="65">
        <v>1279</v>
      </c>
      <c r="I36" s="65">
        <v>777</v>
      </c>
      <c r="J36" s="65">
        <v>502</v>
      </c>
      <c r="K36" s="64">
        <v>1147</v>
      </c>
      <c r="L36" s="77">
        <v>651</v>
      </c>
      <c r="M36" s="78">
        <v>496</v>
      </c>
    </row>
    <row r="37" spans="1:13">
      <c r="A37" s="15" t="s">
        <v>64</v>
      </c>
      <c r="B37" s="67">
        <v>68</v>
      </c>
      <c r="C37" s="68">
        <v>61</v>
      </c>
      <c r="D37" s="68">
        <v>7</v>
      </c>
      <c r="E37" s="67">
        <v>1</v>
      </c>
      <c r="F37" s="68">
        <v>1</v>
      </c>
      <c r="G37" s="69">
        <v>0</v>
      </c>
      <c r="H37" s="68">
        <v>322</v>
      </c>
      <c r="I37" s="68">
        <v>209</v>
      </c>
      <c r="J37" s="68">
        <v>113</v>
      </c>
      <c r="K37" s="67">
        <v>253</v>
      </c>
      <c r="L37" s="79">
        <v>147</v>
      </c>
      <c r="M37" s="80">
        <v>106</v>
      </c>
    </row>
    <row r="38" spans="1:13">
      <c r="A38" s="15" t="s">
        <v>66</v>
      </c>
      <c r="B38" s="67">
        <v>17</v>
      </c>
      <c r="C38" s="68">
        <v>33</v>
      </c>
      <c r="D38" s="68">
        <v>-16</v>
      </c>
      <c r="E38" s="67">
        <v>0</v>
      </c>
      <c r="F38" s="68">
        <v>0</v>
      </c>
      <c r="G38" s="69">
        <v>0</v>
      </c>
      <c r="H38" s="68">
        <v>282</v>
      </c>
      <c r="I38" s="68">
        <v>181</v>
      </c>
      <c r="J38" s="68">
        <v>101</v>
      </c>
      <c r="K38" s="67">
        <v>265</v>
      </c>
      <c r="L38" s="79">
        <v>148</v>
      </c>
      <c r="M38" s="80">
        <v>117</v>
      </c>
    </row>
    <row r="39" spans="1:13">
      <c r="A39" s="15" t="s">
        <v>68</v>
      </c>
      <c r="B39" s="67">
        <v>9</v>
      </c>
      <c r="C39" s="68">
        <v>27</v>
      </c>
      <c r="D39" s="68">
        <v>-18</v>
      </c>
      <c r="E39" s="67">
        <v>0</v>
      </c>
      <c r="F39" s="68">
        <v>0</v>
      </c>
      <c r="G39" s="69">
        <v>0</v>
      </c>
      <c r="H39" s="68">
        <v>247</v>
      </c>
      <c r="I39" s="68">
        <v>157</v>
      </c>
      <c r="J39" s="68">
        <v>90</v>
      </c>
      <c r="K39" s="67">
        <v>238</v>
      </c>
      <c r="L39" s="79">
        <v>130</v>
      </c>
      <c r="M39" s="80">
        <v>108</v>
      </c>
    </row>
    <row r="40" spans="1:13">
      <c r="A40" s="15" t="s">
        <v>70</v>
      </c>
      <c r="B40" s="67">
        <v>29</v>
      </c>
      <c r="C40" s="68">
        <v>14</v>
      </c>
      <c r="D40" s="68">
        <v>15</v>
      </c>
      <c r="E40" s="67">
        <v>1</v>
      </c>
      <c r="F40" s="68">
        <v>1</v>
      </c>
      <c r="G40" s="69">
        <v>0</v>
      </c>
      <c r="H40" s="68">
        <v>230</v>
      </c>
      <c r="I40" s="68">
        <v>122</v>
      </c>
      <c r="J40" s="68">
        <v>108</v>
      </c>
      <c r="K40" s="67">
        <v>200</v>
      </c>
      <c r="L40" s="79">
        <v>107</v>
      </c>
      <c r="M40" s="80">
        <v>93</v>
      </c>
    </row>
    <row r="41" spans="1:13">
      <c r="A41" s="15" t="s">
        <v>72</v>
      </c>
      <c r="B41" s="67">
        <v>7</v>
      </c>
      <c r="C41" s="68">
        <v>-11</v>
      </c>
      <c r="D41" s="68">
        <v>18</v>
      </c>
      <c r="E41" s="67">
        <v>0</v>
      </c>
      <c r="F41" s="68">
        <v>0</v>
      </c>
      <c r="G41" s="69">
        <v>0</v>
      </c>
      <c r="H41" s="68">
        <v>198</v>
      </c>
      <c r="I41" s="68">
        <v>108</v>
      </c>
      <c r="J41" s="68">
        <v>90</v>
      </c>
      <c r="K41" s="67">
        <v>191</v>
      </c>
      <c r="L41" s="79">
        <v>119</v>
      </c>
      <c r="M41" s="80">
        <v>72</v>
      </c>
    </row>
    <row r="42" spans="1:13" ht="21" customHeight="1">
      <c r="A42" s="36" t="s">
        <v>74</v>
      </c>
      <c r="B42" s="64">
        <v>16</v>
      </c>
      <c r="C42" s="65">
        <v>15</v>
      </c>
      <c r="D42" s="65">
        <v>1</v>
      </c>
      <c r="E42" s="64">
        <v>0</v>
      </c>
      <c r="F42" s="65">
        <v>0</v>
      </c>
      <c r="G42" s="66">
        <v>0</v>
      </c>
      <c r="H42" s="65">
        <v>738</v>
      </c>
      <c r="I42" s="65">
        <v>445</v>
      </c>
      <c r="J42" s="65">
        <v>293</v>
      </c>
      <c r="K42" s="64">
        <v>722</v>
      </c>
      <c r="L42" s="77">
        <v>430</v>
      </c>
      <c r="M42" s="78">
        <v>292</v>
      </c>
    </row>
    <row r="43" spans="1:13">
      <c r="A43" s="15" t="s">
        <v>76</v>
      </c>
      <c r="B43" s="67">
        <v>27</v>
      </c>
      <c r="C43" s="68">
        <v>17</v>
      </c>
      <c r="D43" s="68">
        <v>10</v>
      </c>
      <c r="E43" s="67">
        <v>0</v>
      </c>
      <c r="F43" s="68">
        <v>0</v>
      </c>
      <c r="G43" s="69">
        <v>0</v>
      </c>
      <c r="H43" s="68">
        <v>193</v>
      </c>
      <c r="I43" s="68">
        <v>109</v>
      </c>
      <c r="J43" s="68">
        <v>84</v>
      </c>
      <c r="K43" s="67">
        <v>166</v>
      </c>
      <c r="L43" s="79">
        <v>92</v>
      </c>
      <c r="M43" s="80">
        <v>74</v>
      </c>
    </row>
    <row r="44" spans="1:13">
      <c r="A44" s="15" t="s">
        <v>78</v>
      </c>
      <c r="B44" s="67">
        <v>-12</v>
      </c>
      <c r="C44" s="68">
        <v>1</v>
      </c>
      <c r="D44" s="68">
        <v>-13</v>
      </c>
      <c r="E44" s="67">
        <v>0</v>
      </c>
      <c r="F44" s="68">
        <v>0</v>
      </c>
      <c r="G44" s="69">
        <v>0</v>
      </c>
      <c r="H44" s="68">
        <v>161</v>
      </c>
      <c r="I44" s="68">
        <v>95</v>
      </c>
      <c r="J44" s="68">
        <v>66</v>
      </c>
      <c r="K44" s="67">
        <v>173</v>
      </c>
      <c r="L44" s="79">
        <v>94</v>
      </c>
      <c r="M44" s="80">
        <v>79</v>
      </c>
    </row>
    <row r="45" spans="1:13">
      <c r="A45" s="15" t="s">
        <v>80</v>
      </c>
      <c r="B45" s="67">
        <v>-3</v>
      </c>
      <c r="C45" s="68">
        <v>-3</v>
      </c>
      <c r="D45" s="68">
        <v>0</v>
      </c>
      <c r="E45" s="67">
        <v>0</v>
      </c>
      <c r="F45" s="68">
        <v>0</v>
      </c>
      <c r="G45" s="69">
        <v>0</v>
      </c>
      <c r="H45" s="68">
        <v>145</v>
      </c>
      <c r="I45" s="68">
        <v>93</v>
      </c>
      <c r="J45" s="68">
        <v>52</v>
      </c>
      <c r="K45" s="67">
        <v>148</v>
      </c>
      <c r="L45" s="79">
        <v>96</v>
      </c>
      <c r="M45" s="80">
        <v>52</v>
      </c>
    </row>
    <row r="46" spans="1:13">
      <c r="A46" s="15" t="s">
        <v>82</v>
      </c>
      <c r="B46" s="67">
        <v>-1</v>
      </c>
      <c r="C46" s="68">
        <v>3</v>
      </c>
      <c r="D46" s="68">
        <v>-4</v>
      </c>
      <c r="E46" s="67">
        <v>0</v>
      </c>
      <c r="F46" s="68">
        <v>0</v>
      </c>
      <c r="G46" s="69">
        <v>0</v>
      </c>
      <c r="H46" s="68">
        <v>127</v>
      </c>
      <c r="I46" s="68">
        <v>80</v>
      </c>
      <c r="J46" s="68">
        <v>47</v>
      </c>
      <c r="K46" s="67">
        <v>128</v>
      </c>
      <c r="L46" s="79">
        <v>77</v>
      </c>
      <c r="M46" s="80">
        <v>51</v>
      </c>
    </row>
    <row r="47" spans="1:13">
      <c r="A47" s="15" t="s">
        <v>84</v>
      </c>
      <c r="B47" s="67">
        <v>5</v>
      </c>
      <c r="C47" s="68">
        <v>-3</v>
      </c>
      <c r="D47" s="68">
        <v>8</v>
      </c>
      <c r="E47" s="67">
        <v>0</v>
      </c>
      <c r="F47" s="68">
        <v>0</v>
      </c>
      <c r="G47" s="69">
        <v>0</v>
      </c>
      <c r="H47" s="68">
        <v>112</v>
      </c>
      <c r="I47" s="68">
        <v>68</v>
      </c>
      <c r="J47" s="68">
        <v>44</v>
      </c>
      <c r="K47" s="67">
        <v>107</v>
      </c>
      <c r="L47" s="79">
        <v>71</v>
      </c>
      <c r="M47" s="80">
        <v>36</v>
      </c>
    </row>
    <row r="48" spans="1:13" ht="21" customHeight="1">
      <c r="A48" s="36" t="s">
        <v>86</v>
      </c>
      <c r="B48" s="64">
        <v>6</v>
      </c>
      <c r="C48" s="65">
        <v>11</v>
      </c>
      <c r="D48" s="65">
        <v>-5</v>
      </c>
      <c r="E48" s="64">
        <v>3</v>
      </c>
      <c r="F48" s="65">
        <v>1</v>
      </c>
      <c r="G48" s="66">
        <v>2</v>
      </c>
      <c r="H48" s="65">
        <v>430</v>
      </c>
      <c r="I48" s="65">
        <v>266</v>
      </c>
      <c r="J48" s="65">
        <v>164</v>
      </c>
      <c r="K48" s="64">
        <v>421</v>
      </c>
      <c r="L48" s="77">
        <v>254</v>
      </c>
      <c r="M48" s="78">
        <v>167</v>
      </c>
    </row>
    <row r="49" spans="1:13">
      <c r="A49" s="15" t="s">
        <v>88</v>
      </c>
      <c r="B49" s="67">
        <v>-22</v>
      </c>
      <c r="C49" s="68">
        <v>-10</v>
      </c>
      <c r="D49" s="68">
        <v>-12</v>
      </c>
      <c r="E49" s="67">
        <v>0</v>
      </c>
      <c r="F49" s="68">
        <v>0</v>
      </c>
      <c r="G49" s="69">
        <v>0</v>
      </c>
      <c r="H49" s="68">
        <v>88</v>
      </c>
      <c r="I49" s="68">
        <v>51</v>
      </c>
      <c r="J49" s="68">
        <v>37</v>
      </c>
      <c r="K49" s="67">
        <v>110</v>
      </c>
      <c r="L49" s="79">
        <v>61</v>
      </c>
      <c r="M49" s="80">
        <v>49</v>
      </c>
    </row>
    <row r="50" spans="1:13">
      <c r="A50" s="15" t="s">
        <v>90</v>
      </c>
      <c r="B50" s="67">
        <v>1</v>
      </c>
      <c r="C50" s="68">
        <v>3</v>
      </c>
      <c r="D50" s="68">
        <v>-2</v>
      </c>
      <c r="E50" s="67">
        <v>2</v>
      </c>
      <c r="F50" s="68">
        <v>0</v>
      </c>
      <c r="G50" s="69">
        <v>2</v>
      </c>
      <c r="H50" s="68">
        <v>93</v>
      </c>
      <c r="I50" s="68">
        <v>60</v>
      </c>
      <c r="J50" s="68">
        <v>33</v>
      </c>
      <c r="K50" s="67">
        <v>90</v>
      </c>
      <c r="L50" s="79">
        <v>57</v>
      </c>
      <c r="M50" s="80">
        <v>33</v>
      </c>
    </row>
    <row r="51" spans="1:13">
      <c r="A51" s="15" t="s">
        <v>92</v>
      </c>
      <c r="B51" s="67">
        <v>12</v>
      </c>
      <c r="C51" s="68">
        <v>15</v>
      </c>
      <c r="D51" s="68">
        <v>-3</v>
      </c>
      <c r="E51" s="67">
        <v>1</v>
      </c>
      <c r="F51" s="68">
        <v>1</v>
      </c>
      <c r="G51" s="69">
        <v>0</v>
      </c>
      <c r="H51" s="68">
        <v>95</v>
      </c>
      <c r="I51" s="68">
        <v>61</v>
      </c>
      <c r="J51" s="68">
        <v>34</v>
      </c>
      <c r="K51" s="67">
        <v>82</v>
      </c>
      <c r="L51" s="79">
        <v>45</v>
      </c>
      <c r="M51" s="80">
        <v>37</v>
      </c>
    </row>
    <row r="52" spans="1:13">
      <c r="A52" s="15" t="s">
        <v>94</v>
      </c>
      <c r="B52" s="67">
        <v>6</v>
      </c>
      <c r="C52" s="68">
        <v>3</v>
      </c>
      <c r="D52" s="68">
        <v>3</v>
      </c>
      <c r="E52" s="67">
        <v>0</v>
      </c>
      <c r="F52" s="68">
        <v>0</v>
      </c>
      <c r="G52" s="69">
        <v>0</v>
      </c>
      <c r="H52" s="68">
        <v>72</v>
      </c>
      <c r="I52" s="68">
        <v>43</v>
      </c>
      <c r="J52" s="68">
        <v>29</v>
      </c>
      <c r="K52" s="67">
        <v>66</v>
      </c>
      <c r="L52" s="79">
        <v>40</v>
      </c>
      <c r="M52" s="80">
        <v>26</v>
      </c>
    </row>
    <row r="53" spans="1:13">
      <c r="A53" s="15" t="s">
        <v>96</v>
      </c>
      <c r="B53" s="67">
        <v>9</v>
      </c>
      <c r="C53" s="68">
        <v>0</v>
      </c>
      <c r="D53" s="68">
        <v>9</v>
      </c>
      <c r="E53" s="67">
        <v>0</v>
      </c>
      <c r="F53" s="68">
        <v>0</v>
      </c>
      <c r="G53" s="69">
        <v>0</v>
      </c>
      <c r="H53" s="68">
        <v>82</v>
      </c>
      <c r="I53" s="68">
        <v>51</v>
      </c>
      <c r="J53" s="68">
        <v>31</v>
      </c>
      <c r="K53" s="67">
        <v>73</v>
      </c>
      <c r="L53" s="79">
        <v>51</v>
      </c>
      <c r="M53" s="80">
        <v>22</v>
      </c>
    </row>
    <row r="54" spans="1:13" ht="21" customHeight="1">
      <c r="A54" s="36" t="s">
        <v>98</v>
      </c>
      <c r="B54" s="64">
        <v>-10</v>
      </c>
      <c r="C54" s="65">
        <v>7</v>
      </c>
      <c r="D54" s="65">
        <v>-17</v>
      </c>
      <c r="E54" s="64">
        <v>7</v>
      </c>
      <c r="F54" s="65">
        <v>5</v>
      </c>
      <c r="G54" s="66">
        <v>2</v>
      </c>
      <c r="H54" s="65">
        <v>265</v>
      </c>
      <c r="I54" s="65">
        <v>179</v>
      </c>
      <c r="J54" s="65">
        <v>86</v>
      </c>
      <c r="K54" s="64">
        <v>268</v>
      </c>
      <c r="L54" s="77">
        <v>167</v>
      </c>
      <c r="M54" s="78">
        <v>101</v>
      </c>
    </row>
    <row r="55" spans="1:13">
      <c r="A55" s="15" t="s">
        <v>100</v>
      </c>
      <c r="B55" s="67">
        <v>-16</v>
      </c>
      <c r="C55" s="68">
        <v>-9</v>
      </c>
      <c r="D55" s="68">
        <v>-7</v>
      </c>
      <c r="E55" s="67">
        <v>1</v>
      </c>
      <c r="F55" s="68">
        <v>1</v>
      </c>
      <c r="G55" s="69">
        <v>0</v>
      </c>
      <c r="H55" s="68">
        <v>58</v>
      </c>
      <c r="I55" s="68">
        <v>42</v>
      </c>
      <c r="J55" s="68">
        <v>16</v>
      </c>
      <c r="K55" s="67">
        <v>73</v>
      </c>
      <c r="L55" s="79">
        <v>50</v>
      </c>
      <c r="M55" s="80">
        <v>23</v>
      </c>
    </row>
    <row r="56" spans="1:13">
      <c r="A56" s="15" t="s">
        <v>102</v>
      </c>
      <c r="B56" s="67">
        <v>-2</v>
      </c>
      <c r="C56" s="68">
        <v>7</v>
      </c>
      <c r="D56" s="68">
        <v>-9</v>
      </c>
      <c r="E56" s="67">
        <v>1</v>
      </c>
      <c r="F56" s="68">
        <v>0</v>
      </c>
      <c r="G56" s="69">
        <v>1</v>
      </c>
      <c r="H56" s="68">
        <v>52</v>
      </c>
      <c r="I56" s="68">
        <v>39</v>
      </c>
      <c r="J56" s="68">
        <v>13</v>
      </c>
      <c r="K56" s="67">
        <v>53</v>
      </c>
      <c r="L56" s="79">
        <v>32</v>
      </c>
      <c r="M56" s="80">
        <v>21</v>
      </c>
    </row>
    <row r="57" spans="1:13">
      <c r="A57" s="15" t="s">
        <v>104</v>
      </c>
      <c r="B57" s="67">
        <v>-5</v>
      </c>
      <c r="C57" s="68">
        <v>-5</v>
      </c>
      <c r="D57" s="68">
        <v>0</v>
      </c>
      <c r="E57" s="67">
        <v>2</v>
      </c>
      <c r="F57" s="68">
        <v>2</v>
      </c>
      <c r="G57" s="69">
        <v>0</v>
      </c>
      <c r="H57" s="68">
        <v>40</v>
      </c>
      <c r="I57" s="68">
        <v>24</v>
      </c>
      <c r="J57" s="68">
        <v>16</v>
      </c>
      <c r="K57" s="67">
        <v>43</v>
      </c>
      <c r="L57" s="79">
        <v>27</v>
      </c>
      <c r="M57" s="80">
        <v>16</v>
      </c>
    </row>
    <row r="58" spans="1:13">
      <c r="A58" s="15" t="s">
        <v>106</v>
      </c>
      <c r="B58" s="67">
        <v>5</v>
      </c>
      <c r="C58" s="68">
        <v>8</v>
      </c>
      <c r="D58" s="68">
        <v>-3</v>
      </c>
      <c r="E58" s="67">
        <v>2</v>
      </c>
      <c r="F58" s="68">
        <v>1</v>
      </c>
      <c r="G58" s="69">
        <v>1</v>
      </c>
      <c r="H58" s="68">
        <v>54</v>
      </c>
      <c r="I58" s="68">
        <v>37</v>
      </c>
      <c r="J58" s="68">
        <v>17</v>
      </c>
      <c r="K58" s="67">
        <v>47</v>
      </c>
      <c r="L58" s="79">
        <v>28</v>
      </c>
      <c r="M58" s="80">
        <v>19</v>
      </c>
    </row>
    <row r="59" spans="1:13">
      <c r="A59" s="15" t="s">
        <v>108</v>
      </c>
      <c r="B59" s="67">
        <v>8</v>
      </c>
      <c r="C59" s="68">
        <v>6</v>
      </c>
      <c r="D59" s="68">
        <v>2</v>
      </c>
      <c r="E59" s="67">
        <v>1</v>
      </c>
      <c r="F59" s="68">
        <v>1</v>
      </c>
      <c r="G59" s="69">
        <v>0</v>
      </c>
      <c r="H59" s="68">
        <v>61</v>
      </c>
      <c r="I59" s="68">
        <v>37</v>
      </c>
      <c r="J59" s="68">
        <v>24</v>
      </c>
      <c r="K59" s="67">
        <v>52</v>
      </c>
      <c r="L59" s="79">
        <v>30</v>
      </c>
      <c r="M59" s="80">
        <v>22</v>
      </c>
    </row>
    <row r="60" spans="1:13" ht="21" customHeight="1">
      <c r="A60" s="36" t="s">
        <v>110</v>
      </c>
      <c r="B60" s="64">
        <v>0</v>
      </c>
      <c r="C60" s="65">
        <v>-19</v>
      </c>
      <c r="D60" s="65">
        <v>19</v>
      </c>
      <c r="E60" s="64">
        <v>11</v>
      </c>
      <c r="F60" s="65">
        <v>9</v>
      </c>
      <c r="G60" s="66">
        <v>2</v>
      </c>
      <c r="H60" s="65">
        <v>216</v>
      </c>
      <c r="I60" s="65">
        <v>119</v>
      </c>
      <c r="J60" s="65">
        <v>97</v>
      </c>
      <c r="K60" s="64">
        <v>205</v>
      </c>
      <c r="L60" s="77">
        <v>129</v>
      </c>
      <c r="M60" s="78">
        <v>76</v>
      </c>
    </row>
    <row r="61" spans="1:13">
      <c r="A61" s="15" t="s">
        <v>112</v>
      </c>
      <c r="B61" s="67">
        <v>-14</v>
      </c>
      <c r="C61" s="68">
        <v>-9</v>
      </c>
      <c r="D61" s="68">
        <v>-5</v>
      </c>
      <c r="E61" s="67">
        <v>2</v>
      </c>
      <c r="F61" s="68">
        <v>2</v>
      </c>
      <c r="G61" s="69">
        <v>0</v>
      </c>
      <c r="H61" s="68">
        <v>33</v>
      </c>
      <c r="I61" s="68">
        <v>18</v>
      </c>
      <c r="J61" s="68">
        <v>15</v>
      </c>
      <c r="K61" s="67">
        <v>45</v>
      </c>
      <c r="L61" s="79">
        <v>25</v>
      </c>
      <c r="M61" s="80">
        <v>20</v>
      </c>
    </row>
    <row r="62" spans="1:13">
      <c r="A62" s="15" t="s">
        <v>114</v>
      </c>
      <c r="B62" s="67">
        <v>14</v>
      </c>
      <c r="C62" s="68">
        <v>13</v>
      </c>
      <c r="D62" s="68">
        <v>1</v>
      </c>
      <c r="E62" s="67">
        <v>2</v>
      </c>
      <c r="F62" s="68">
        <v>1</v>
      </c>
      <c r="G62" s="69">
        <v>1</v>
      </c>
      <c r="H62" s="68">
        <v>58</v>
      </c>
      <c r="I62" s="68">
        <v>37</v>
      </c>
      <c r="J62" s="68">
        <v>21</v>
      </c>
      <c r="K62" s="67">
        <v>42</v>
      </c>
      <c r="L62" s="79">
        <v>23</v>
      </c>
      <c r="M62" s="80">
        <v>19</v>
      </c>
    </row>
    <row r="63" spans="1:13">
      <c r="A63" s="15" t="s">
        <v>116</v>
      </c>
      <c r="B63" s="67">
        <v>-8</v>
      </c>
      <c r="C63" s="68">
        <v>-12</v>
      </c>
      <c r="D63" s="68">
        <v>4</v>
      </c>
      <c r="E63" s="67">
        <v>3</v>
      </c>
      <c r="F63" s="68">
        <v>2</v>
      </c>
      <c r="G63" s="69">
        <v>1</v>
      </c>
      <c r="H63" s="68">
        <v>46</v>
      </c>
      <c r="I63" s="68">
        <v>24</v>
      </c>
      <c r="J63" s="68">
        <v>22</v>
      </c>
      <c r="K63" s="67">
        <v>51</v>
      </c>
      <c r="L63" s="79">
        <v>34</v>
      </c>
      <c r="M63" s="80">
        <v>17</v>
      </c>
    </row>
    <row r="64" spans="1:13">
      <c r="A64" s="15" t="s">
        <v>118</v>
      </c>
      <c r="B64" s="67">
        <v>17</v>
      </c>
      <c r="C64" s="68">
        <v>7</v>
      </c>
      <c r="D64" s="68">
        <v>10</v>
      </c>
      <c r="E64" s="67">
        <v>1</v>
      </c>
      <c r="F64" s="68">
        <v>1</v>
      </c>
      <c r="G64" s="69">
        <v>0</v>
      </c>
      <c r="H64" s="68">
        <v>45</v>
      </c>
      <c r="I64" s="68">
        <v>28</v>
      </c>
      <c r="J64" s="68">
        <v>17</v>
      </c>
      <c r="K64" s="67">
        <v>27</v>
      </c>
      <c r="L64" s="79">
        <v>20</v>
      </c>
      <c r="M64" s="80">
        <v>7</v>
      </c>
    </row>
    <row r="65" spans="1:13">
      <c r="A65" s="19" t="s">
        <v>120</v>
      </c>
      <c r="B65" s="70">
        <v>-9</v>
      </c>
      <c r="C65" s="71">
        <v>-18</v>
      </c>
      <c r="D65" s="71">
        <v>9</v>
      </c>
      <c r="E65" s="70">
        <v>3</v>
      </c>
      <c r="F65" s="71">
        <v>3</v>
      </c>
      <c r="G65" s="72">
        <v>0</v>
      </c>
      <c r="H65" s="71">
        <v>34</v>
      </c>
      <c r="I65" s="71">
        <v>12</v>
      </c>
      <c r="J65" s="71">
        <v>22</v>
      </c>
      <c r="K65" s="70">
        <v>40</v>
      </c>
      <c r="L65" s="81">
        <v>27</v>
      </c>
      <c r="M65" s="82">
        <v>13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632</v>
      </c>
      <c r="C69" s="50">
        <v>302</v>
      </c>
      <c r="D69" s="84">
        <v>330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26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219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9</v>
      </c>
      <c r="C75" s="65">
        <v>-3</v>
      </c>
      <c r="D75" s="65">
        <v>12</v>
      </c>
      <c r="E75" s="64">
        <v>12</v>
      </c>
      <c r="F75" s="65">
        <v>7</v>
      </c>
      <c r="G75" s="66">
        <v>5</v>
      </c>
      <c r="H75" s="65">
        <v>201</v>
      </c>
      <c r="I75" s="65">
        <v>116</v>
      </c>
      <c r="J75" s="65">
        <v>85</v>
      </c>
      <c r="K75" s="64">
        <v>180</v>
      </c>
      <c r="L75" s="77">
        <v>112</v>
      </c>
      <c r="M75" s="78">
        <v>68</v>
      </c>
    </row>
    <row r="76" spans="1:13">
      <c r="A76" s="27" t="s">
        <v>5</v>
      </c>
      <c r="B76" s="67">
        <v>-9</v>
      </c>
      <c r="C76" s="68">
        <v>-6</v>
      </c>
      <c r="D76" s="68">
        <v>-3</v>
      </c>
      <c r="E76" s="67">
        <v>3</v>
      </c>
      <c r="F76" s="68">
        <v>2</v>
      </c>
      <c r="G76" s="69">
        <v>1</v>
      </c>
      <c r="H76" s="68">
        <v>43</v>
      </c>
      <c r="I76" s="68">
        <v>26</v>
      </c>
      <c r="J76" s="68">
        <v>17</v>
      </c>
      <c r="K76" s="67">
        <v>49</v>
      </c>
      <c r="L76" s="79">
        <v>30</v>
      </c>
      <c r="M76" s="80">
        <v>19</v>
      </c>
    </row>
    <row r="77" spans="1:13">
      <c r="A77" s="27" t="s">
        <v>7</v>
      </c>
      <c r="B77" s="67">
        <v>0</v>
      </c>
      <c r="C77" s="68">
        <v>-1</v>
      </c>
      <c r="D77" s="68">
        <v>1</v>
      </c>
      <c r="E77" s="67">
        <v>3</v>
      </c>
      <c r="F77" s="68">
        <v>2</v>
      </c>
      <c r="G77" s="69">
        <v>1</v>
      </c>
      <c r="H77" s="68">
        <v>39</v>
      </c>
      <c r="I77" s="68">
        <v>22</v>
      </c>
      <c r="J77" s="68">
        <v>17</v>
      </c>
      <c r="K77" s="67">
        <v>36</v>
      </c>
      <c r="L77" s="79">
        <v>21</v>
      </c>
      <c r="M77" s="80">
        <v>15</v>
      </c>
    </row>
    <row r="78" spans="1:13">
      <c r="A78" s="27" t="s">
        <v>9</v>
      </c>
      <c r="B78" s="67">
        <v>13</v>
      </c>
      <c r="C78" s="68">
        <v>3</v>
      </c>
      <c r="D78" s="68">
        <v>10</v>
      </c>
      <c r="E78" s="67">
        <v>1</v>
      </c>
      <c r="F78" s="68">
        <v>0</v>
      </c>
      <c r="G78" s="69">
        <v>1</v>
      </c>
      <c r="H78" s="68">
        <v>53</v>
      </c>
      <c r="I78" s="68">
        <v>29</v>
      </c>
      <c r="J78" s="68">
        <v>24</v>
      </c>
      <c r="K78" s="67">
        <v>39</v>
      </c>
      <c r="L78" s="79">
        <v>26</v>
      </c>
      <c r="M78" s="80">
        <v>13</v>
      </c>
    </row>
    <row r="79" spans="1:13">
      <c r="A79" s="27" t="s">
        <v>11</v>
      </c>
      <c r="B79" s="67">
        <v>8</v>
      </c>
      <c r="C79" s="68">
        <v>8</v>
      </c>
      <c r="D79" s="68">
        <v>0</v>
      </c>
      <c r="E79" s="67">
        <v>2</v>
      </c>
      <c r="F79" s="68">
        <v>0</v>
      </c>
      <c r="G79" s="69">
        <v>2</v>
      </c>
      <c r="H79" s="68">
        <v>33</v>
      </c>
      <c r="I79" s="68">
        <v>22</v>
      </c>
      <c r="J79" s="68">
        <v>11</v>
      </c>
      <c r="K79" s="67">
        <v>23</v>
      </c>
      <c r="L79" s="79">
        <v>14</v>
      </c>
      <c r="M79" s="80">
        <v>9</v>
      </c>
    </row>
    <row r="80" spans="1:13">
      <c r="A80" s="27" t="s">
        <v>13</v>
      </c>
      <c r="B80" s="67">
        <v>-3</v>
      </c>
      <c r="C80" s="68">
        <v>-7</v>
      </c>
      <c r="D80" s="68">
        <v>4</v>
      </c>
      <c r="E80" s="67">
        <v>3</v>
      </c>
      <c r="F80" s="68">
        <v>3</v>
      </c>
      <c r="G80" s="69">
        <v>0</v>
      </c>
      <c r="H80" s="68">
        <v>33</v>
      </c>
      <c r="I80" s="68">
        <v>17</v>
      </c>
      <c r="J80" s="68">
        <v>16</v>
      </c>
      <c r="K80" s="67">
        <v>33</v>
      </c>
      <c r="L80" s="79">
        <v>21</v>
      </c>
      <c r="M80" s="80">
        <v>12</v>
      </c>
    </row>
    <row r="81" spans="1:13" ht="21" customHeight="1">
      <c r="A81" s="38" t="s">
        <v>15</v>
      </c>
      <c r="B81" s="64">
        <v>-24</v>
      </c>
      <c r="C81" s="65">
        <v>-5</v>
      </c>
      <c r="D81" s="65">
        <v>-19</v>
      </c>
      <c r="E81" s="64">
        <v>27</v>
      </c>
      <c r="F81" s="65">
        <v>18</v>
      </c>
      <c r="G81" s="66">
        <v>9</v>
      </c>
      <c r="H81" s="65">
        <v>134</v>
      </c>
      <c r="I81" s="65">
        <v>86</v>
      </c>
      <c r="J81" s="65">
        <v>48</v>
      </c>
      <c r="K81" s="64">
        <v>131</v>
      </c>
      <c r="L81" s="77">
        <v>73</v>
      </c>
      <c r="M81" s="78">
        <v>58</v>
      </c>
    </row>
    <row r="82" spans="1:13">
      <c r="A82" s="27" t="s">
        <v>17</v>
      </c>
      <c r="B82" s="67">
        <v>1</v>
      </c>
      <c r="C82" s="68">
        <v>7</v>
      </c>
      <c r="D82" s="68">
        <v>-6</v>
      </c>
      <c r="E82" s="67">
        <v>6</v>
      </c>
      <c r="F82" s="68">
        <v>3</v>
      </c>
      <c r="G82" s="69">
        <v>3</v>
      </c>
      <c r="H82" s="68">
        <v>38</v>
      </c>
      <c r="I82" s="68">
        <v>28</v>
      </c>
      <c r="J82" s="68">
        <v>10</v>
      </c>
      <c r="K82" s="67">
        <v>31</v>
      </c>
      <c r="L82" s="79">
        <v>18</v>
      </c>
      <c r="M82" s="80">
        <v>13</v>
      </c>
    </row>
    <row r="83" spans="1:13">
      <c r="A83" s="27" t="s">
        <v>19</v>
      </c>
      <c r="B83" s="67">
        <v>2</v>
      </c>
      <c r="C83" s="68">
        <v>2</v>
      </c>
      <c r="D83" s="68">
        <v>0</v>
      </c>
      <c r="E83" s="67">
        <v>2</v>
      </c>
      <c r="F83" s="68">
        <v>1</v>
      </c>
      <c r="G83" s="69">
        <v>1</v>
      </c>
      <c r="H83" s="68">
        <v>22</v>
      </c>
      <c r="I83" s="68">
        <v>13</v>
      </c>
      <c r="J83" s="68">
        <v>9</v>
      </c>
      <c r="K83" s="67">
        <v>18</v>
      </c>
      <c r="L83" s="79">
        <v>10</v>
      </c>
      <c r="M83" s="80">
        <v>8</v>
      </c>
    </row>
    <row r="84" spans="1:13">
      <c r="A84" s="27" t="s">
        <v>21</v>
      </c>
      <c r="B84" s="67">
        <v>-7</v>
      </c>
      <c r="C84" s="68">
        <v>4</v>
      </c>
      <c r="D84" s="68">
        <v>-11</v>
      </c>
      <c r="E84" s="67">
        <v>4</v>
      </c>
      <c r="F84" s="68">
        <v>3</v>
      </c>
      <c r="G84" s="69">
        <v>1</v>
      </c>
      <c r="H84" s="68">
        <v>30</v>
      </c>
      <c r="I84" s="68">
        <v>20</v>
      </c>
      <c r="J84" s="68">
        <v>10</v>
      </c>
      <c r="K84" s="67">
        <v>33</v>
      </c>
      <c r="L84" s="79">
        <v>13</v>
      </c>
      <c r="M84" s="80">
        <v>20</v>
      </c>
    </row>
    <row r="85" spans="1:13">
      <c r="A85" s="27" t="s">
        <v>23</v>
      </c>
      <c r="B85" s="67">
        <v>1</v>
      </c>
      <c r="C85" s="68">
        <v>0</v>
      </c>
      <c r="D85" s="68">
        <v>1</v>
      </c>
      <c r="E85" s="67">
        <v>5</v>
      </c>
      <c r="F85" s="68">
        <v>4</v>
      </c>
      <c r="G85" s="69">
        <v>1</v>
      </c>
      <c r="H85" s="68">
        <v>24</v>
      </c>
      <c r="I85" s="68">
        <v>13</v>
      </c>
      <c r="J85" s="68">
        <v>11</v>
      </c>
      <c r="K85" s="67">
        <v>18</v>
      </c>
      <c r="L85" s="79">
        <v>9</v>
      </c>
      <c r="M85" s="80">
        <v>9</v>
      </c>
    </row>
    <row r="86" spans="1:13">
      <c r="A86" s="27" t="s">
        <v>25</v>
      </c>
      <c r="B86" s="67">
        <v>-21</v>
      </c>
      <c r="C86" s="68">
        <v>-18</v>
      </c>
      <c r="D86" s="68">
        <v>-3</v>
      </c>
      <c r="E86" s="67">
        <v>10</v>
      </c>
      <c r="F86" s="68">
        <v>7</v>
      </c>
      <c r="G86" s="69">
        <v>3</v>
      </c>
      <c r="H86" s="68">
        <v>20</v>
      </c>
      <c r="I86" s="68">
        <v>12</v>
      </c>
      <c r="J86" s="68">
        <v>8</v>
      </c>
      <c r="K86" s="67">
        <v>31</v>
      </c>
      <c r="L86" s="79">
        <v>23</v>
      </c>
      <c r="M86" s="80">
        <v>8</v>
      </c>
    </row>
    <row r="87" spans="1:13" ht="21" customHeight="1">
      <c r="A87" s="38" t="s">
        <v>27</v>
      </c>
      <c r="B87" s="64">
        <v>-31</v>
      </c>
      <c r="C87" s="65">
        <v>-22</v>
      </c>
      <c r="D87" s="65">
        <v>-9</v>
      </c>
      <c r="E87" s="64">
        <v>39</v>
      </c>
      <c r="F87" s="65">
        <v>26</v>
      </c>
      <c r="G87" s="66">
        <v>13</v>
      </c>
      <c r="H87" s="65">
        <v>87</v>
      </c>
      <c r="I87" s="65">
        <v>55</v>
      </c>
      <c r="J87" s="65">
        <v>32</v>
      </c>
      <c r="K87" s="64">
        <v>79</v>
      </c>
      <c r="L87" s="77">
        <v>51</v>
      </c>
      <c r="M87" s="78">
        <v>28</v>
      </c>
    </row>
    <row r="88" spans="1:13">
      <c r="A88" s="27" t="s">
        <v>29</v>
      </c>
      <c r="B88" s="67">
        <v>-12</v>
      </c>
      <c r="C88" s="68">
        <v>-11</v>
      </c>
      <c r="D88" s="68">
        <v>-1</v>
      </c>
      <c r="E88" s="67">
        <v>11</v>
      </c>
      <c r="F88" s="68">
        <v>9</v>
      </c>
      <c r="G88" s="69">
        <v>2</v>
      </c>
      <c r="H88" s="68">
        <v>24</v>
      </c>
      <c r="I88" s="68">
        <v>14</v>
      </c>
      <c r="J88" s="68">
        <v>10</v>
      </c>
      <c r="K88" s="67">
        <v>25</v>
      </c>
      <c r="L88" s="79">
        <v>16</v>
      </c>
      <c r="M88" s="80">
        <v>9</v>
      </c>
    </row>
    <row r="89" spans="1:13">
      <c r="A89" s="27" t="s">
        <v>31</v>
      </c>
      <c r="B89" s="67">
        <v>-7</v>
      </c>
      <c r="C89" s="68">
        <v>-8</v>
      </c>
      <c r="D89" s="68">
        <v>1</v>
      </c>
      <c r="E89" s="67">
        <v>8</v>
      </c>
      <c r="F89" s="68">
        <v>5</v>
      </c>
      <c r="G89" s="69">
        <v>3</v>
      </c>
      <c r="H89" s="68">
        <v>17</v>
      </c>
      <c r="I89" s="68">
        <v>9</v>
      </c>
      <c r="J89" s="68">
        <v>8</v>
      </c>
      <c r="K89" s="67">
        <v>16</v>
      </c>
      <c r="L89" s="79">
        <v>12</v>
      </c>
      <c r="M89" s="80">
        <v>4</v>
      </c>
    </row>
    <row r="90" spans="1:13">
      <c r="A90" s="27" t="s">
        <v>33</v>
      </c>
      <c r="B90" s="67">
        <v>-2</v>
      </c>
      <c r="C90" s="68">
        <v>0</v>
      </c>
      <c r="D90" s="68">
        <v>-2</v>
      </c>
      <c r="E90" s="67">
        <v>4</v>
      </c>
      <c r="F90" s="68">
        <v>4</v>
      </c>
      <c r="G90" s="69">
        <v>0</v>
      </c>
      <c r="H90" s="68">
        <v>15</v>
      </c>
      <c r="I90" s="68">
        <v>11</v>
      </c>
      <c r="J90" s="68">
        <v>4</v>
      </c>
      <c r="K90" s="67">
        <v>13</v>
      </c>
      <c r="L90" s="79">
        <v>7</v>
      </c>
      <c r="M90" s="80">
        <v>6</v>
      </c>
    </row>
    <row r="91" spans="1:13">
      <c r="A91" s="27" t="s">
        <v>35</v>
      </c>
      <c r="B91" s="67">
        <v>-7</v>
      </c>
      <c r="C91" s="68">
        <v>0</v>
      </c>
      <c r="D91" s="68">
        <v>-7</v>
      </c>
      <c r="E91" s="67">
        <v>9</v>
      </c>
      <c r="F91" s="68">
        <v>5</v>
      </c>
      <c r="G91" s="69">
        <v>4</v>
      </c>
      <c r="H91" s="68">
        <v>16</v>
      </c>
      <c r="I91" s="68">
        <v>13</v>
      </c>
      <c r="J91" s="68">
        <v>3</v>
      </c>
      <c r="K91" s="67">
        <v>14</v>
      </c>
      <c r="L91" s="79">
        <v>8</v>
      </c>
      <c r="M91" s="80">
        <v>6</v>
      </c>
    </row>
    <row r="92" spans="1:13">
      <c r="A92" s="27" t="s">
        <v>37</v>
      </c>
      <c r="B92" s="67">
        <v>-3</v>
      </c>
      <c r="C92" s="68">
        <v>-3</v>
      </c>
      <c r="D92" s="68">
        <v>0</v>
      </c>
      <c r="E92" s="67">
        <v>7</v>
      </c>
      <c r="F92" s="68">
        <v>3</v>
      </c>
      <c r="G92" s="69">
        <v>4</v>
      </c>
      <c r="H92" s="68">
        <v>15</v>
      </c>
      <c r="I92" s="68">
        <v>8</v>
      </c>
      <c r="J92" s="68">
        <v>7</v>
      </c>
      <c r="K92" s="67">
        <v>11</v>
      </c>
      <c r="L92" s="79">
        <v>8</v>
      </c>
      <c r="M92" s="80">
        <v>3</v>
      </c>
    </row>
    <row r="93" spans="1:13" ht="21" customHeight="1">
      <c r="A93" s="38" t="s">
        <v>39</v>
      </c>
      <c r="B93" s="64">
        <v>-48</v>
      </c>
      <c r="C93" s="65">
        <v>-38</v>
      </c>
      <c r="D93" s="65">
        <v>-10</v>
      </c>
      <c r="E93" s="64">
        <v>50</v>
      </c>
      <c r="F93" s="65">
        <v>41</v>
      </c>
      <c r="G93" s="66">
        <v>9</v>
      </c>
      <c r="H93" s="65">
        <v>67</v>
      </c>
      <c r="I93" s="65">
        <v>41</v>
      </c>
      <c r="J93" s="65">
        <v>26</v>
      </c>
      <c r="K93" s="64">
        <v>65</v>
      </c>
      <c r="L93" s="77">
        <v>38</v>
      </c>
      <c r="M93" s="78">
        <v>27</v>
      </c>
    </row>
    <row r="94" spans="1:13">
      <c r="A94" s="27" t="s">
        <v>41</v>
      </c>
      <c r="B94" s="67">
        <v>-6</v>
      </c>
      <c r="C94" s="68">
        <v>-7</v>
      </c>
      <c r="D94" s="68">
        <v>1</v>
      </c>
      <c r="E94" s="67">
        <v>7</v>
      </c>
      <c r="F94" s="68">
        <v>7</v>
      </c>
      <c r="G94" s="69">
        <v>0</v>
      </c>
      <c r="H94" s="68">
        <v>16</v>
      </c>
      <c r="I94" s="68">
        <v>10</v>
      </c>
      <c r="J94" s="68">
        <v>6</v>
      </c>
      <c r="K94" s="67">
        <v>15</v>
      </c>
      <c r="L94" s="79">
        <v>10</v>
      </c>
      <c r="M94" s="80">
        <v>5</v>
      </c>
    </row>
    <row r="95" spans="1:13">
      <c r="A95" s="27" t="s">
        <v>43</v>
      </c>
      <c r="B95" s="67">
        <v>-21</v>
      </c>
      <c r="C95" s="68">
        <v>-12</v>
      </c>
      <c r="D95" s="68">
        <v>-9</v>
      </c>
      <c r="E95" s="67">
        <v>13</v>
      </c>
      <c r="F95" s="68">
        <v>10</v>
      </c>
      <c r="G95" s="69">
        <v>3</v>
      </c>
      <c r="H95" s="68">
        <v>9</v>
      </c>
      <c r="I95" s="68">
        <v>6</v>
      </c>
      <c r="J95" s="68">
        <v>3</v>
      </c>
      <c r="K95" s="67">
        <v>17</v>
      </c>
      <c r="L95" s="79">
        <v>8</v>
      </c>
      <c r="M95" s="80">
        <v>9</v>
      </c>
    </row>
    <row r="96" spans="1:13">
      <c r="A96" s="27" t="s">
        <v>45</v>
      </c>
      <c r="B96" s="67">
        <v>-2</v>
      </c>
      <c r="C96" s="68">
        <v>-3</v>
      </c>
      <c r="D96" s="68">
        <v>1</v>
      </c>
      <c r="E96" s="67">
        <v>11</v>
      </c>
      <c r="F96" s="68">
        <v>7</v>
      </c>
      <c r="G96" s="69">
        <v>4</v>
      </c>
      <c r="H96" s="68">
        <v>19</v>
      </c>
      <c r="I96" s="68">
        <v>12</v>
      </c>
      <c r="J96" s="68">
        <v>7</v>
      </c>
      <c r="K96" s="67">
        <v>10</v>
      </c>
      <c r="L96" s="79">
        <v>8</v>
      </c>
      <c r="M96" s="80">
        <v>2</v>
      </c>
    </row>
    <row r="97" spans="1:13">
      <c r="A97" s="27" t="s">
        <v>47</v>
      </c>
      <c r="B97" s="67">
        <v>-11</v>
      </c>
      <c r="C97" s="68">
        <v>-9</v>
      </c>
      <c r="D97" s="68">
        <v>-2</v>
      </c>
      <c r="E97" s="67">
        <v>9</v>
      </c>
      <c r="F97" s="68">
        <v>7</v>
      </c>
      <c r="G97" s="69">
        <v>2</v>
      </c>
      <c r="H97" s="68">
        <v>9</v>
      </c>
      <c r="I97" s="68">
        <v>5</v>
      </c>
      <c r="J97" s="68">
        <v>4</v>
      </c>
      <c r="K97" s="67">
        <v>11</v>
      </c>
      <c r="L97" s="79">
        <v>7</v>
      </c>
      <c r="M97" s="80">
        <v>4</v>
      </c>
    </row>
    <row r="98" spans="1:13">
      <c r="A98" s="27" t="s">
        <v>49</v>
      </c>
      <c r="B98" s="67">
        <v>-8</v>
      </c>
      <c r="C98" s="68">
        <v>-7</v>
      </c>
      <c r="D98" s="68">
        <v>-1</v>
      </c>
      <c r="E98" s="67">
        <v>10</v>
      </c>
      <c r="F98" s="68">
        <v>10</v>
      </c>
      <c r="G98" s="69">
        <v>0</v>
      </c>
      <c r="H98" s="68">
        <v>14</v>
      </c>
      <c r="I98" s="68">
        <v>8</v>
      </c>
      <c r="J98" s="68">
        <v>6</v>
      </c>
      <c r="K98" s="67">
        <v>12</v>
      </c>
      <c r="L98" s="79">
        <v>5</v>
      </c>
      <c r="M98" s="80">
        <v>7</v>
      </c>
    </row>
    <row r="99" spans="1:13" ht="21" customHeight="1">
      <c r="A99" s="38" t="s">
        <v>51</v>
      </c>
      <c r="B99" s="64">
        <v>-99</v>
      </c>
      <c r="C99" s="65">
        <v>-84</v>
      </c>
      <c r="D99" s="65">
        <v>-15</v>
      </c>
      <c r="E99" s="64">
        <v>104</v>
      </c>
      <c r="F99" s="65">
        <v>77</v>
      </c>
      <c r="G99" s="66">
        <v>27</v>
      </c>
      <c r="H99" s="65">
        <v>70</v>
      </c>
      <c r="I99" s="65">
        <v>33</v>
      </c>
      <c r="J99" s="65">
        <v>37</v>
      </c>
      <c r="K99" s="64">
        <v>65</v>
      </c>
      <c r="L99" s="77">
        <v>40</v>
      </c>
      <c r="M99" s="78">
        <v>25</v>
      </c>
    </row>
    <row r="100" spans="1:13">
      <c r="A100" s="27" t="s">
        <v>53</v>
      </c>
      <c r="B100" s="67">
        <v>-22</v>
      </c>
      <c r="C100" s="68">
        <v>-14</v>
      </c>
      <c r="D100" s="68">
        <v>-8</v>
      </c>
      <c r="E100" s="67">
        <v>20</v>
      </c>
      <c r="F100" s="68">
        <v>15</v>
      </c>
      <c r="G100" s="69">
        <v>5</v>
      </c>
      <c r="H100" s="68">
        <v>9</v>
      </c>
      <c r="I100" s="68">
        <v>7</v>
      </c>
      <c r="J100" s="68">
        <v>2</v>
      </c>
      <c r="K100" s="67">
        <v>11</v>
      </c>
      <c r="L100" s="79">
        <v>6</v>
      </c>
      <c r="M100" s="80">
        <v>5</v>
      </c>
    </row>
    <row r="101" spans="1:13">
      <c r="A101" s="27" t="s">
        <v>55</v>
      </c>
      <c r="B101" s="67">
        <v>-18</v>
      </c>
      <c r="C101" s="68">
        <v>-22</v>
      </c>
      <c r="D101" s="68">
        <v>4</v>
      </c>
      <c r="E101" s="67">
        <v>15</v>
      </c>
      <c r="F101" s="68">
        <v>13</v>
      </c>
      <c r="G101" s="69">
        <v>2</v>
      </c>
      <c r="H101" s="68">
        <v>10</v>
      </c>
      <c r="I101" s="68">
        <v>1</v>
      </c>
      <c r="J101" s="68">
        <v>9</v>
      </c>
      <c r="K101" s="67">
        <v>13</v>
      </c>
      <c r="L101" s="79">
        <v>10</v>
      </c>
      <c r="M101" s="80">
        <v>3</v>
      </c>
    </row>
    <row r="102" spans="1:13">
      <c r="A102" s="27" t="s">
        <v>57</v>
      </c>
      <c r="B102" s="67">
        <v>-17</v>
      </c>
      <c r="C102" s="68">
        <v>-11</v>
      </c>
      <c r="D102" s="68">
        <v>-6</v>
      </c>
      <c r="E102" s="67">
        <v>23</v>
      </c>
      <c r="F102" s="68">
        <v>17</v>
      </c>
      <c r="G102" s="69">
        <v>6</v>
      </c>
      <c r="H102" s="68">
        <v>19</v>
      </c>
      <c r="I102" s="68">
        <v>12</v>
      </c>
      <c r="J102" s="68">
        <v>7</v>
      </c>
      <c r="K102" s="67">
        <v>13</v>
      </c>
      <c r="L102" s="79">
        <v>6</v>
      </c>
      <c r="M102" s="80">
        <v>7</v>
      </c>
    </row>
    <row r="103" spans="1:13">
      <c r="A103" s="27" t="s">
        <v>59</v>
      </c>
      <c r="B103" s="67">
        <v>-21</v>
      </c>
      <c r="C103" s="68">
        <v>-16</v>
      </c>
      <c r="D103" s="68">
        <v>-5</v>
      </c>
      <c r="E103" s="67">
        <v>18</v>
      </c>
      <c r="F103" s="68">
        <v>10</v>
      </c>
      <c r="G103" s="69">
        <v>8</v>
      </c>
      <c r="H103" s="68">
        <v>13</v>
      </c>
      <c r="I103" s="68">
        <v>7</v>
      </c>
      <c r="J103" s="68">
        <v>6</v>
      </c>
      <c r="K103" s="67">
        <v>16</v>
      </c>
      <c r="L103" s="79">
        <v>13</v>
      </c>
      <c r="M103" s="80">
        <v>3</v>
      </c>
    </row>
    <row r="104" spans="1:13">
      <c r="A104" s="27" t="s">
        <v>61</v>
      </c>
      <c r="B104" s="67">
        <v>-21</v>
      </c>
      <c r="C104" s="68">
        <v>-21</v>
      </c>
      <c r="D104" s="68">
        <v>0</v>
      </c>
      <c r="E104" s="67">
        <v>28</v>
      </c>
      <c r="F104" s="68">
        <v>22</v>
      </c>
      <c r="G104" s="69">
        <v>6</v>
      </c>
      <c r="H104" s="68">
        <v>19</v>
      </c>
      <c r="I104" s="68">
        <v>6</v>
      </c>
      <c r="J104" s="68">
        <v>13</v>
      </c>
      <c r="K104" s="67">
        <v>12</v>
      </c>
      <c r="L104" s="79">
        <v>5</v>
      </c>
      <c r="M104" s="80">
        <v>7</v>
      </c>
    </row>
    <row r="105" spans="1:13" ht="21" customHeight="1">
      <c r="A105" s="38" t="s">
        <v>63</v>
      </c>
      <c r="B105" s="64">
        <v>-130</v>
      </c>
      <c r="C105" s="65">
        <v>-93</v>
      </c>
      <c r="D105" s="65">
        <v>-37</v>
      </c>
      <c r="E105" s="64">
        <v>143</v>
      </c>
      <c r="F105" s="65">
        <v>93</v>
      </c>
      <c r="G105" s="66">
        <v>50</v>
      </c>
      <c r="H105" s="65">
        <v>48</v>
      </c>
      <c r="I105" s="65">
        <v>16</v>
      </c>
      <c r="J105" s="65">
        <v>32</v>
      </c>
      <c r="K105" s="64">
        <v>35</v>
      </c>
      <c r="L105" s="77">
        <v>16</v>
      </c>
      <c r="M105" s="78">
        <v>19</v>
      </c>
    </row>
    <row r="106" spans="1:13">
      <c r="A106" s="27" t="s">
        <v>65</v>
      </c>
      <c r="B106" s="67">
        <v>-20</v>
      </c>
      <c r="C106" s="68">
        <v>-17</v>
      </c>
      <c r="D106" s="68">
        <v>-3</v>
      </c>
      <c r="E106" s="67">
        <v>32</v>
      </c>
      <c r="F106" s="68">
        <v>23</v>
      </c>
      <c r="G106" s="69">
        <v>9</v>
      </c>
      <c r="H106" s="68">
        <v>18</v>
      </c>
      <c r="I106" s="68">
        <v>9</v>
      </c>
      <c r="J106" s="68">
        <v>9</v>
      </c>
      <c r="K106" s="67">
        <v>6</v>
      </c>
      <c r="L106" s="79">
        <v>3</v>
      </c>
      <c r="M106" s="80">
        <v>3</v>
      </c>
    </row>
    <row r="107" spans="1:13">
      <c r="A107" s="27" t="s">
        <v>67</v>
      </c>
      <c r="B107" s="67">
        <v>-31</v>
      </c>
      <c r="C107" s="68">
        <v>-21</v>
      </c>
      <c r="D107" s="68">
        <v>-10</v>
      </c>
      <c r="E107" s="67">
        <v>25</v>
      </c>
      <c r="F107" s="68">
        <v>17</v>
      </c>
      <c r="G107" s="69">
        <v>8</v>
      </c>
      <c r="H107" s="68">
        <v>4</v>
      </c>
      <c r="I107" s="68">
        <v>1</v>
      </c>
      <c r="J107" s="68">
        <v>3</v>
      </c>
      <c r="K107" s="67">
        <v>10</v>
      </c>
      <c r="L107" s="79">
        <v>5</v>
      </c>
      <c r="M107" s="80">
        <v>5</v>
      </c>
    </row>
    <row r="108" spans="1:13">
      <c r="A108" s="27" t="s">
        <v>69</v>
      </c>
      <c r="B108" s="67">
        <v>-25</v>
      </c>
      <c r="C108" s="68">
        <v>-14</v>
      </c>
      <c r="D108" s="68">
        <v>-11</v>
      </c>
      <c r="E108" s="67">
        <v>27</v>
      </c>
      <c r="F108" s="68">
        <v>13</v>
      </c>
      <c r="G108" s="69">
        <v>14</v>
      </c>
      <c r="H108" s="68">
        <v>8</v>
      </c>
      <c r="I108" s="68">
        <v>3</v>
      </c>
      <c r="J108" s="68">
        <v>5</v>
      </c>
      <c r="K108" s="67">
        <v>6</v>
      </c>
      <c r="L108" s="79">
        <v>4</v>
      </c>
      <c r="M108" s="80">
        <v>2</v>
      </c>
    </row>
    <row r="109" spans="1:13">
      <c r="A109" s="27" t="s">
        <v>71</v>
      </c>
      <c r="B109" s="67">
        <v>-30</v>
      </c>
      <c r="C109" s="68">
        <v>-19</v>
      </c>
      <c r="D109" s="68">
        <v>-11</v>
      </c>
      <c r="E109" s="67">
        <v>30</v>
      </c>
      <c r="F109" s="68">
        <v>18</v>
      </c>
      <c r="G109" s="69">
        <v>12</v>
      </c>
      <c r="H109" s="68">
        <v>7</v>
      </c>
      <c r="I109" s="68">
        <v>0</v>
      </c>
      <c r="J109" s="68">
        <v>7</v>
      </c>
      <c r="K109" s="67">
        <v>7</v>
      </c>
      <c r="L109" s="79">
        <v>1</v>
      </c>
      <c r="M109" s="80">
        <v>6</v>
      </c>
    </row>
    <row r="110" spans="1:13">
      <c r="A110" s="27" t="s">
        <v>73</v>
      </c>
      <c r="B110" s="67">
        <v>-24</v>
      </c>
      <c r="C110" s="68">
        <v>-22</v>
      </c>
      <c r="D110" s="68">
        <v>-2</v>
      </c>
      <c r="E110" s="67">
        <v>29</v>
      </c>
      <c r="F110" s="68">
        <v>22</v>
      </c>
      <c r="G110" s="69">
        <v>7</v>
      </c>
      <c r="H110" s="68">
        <v>11</v>
      </c>
      <c r="I110" s="68">
        <v>3</v>
      </c>
      <c r="J110" s="68">
        <v>8</v>
      </c>
      <c r="K110" s="67">
        <v>6</v>
      </c>
      <c r="L110" s="79">
        <v>3</v>
      </c>
      <c r="M110" s="80">
        <v>3</v>
      </c>
    </row>
    <row r="111" spans="1:13" ht="21" customHeight="1">
      <c r="A111" s="38" t="s">
        <v>75</v>
      </c>
      <c r="B111" s="64">
        <v>-177</v>
      </c>
      <c r="C111" s="65">
        <v>-116</v>
      </c>
      <c r="D111" s="65">
        <v>-61</v>
      </c>
      <c r="E111" s="64">
        <v>196</v>
      </c>
      <c r="F111" s="65">
        <v>123</v>
      </c>
      <c r="G111" s="66">
        <v>73</v>
      </c>
      <c r="H111" s="65">
        <v>57</v>
      </c>
      <c r="I111" s="65">
        <v>26</v>
      </c>
      <c r="J111" s="65">
        <v>31</v>
      </c>
      <c r="K111" s="64">
        <v>38</v>
      </c>
      <c r="L111" s="77">
        <v>19</v>
      </c>
      <c r="M111" s="78">
        <v>19</v>
      </c>
    </row>
    <row r="112" spans="1:13">
      <c r="A112" s="27" t="s">
        <v>77</v>
      </c>
      <c r="B112" s="67">
        <v>-41</v>
      </c>
      <c r="C112" s="68">
        <v>-22</v>
      </c>
      <c r="D112" s="68">
        <v>-19</v>
      </c>
      <c r="E112" s="67">
        <v>46</v>
      </c>
      <c r="F112" s="68">
        <v>27</v>
      </c>
      <c r="G112" s="69">
        <v>19</v>
      </c>
      <c r="H112" s="68">
        <v>14</v>
      </c>
      <c r="I112" s="68">
        <v>8</v>
      </c>
      <c r="J112" s="68">
        <v>6</v>
      </c>
      <c r="K112" s="67">
        <v>9</v>
      </c>
      <c r="L112" s="79">
        <v>3</v>
      </c>
      <c r="M112" s="80">
        <v>6</v>
      </c>
    </row>
    <row r="113" spans="1:13">
      <c r="A113" s="27" t="s">
        <v>79</v>
      </c>
      <c r="B113" s="67">
        <v>-34</v>
      </c>
      <c r="C113" s="68">
        <v>-28</v>
      </c>
      <c r="D113" s="68">
        <v>-6</v>
      </c>
      <c r="E113" s="67">
        <v>42</v>
      </c>
      <c r="F113" s="68">
        <v>31</v>
      </c>
      <c r="G113" s="69">
        <v>11</v>
      </c>
      <c r="H113" s="68">
        <v>16</v>
      </c>
      <c r="I113" s="68">
        <v>8</v>
      </c>
      <c r="J113" s="68">
        <v>8</v>
      </c>
      <c r="K113" s="67">
        <v>8</v>
      </c>
      <c r="L113" s="79">
        <v>5</v>
      </c>
      <c r="M113" s="80">
        <v>3</v>
      </c>
    </row>
    <row r="114" spans="1:13">
      <c r="A114" s="27" t="s">
        <v>81</v>
      </c>
      <c r="B114" s="67">
        <v>-29</v>
      </c>
      <c r="C114" s="68">
        <v>-23</v>
      </c>
      <c r="D114" s="68">
        <v>-6</v>
      </c>
      <c r="E114" s="67">
        <v>33</v>
      </c>
      <c r="F114" s="68">
        <v>23</v>
      </c>
      <c r="G114" s="69">
        <v>10</v>
      </c>
      <c r="H114" s="68">
        <v>10</v>
      </c>
      <c r="I114" s="68">
        <v>3</v>
      </c>
      <c r="J114" s="68">
        <v>7</v>
      </c>
      <c r="K114" s="67">
        <v>6</v>
      </c>
      <c r="L114" s="79">
        <v>3</v>
      </c>
      <c r="M114" s="80">
        <v>3</v>
      </c>
    </row>
    <row r="115" spans="1:13">
      <c r="A115" s="27" t="s">
        <v>83</v>
      </c>
      <c r="B115" s="67">
        <v>-39</v>
      </c>
      <c r="C115" s="68">
        <v>-24</v>
      </c>
      <c r="D115" s="68">
        <v>-15</v>
      </c>
      <c r="E115" s="67">
        <v>38</v>
      </c>
      <c r="F115" s="68">
        <v>23</v>
      </c>
      <c r="G115" s="69">
        <v>15</v>
      </c>
      <c r="H115" s="68">
        <v>9</v>
      </c>
      <c r="I115" s="68">
        <v>4</v>
      </c>
      <c r="J115" s="68">
        <v>5</v>
      </c>
      <c r="K115" s="67">
        <v>10</v>
      </c>
      <c r="L115" s="79">
        <v>5</v>
      </c>
      <c r="M115" s="80">
        <v>5</v>
      </c>
    </row>
    <row r="116" spans="1:13">
      <c r="A116" s="27" t="s">
        <v>85</v>
      </c>
      <c r="B116" s="67">
        <v>-34</v>
      </c>
      <c r="C116" s="68">
        <v>-19</v>
      </c>
      <c r="D116" s="68">
        <v>-15</v>
      </c>
      <c r="E116" s="67">
        <v>37</v>
      </c>
      <c r="F116" s="68">
        <v>19</v>
      </c>
      <c r="G116" s="69">
        <v>18</v>
      </c>
      <c r="H116" s="68">
        <v>8</v>
      </c>
      <c r="I116" s="68">
        <v>3</v>
      </c>
      <c r="J116" s="68">
        <v>5</v>
      </c>
      <c r="K116" s="67">
        <v>5</v>
      </c>
      <c r="L116" s="79">
        <v>3</v>
      </c>
      <c r="M116" s="80">
        <v>2</v>
      </c>
    </row>
    <row r="117" spans="1:13" ht="21" customHeight="1">
      <c r="A117" s="38" t="s">
        <v>87</v>
      </c>
      <c r="B117" s="64">
        <v>-187</v>
      </c>
      <c r="C117" s="65">
        <v>-101</v>
      </c>
      <c r="D117" s="65">
        <v>-86</v>
      </c>
      <c r="E117" s="64">
        <v>208</v>
      </c>
      <c r="F117" s="65">
        <v>110</v>
      </c>
      <c r="G117" s="66">
        <v>98</v>
      </c>
      <c r="H117" s="65">
        <v>48</v>
      </c>
      <c r="I117" s="65">
        <v>15</v>
      </c>
      <c r="J117" s="65">
        <v>33</v>
      </c>
      <c r="K117" s="64">
        <v>27</v>
      </c>
      <c r="L117" s="77">
        <v>6</v>
      </c>
      <c r="M117" s="78">
        <v>21</v>
      </c>
    </row>
    <row r="118" spans="1:13">
      <c r="A118" s="27" t="s">
        <v>89</v>
      </c>
      <c r="B118" s="67">
        <v>-40</v>
      </c>
      <c r="C118" s="68">
        <v>-23</v>
      </c>
      <c r="D118" s="68">
        <v>-17</v>
      </c>
      <c r="E118" s="67">
        <v>44</v>
      </c>
      <c r="F118" s="68">
        <v>26</v>
      </c>
      <c r="G118" s="69">
        <v>18</v>
      </c>
      <c r="H118" s="68">
        <v>12</v>
      </c>
      <c r="I118" s="68">
        <v>4</v>
      </c>
      <c r="J118" s="68">
        <v>8</v>
      </c>
      <c r="K118" s="67">
        <v>8</v>
      </c>
      <c r="L118" s="79">
        <v>1</v>
      </c>
      <c r="M118" s="80">
        <v>7</v>
      </c>
    </row>
    <row r="119" spans="1:13">
      <c r="A119" s="27" t="s">
        <v>91</v>
      </c>
      <c r="B119" s="67">
        <v>-30</v>
      </c>
      <c r="C119" s="68">
        <v>-13</v>
      </c>
      <c r="D119" s="68">
        <v>-17</v>
      </c>
      <c r="E119" s="67">
        <v>35</v>
      </c>
      <c r="F119" s="68">
        <v>15</v>
      </c>
      <c r="G119" s="69">
        <v>20</v>
      </c>
      <c r="H119" s="68">
        <v>8</v>
      </c>
      <c r="I119" s="68">
        <v>2</v>
      </c>
      <c r="J119" s="68">
        <v>6</v>
      </c>
      <c r="K119" s="67">
        <v>3</v>
      </c>
      <c r="L119" s="79">
        <v>0</v>
      </c>
      <c r="M119" s="80">
        <v>3</v>
      </c>
    </row>
    <row r="120" spans="1:13">
      <c r="A120" s="27" t="s">
        <v>93</v>
      </c>
      <c r="B120" s="67">
        <v>-39</v>
      </c>
      <c r="C120" s="68">
        <v>-20</v>
      </c>
      <c r="D120" s="68">
        <v>-19</v>
      </c>
      <c r="E120" s="67">
        <v>44</v>
      </c>
      <c r="F120" s="68">
        <v>24</v>
      </c>
      <c r="G120" s="69">
        <v>20</v>
      </c>
      <c r="H120" s="68">
        <v>10</v>
      </c>
      <c r="I120" s="68">
        <v>4</v>
      </c>
      <c r="J120" s="68">
        <v>6</v>
      </c>
      <c r="K120" s="67">
        <v>5</v>
      </c>
      <c r="L120" s="79">
        <v>0</v>
      </c>
      <c r="M120" s="80">
        <v>5</v>
      </c>
    </row>
    <row r="121" spans="1:13">
      <c r="A121" s="27" t="s">
        <v>95</v>
      </c>
      <c r="B121" s="67">
        <v>-47</v>
      </c>
      <c r="C121" s="68">
        <v>-23</v>
      </c>
      <c r="D121" s="68">
        <v>-24</v>
      </c>
      <c r="E121" s="67">
        <v>51</v>
      </c>
      <c r="F121" s="68">
        <v>24</v>
      </c>
      <c r="G121" s="69">
        <v>27</v>
      </c>
      <c r="H121" s="68">
        <v>11</v>
      </c>
      <c r="I121" s="68">
        <v>4</v>
      </c>
      <c r="J121" s="68">
        <v>7</v>
      </c>
      <c r="K121" s="67">
        <v>7</v>
      </c>
      <c r="L121" s="79">
        <v>3</v>
      </c>
      <c r="M121" s="80">
        <v>4</v>
      </c>
    </row>
    <row r="122" spans="1:13">
      <c r="A122" s="27" t="s">
        <v>97</v>
      </c>
      <c r="B122" s="67">
        <v>-31</v>
      </c>
      <c r="C122" s="68">
        <v>-22</v>
      </c>
      <c r="D122" s="68">
        <v>-9</v>
      </c>
      <c r="E122" s="67">
        <v>34</v>
      </c>
      <c r="F122" s="68">
        <v>21</v>
      </c>
      <c r="G122" s="69">
        <v>13</v>
      </c>
      <c r="H122" s="68">
        <v>7</v>
      </c>
      <c r="I122" s="68">
        <v>1</v>
      </c>
      <c r="J122" s="68">
        <v>6</v>
      </c>
      <c r="K122" s="67">
        <v>4</v>
      </c>
      <c r="L122" s="79">
        <v>2</v>
      </c>
      <c r="M122" s="80">
        <v>2</v>
      </c>
    </row>
    <row r="123" spans="1:13" ht="21" customHeight="1">
      <c r="A123" s="38" t="s">
        <v>99</v>
      </c>
      <c r="B123" s="64">
        <v>-170</v>
      </c>
      <c r="C123" s="65">
        <v>-68</v>
      </c>
      <c r="D123" s="65">
        <v>-102</v>
      </c>
      <c r="E123" s="64">
        <v>186</v>
      </c>
      <c r="F123" s="65">
        <v>74</v>
      </c>
      <c r="G123" s="66">
        <v>112</v>
      </c>
      <c r="H123" s="65">
        <v>30</v>
      </c>
      <c r="I123" s="65">
        <v>11</v>
      </c>
      <c r="J123" s="65">
        <v>19</v>
      </c>
      <c r="K123" s="64">
        <v>14</v>
      </c>
      <c r="L123" s="77">
        <v>5</v>
      </c>
      <c r="M123" s="78">
        <v>9</v>
      </c>
    </row>
    <row r="124" spans="1:13">
      <c r="A124" s="27" t="s">
        <v>101</v>
      </c>
      <c r="B124" s="67">
        <v>-48</v>
      </c>
      <c r="C124" s="68">
        <v>-20</v>
      </c>
      <c r="D124" s="68">
        <v>-28</v>
      </c>
      <c r="E124" s="67">
        <v>52</v>
      </c>
      <c r="F124" s="68">
        <v>20</v>
      </c>
      <c r="G124" s="69">
        <v>32</v>
      </c>
      <c r="H124" s="68">
        <v>7</v>
      </c>
      <c r="I124" s="68">
        <v>2</v>
      </c>
      <c r="J124" s="68">
        <v>5</v>
      </c>
      <c r="K124" s="67">
        <v>3</v>
      </c>
      <c r="L124" s="79">
        <v>2</v>
      </c>
      <c r="M124" s="80">
        <v>1</v>
      </c>
    </row>
    <row r="125" spans="1:13">
      <c r="A125" s="27" t="s">
        <v>103</v>
      </c>
      <c r="B125" s="67">
        <v>-36</v>
      </c>
      <c r="C125" s="68">
        <v>-14</v>
      </c>
      <c r="D125" s="68">
        <v>-22</v>
      </c>
      <c r="E125" s="67">
        <v>38</v>
      </c>
      <c r="F125" s="68">
        <v>15</v>
      </c>
      <c r="G125" s="69">
        <v>23</v>
      </c>
      <c r="H125" s="68">
        <v>7</v>
      </c>
      <c r="I125" s="68">
        <v>3</v>
      </c>
      <c r="J125" s="68">
        <v>4</v>
      </c>
      <c r="K125" s="67">
        <v>5</v>
      </c>
      <c r="L125" s="79">
        <v>2</v>
      </c>
      <c r="M125" s="80">
        <v>3</v>
      </c>
    </row>
    <row r="126" spans="1:13">
      <c r="A126" s="27" t="s">
        <v>105</v>
      </c>
      <c r="B126" s="67">
        <v>-34</v>
      </c>
      <c r="C126" s="68">
        <v>-15</v>
      </c>
      <c r="D126" s="68">
        <v>-19</v>
      </c>
      <c r="E126" s="67">
        <v>42</v>
      </c>
      <c r="F126" s="68">
        <v>19</v>
      </c>
      <c r="G126" s="69">
        <v>23</v>
      </c>
      <c r="H126" s="68">
        <v>12</v>
      </c>
      <c r="I126" s="68">
        <v>5</v>
      </c>
      <c r="J126" s="68">
        <v>7</v>
      </c>
      <c r="K126" s="67">
        <v>4</v>
      </c>
      <c r="L126" s="79">
        <v>1</v>
      </c>
      <c r="M126" s="80">
        <v>3</v>
      </c>
    </row>
    <row r="127" spans="1:13">
      <c r="A127" s="27" t="s">
        <v>107</v>
      </c>
      <c r="B127" s="67">
        <v>-28</v>
      </c>
      <c r="C127" s="68">
        <v>-7</v>
      </c>
      <c r="D127" s="68">
        <v>-21</v>
      </c>
      <c r="E127" s="67">
        <v>29</v>
      </c>
      <c r="F127" s="68">
        <v>8</v>
      </c>
      <c r="G127" s="69">
        <v>21</v>
      </c>
      <c r="H127" s="68">
        <v>3</v>
      </c>
      <c r="I127" s="68">
        <v>1</v>
      </c>
      <c r="J127" s="68">
        <v>2</v>
      </c>
      <c r="K127" s="67">
        <v>2</v>
      </c>
      <c r="L127" s="79">
        <v>0</v>
      </c>
      <c r="M127" s="80">
        <v>2</v>
      </c>
    </row>
    <row r="128" spans="1:13">
      <c r="A128" s="27" t="s">
        <v>109</v>
      </c>
      <c r="B128" s="67">
        <v>-24</v>
      </c>
      <c r="C128" s="68">
        <v>-12</v>
      </c>
      <c r="D128" s="68">
        <v>-12</v>
      </c>
      <c r="E128" s="67">
        <v>25</v>
      </c>
      <c r="F128" s="68">
        <v>12</v>
      </c>
      <c r="G128" s="69">
        <v>13</v>
      </c>
      <c r="H128" s="68">
        <v>1</v>
      </c>
      <c r="I128" s="68">
        <v>0</v>
      </c>
      <c r="J128" s="68">
        <v>1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110</v>
      </c>
      <c r="C129" s="65">
        <v>-35</v>
      </c>
      <c r="D129" s="65">
        <v>-75</v>
      </c>
      <c r="E129" s="64">
        <v>115</v>
      </c>
      <c r="F129" s="65">
        <v>38</v>
      </c>
      <c r="G129" s="66">
        <v>77</v>
      </c>
      <c r="H129" s="65">
        <v>8</v>
      </c>
      <c r="I129" s="65">
        <v>4</v>
      </c>
      <c r="J129" s="65">
        <v>4</v>
      </c>
      <c r="K129" s="64">
        <v>3</v>
      </c>
      <c r="L129" s="77">
        <v>1</v>
      </c>
      <c r="M129" s="78">
        <v>2</v>
      </c>
    </row>
    <row r="130" spans="1:14">
      <c r="A130" s="27" t="s">
        <v>113</v>
      </c>
      <c r="B130" s="67">
        <v>-29</v>
      </c>
      <c r="C130" s="68">
        <v>-9</v>
      </c>
      <c r="D130" s="68">
        <v>-20</v>
      </c>
      <c r="E130" s="67">
        <v>33</v>
      </c>
      <c r="F130" s="68">
        <v>11</v>
      </c>
      <c r="G130" s="69">
        <v>22</v>
      </c>
      <c r="H130" s="68">
        <v>6</v>
      </c>
      <c r="I130" s="68">
        <v>3</v>
      </c>
      <c r="J130" s="68">
        <v>3</v>
      </c>
      <c r="K130" s="67">
        <v>2</v>
      </c>
      <c r="L130" s="79">
        <v>1</v>
      </c>
      <c r="M130" s="80">
        <v>1</v>
      </c>
    </row>
    <row r="131" spans="1:14">
      <c r="A131" s="27" t="s">
        <v>115</v>
      </c>
      <c r="B131" s="67">
        <v>-25</v>
      </c>
      <c r="C131" s="68">
        <v>-12</v>
      </c>
      <c r="D131" s="68">
        <v>-13</v>
      </c>
      <c r="E131" s="67">
        <v>25</v>
      </c>
      <c r="F131" s="68">
        <v>12</v>
      </c>
      <c r="G131" s="69">
        <v>13</v>
      </c>
      <c r="H131" s="68">
        <v>1</v>
      </c>
      <c r="I131" s="68">
        <v>0</v>
      </c>
      <c r="J131" s="68">
        <v>1</v>
      </c>
      <c r="K131" s="67">
        <v>1</v>
      </c>
      <c r="L131" s="79">
        <v>0</v>
      </c>
      <c r="M131" s="80">
        <v>1</v>
      </c>
    </row>
    <row r="132" spans="1:14">
      <c r="A132" s="27" t="s">
        <v>117</v>
      </c>
      <c r="B132" s="67">
        <v>-24</v>
      </c>
      <c r="C132" s="68">
        <v>-3</v>
      </c>
      <c r="D132" s="68">
        <v>-21</v>
      </c>
      <c r="E132" s="67">
        <v>25</v>
      </c>
      <c r="F132" s="68">
        <v>4</v>
      </c>
      <c r="G132" s="69">
        <v>21</v>
      </c>
      <c r="H132" s="68">
        <v>1</v>
      </c>
      <c r="I132" s="68">
        <v>1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14</v>
      </c>
      <c r="C133" s="68">
        <v>-7</v>
      </c>
      <c r="D133" s="68">
        <v>-7</v>
      </c>
      <c r="E133" s="67">
        <v>14</v>
      </c>
      <c r="F133" s="68">
        <v>7</v>
      </c>
      <c r="G133" s="69">
        <v>7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18</v>
      </c>
      <c r="C134" s="68">
        <v>-4</v>
      </c>
      <c r="D134" s="68">
        <v>-14</v>
      </c>
      <c r="E134" s="67">
        <v>18</v>
      </c>
      <c r="F134" s="68">
        <v>4</v>
      </c>
      <c r="G134" s="69">
        <v>14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22</v>
      </c>
      <c r="C135" s="40">
        <v>-4</v>
      </c>
      <c r="D135" s="40">
        <v>-18</v>
      </c>
      <c r="E135" s="42">
        <v>22</v>
      </c>
      <c r="F135" s="40">
        <v>4</v>
      </c>
      <c r="G135" s="43">
        <v>18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5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8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3</v>
      </c>
      <c r="C5" s="62">
        <v>25</v>
      </c>
      <c r="D5" s="62">
        <v>-28</v>
      </c>
      <c r="E5" s="61">
        <v>513</v>
      </c>
      <c r="F5" s="62">
        <v>270</v>
      </c>
      <c r="G5" s="63">
        <v>243</v>
      </c>
      <c r="H5" s="62">
        <v>2224</v>
      </c>
      <c r="I5" s="62">
        <v>1237</v>
      </c>
      <c r="J5" s="62">
        <v>987</v>
      </c>
      <c r="K5" s="61">
        <v>2021</v>
      </c>
      <c r="L5" s="75">
        <v>1098</v>
      </c>
      <c r="M5" s="76">
        <v>923</v>
      </c>
    </row>
    <row r="6" spans="1:13" ht="23.25" customHeight="1">
      <c r="A6" s="36" t="s">
        <v>2</v>
      </c>
      <c r="B6" s="64">
        <v>356</v>
      </c>
      <c r="C6" s="65">
        <v>180</v>
      </c>
      <c r="D6" s="65">
        <v>176</v>
      </c>
      <c r="E6" s="64">
        <v>0</v>
      </c>
      <c r="F6" s="65">
        <v>0</v>
      </c>
      <c r="G6" s="66">
        <v>0</v>
      </c>
      <c r="H6" s="65">
        <v>160</v>
      </c>
      <c r="I6" s="65">
        <v>89</v>
      </c>
      <c r="J6" s="65">
        <v>71</v>
      </c>
      <c r="K6" s="64">
        <v>111</v>
      </c>
      <c r="L6" s="77">
        <v>65</v>
      </c>
      <c r="M6" s="78">
        <v>46</v>
      </c>
    </row>
    <row r="7" spans="1:13">
      <c r="A7" s="15" t="s">
        <v>4</v>
      </c>
      <c r="B7" s="67">
        <v>325</v>
      </c>
      <c r="C7" s="68">
        <v>168</v>
      </c>
      <c r="D7" s="68">
        <v>157</v>
      </c>
      <c r="E7" s="67">
        <v>0</v>
      </c>
      <c r="F7" s="68">
        <v>0</v>
      </c>
      <c r="G7" s="69">
        <v>0</v>
      </c>
      <c r="H7" s="68">
        <v>42</v>
      </c>
      <c r="I7" s="68">
        <v>26</v>
      </c>
      <c r="J7" s="68">
        <v>16</v>
      </c>
      <c r="K7" s="67">
        <v>24</v>
      </c>
      <c r="L7" s="79">
        <v>14</v>
      </c>
      <c r="M7" s="80">
        <v>10</v>
      </c>
    </row>
    <row r="8" spans="1:13">
      <c r="A8" s="15" t="s">
        <v>6</v>
      </c>
      <c r="B8" s="67">
        <v>4</v>
      </c>
      <c r="C8" s="68">
        <v>2</v>
      </c>
      <c r="D8" s="68">
        <v>2</v>
      </c>
      <c r="E8" s="67">
        <v>0</v>
      </c>
      <c r="F8" s="68">
        <v>0</v>
      </c>
      <c r="G8" s="69">
        <v>0</v>
      </c>
      <c r="H8" s="68">
        <v>33</v>
      </c>
      <c r="I8" s="68">
        <v>19</v>
      </c>
      <c r="J8" s="68">
        <v>14</v>
      </c>
      <c r="K8" s="67">
        <v>29</v>
      </c>
      <c r="L8" s="79">
        <v>17</v>
      </c>
      <c r="M8" s="80">
        <v>12</v>
      </c>
    </row>
    <row r="9" spans="1:13">
      <c r="A9" s="15" t="s">
        <v>8</v>
      </c>
      <c r="B9" s="67">
        <v>1</v>
      </c>
      <c r="C9" s="68">
        <v>0</v>
      </c>
      <c r="D9" s="68">
        <v>1</v>
      </c>
      <c r="E9" s="67">
        <v>0</v>
      </c>
      <c r="F9" s="68">
        <v>0</v>
      </c>
      <c r="G9" s="69">
        <v>0</v>
      </c>
      <c r="H9" s="68">
        <v>20</v>
      </c>
      <c r="I9" s="68">
        <v>12</v>
      </c>
      <c r="J9" s="68">
        <v>8</v>
      </c>
      <c r="K9" s="67">
        <v>19</v>
      </c>
      <c r="L9" s="79">
        <v>12</v>
      </c>
      <c r="M9" s="80">
        <v>7</v>
      </c>
    </row>
    <row r="10" spans="1:13">
      <c r="A10" s="15" t="s">
        <v>10</v>
      </c>
      <c r="B10" s="67">
        <v>10</v>
      </c>
      <c r="C10" s="68">
        <v>8</v>
      </c>
      <c r="D10" s="68">
        <v>2</v>
      </c>
      <c r="E10" s="67">
        <v>0</v>
      </c>
      <c r="F10" s="68">
        <v>0</v>
      </c>
      <c r="G10" s="69">
        <v>0</v>
      </c>
      <c r="H10" s="68">
        <v>29</v>
      </c>
      <c r="I10" s="68">
        <v>18</v>
      </c>
      <c r="J10" s="68">
        <v>11</v>
      </c>
      <c r="K10" s="67">
        <v>19</v>
      </c>
      <c r="L10" s="79">
        <v>10</v>
      </c>
      <c r="M10" s="80">
        <v>9</v>
      </c>
    </row>
    <row r="11" spans="1:13">
      <c r="A11" s="15" t="s">
        <v>12</v>
      </c>
      <c r="B11" s="67">
        <v>16</v>
      </c>
      <c r="C11" s="68">
        <v>2</v>
      </c>
      <c r="D11" s="68">
        <v>14</v>
      </c>
      <c r="E11" s="67">
        <v>0</v>
      </c>
      <c r="F11" s="68">
        <v>0</v>
      </c>
      <c r="G11" s="69">
        <v>0</v>
      </c>
      <c r="H11" s="68">
        <v>36</v>
      </c>
      <c r="I11" s="68">
        <v>14</v>
      </c>
      <c r="J11" s="68">
        <v>22</v>
      </c>
      <c r="K11" s="67">
        <v>20</v>
      </c>
      <c r="L11" s="79">
        <v>12</v>
      </c>
      <c r="M11" s="80">
        <v>8</v>
      </c>
    </row>
    <row r="12" spans="1:13" ht="21" customHeight="1">
      <c r="A12" s="36" t="s">
        <v>14</v>
      </c>
      <c r="B12" s="64">
        <v>7</v>
      </c>
      <c r="C12" s="65">
        <v>1</v>
      </c>
      <c r="D12" s="65">
        <v>6</v>
      </c>
      <c r="E12" s="64">
        <v>0</v>
      </c>
      <c r="F12" s="65">
        <v>0</v>
      </c>
      <c r="G12" s="66">
        <v>0</v>
      </c>
      <c r="H12" s="65">
        <v>49</v>
      </c>
      <c r="I12" s="65">
        <v>19</v>
      </c>
      <c r="J12" s="65">
        <v>30</v>
      </c>
      <c r="K12" s="64">
        <v>42</v>
      </c>
      <c r="L12" s="77">
        <v>18</v>
      </c>
      <c r="M12" s="78">
        <v>24</v>
      </c>
    </row>
    <row r="13" spans="1:13">
      <c r="A13" s="15" t="s">
        <v>16</v>
      </c>
      <c r="B13" s="67">
        <v>-5</v>
      </c>
      <c r="C13" s="68">
        <v>-1</v>
      </c>
      <c r="D13" s="68">
        <v>-4</v>
      </c>
      <c r="E13" s="67">
        <v>0</v>
      </c>
      <c r="F13" s="68">
        <v>0</v>
      </c>
      <c r="G13" s="69">
        <v>0</v>
      </c>
      <c r="H13" s="68">
        <v>10</v>
      </c>
      <c r="I13" s="68">
        <v>4</v>
      </c>
      <c r="J13" s="68">
        <v>6</v>
      </c>
      <c r="K13" s="67">
        <v>15</v>
      </c>
      <c r="L13" s="79">
        <v>5</v>
      </c>
      <c r="M13" s="80">
        <v>10</v>
      </c>
    </row>
    <row r="14" spans="1:13">
      <c r="A14" s="15" t="s">
        <v>18</v>
      </c>
      <c r="B14" s="67">
        <v>12</v>
      </c>
      <c r="C14" s="68">
        <v>8</v>
      </c>
      <c r="D14" s="68">
        <v>4</v>
      </c>
      <c r="E14" s="67">
        <v>0</v>
      </c>
      <c r="F14" s="68">
        <v>0</v>
      </c>
      <c r="G14" s="69">
        <v>0</v>
      </c>
      <c r="H14" s="68">
        <v>21</v>
      </c>
      <c r="I14" s="68">
        <v>10</v>
      </c>
      <c r="J14" s="68">
        <v>11</v>
      </c>
      <c r="K14" s="67">
        <v>9</v>
      </c>
      <c r="L14" s="79">
        <v>2</v>
      </c>
      <c r="M14" s="80">
        <v>7</v>
      </c>
    </row>
    <row r="15" spans="1:13">
      <c r="A15" s="15" t="s">
        <v>20</v>
      </c>
      <c r="B15" s="67">
        <v>-2</v>
      </c>
      <c r="C15" s="68">
        <v>-4</v>
      </c>
      <c r="D15" s="68">
        <v>2</v>
      </c>
      <c r="E15" s="67">
        <v>0</v>
      </c>
      <c r="F15" s="68">
        <v>0</v>
      </c>
      <c r="G15" s="69">
        <v>0</v>
      </c>
      <c r="H15" s="68">
        <v>6</v>
      </c>
      <c r="I15" s="68">
        <v>0</v>
      </c>
      <c r="J15" s="68">
        <v>6</v>
      </c>
      <c r="K15" s="67">
        <v>8</v>
      </c>
      <c r="L15" s="79">
        <v>4</v>
      </c>
      <c r="M15" s="80">
        <v>4</v>
      </c>
    </row>
    <row r="16" spans="1:13">
      <c r="A16" s="15" t="s">
        <v>22</v>
      </c>
      <c r="B16" s="67">
        <v>0</v>
      </c>
      <c r="C16" s="68">
        <v>-3</v>
      </c>
      <c r="D16" s="68">
        <v>3</v>
      </c>
      <c r="E16" s="67">
        <v>0</v>
      </c>
      <c r="F16" s="68">
        <v>0</v>
      </c>
      <c r="G16" s="69">
        <v>0</v>
      </c>
      <c r="H16" s="68">
        <v>7</v>
      </c>
      <c r="I16" s="68">
        <v>3</v>
      </c>
      <c r="J16" s="68">
        <v>4</v>
      </c>
      <c r="K16" s="67">
        <v>7</v>
      </c>
      <c r="L16" s="79">
        <v>6</v>
      </c>
      <c r="M16" s="80">
        <v>1</v>
      </c>
    </row>
    <row r="17" spans="1:13">
      <c r="A17" s="15" t="s">
        <v>24</v>
      </c>
      <c r="B17" s="67">
        <v>2</v>
      </c>
      <c r="C17" s="68">
        <v>1</v>
      </c>
      <c r="D17" s="68">
        <v>1</v>
      </c>
      <c r="E17" s="67">
        <v>0</v>
      </c>
      <c r="F17" s="68">
        <v>0</v>
      </c>
      <c r="G17" s="69">
        <v>0</v>
      </c>
      <c r="H17" s="68">
        <v>5</v>
      </c>
      <c r="I17" s="68">
        <v>2</v>
      </c>
      <c r="J17" s="68">
        <v>3</v>
      </c>
      <c r="K17" s="67">
        <v>3</v>
      </c>
      <c r="L17" s="79">
        <v>1</v>
      </c>
      <c r="M17" s="80">
        <v>2</v>
      </c>
    </row>
    <row r="18" spans="1:13" ht="21" customHeight="1">
      <c r="A18" s="36" t="s">
        <v>26</v>
      </c>
      <c r="B18" s="64">
        <v>5</v>
      </c>
      <c r="C18" s="65">
        <v>6</v>
      </c>
      <c r="D18" s="65">
        <v>-1</v>
      </c>
      <c r="E18" s="64">
        <v>0</v>
      </c>
      <c r="F18" s="65">
        <v>0</v>
      </c>
      <c r="G18" s="66">
        <v>0</v>
      </c>
      <c r="H18" s="65">
        <v>29</v>
      </c>
      <c r="I18" s="65">
        <v>13</v>
      </c>
      <c r="J18" s="65">
        <v>16</v>
      </c>
      <c r="K18" s="64">
        <v>24</v>
      </c>
      <c r="L18" s="77">
        <v>7</v>
      </c>
      <c r="M18" s="78">
        <v>17</v>
      </c>
    </row>
    <row r="19" spans="1:13">
      <c r="A19" s="15" t="s">
        <v>28</v>
      </c>
      <c r="B19" s="67">
        <v>2</v>
      </c>
      <c r="C19" s="68">
        <v>-1</v>
      </c>
      <c r="D19" s="68">
        <v>3</v>
      </c>
      <c r="E19" s="67">
        <v>0</v>
      </c>
      <c r="F19" s="68">
        <v>0</v>
      </c>
      <c r="G19" s="69">
        <v>0</v>
      </c>
      <c r="H19" s="68">
        <v>8</v>
      </c>
      <c r="I19" s="68">
        <v>3</v>
      </c>
      <c r="J19" s="68">
        <v>5</v>
      </c>
      <c r="K19" s="67">
        <v>6</v>
      </c>
      <c r="L19" s="79">
        <v>4</v>
      </c>
      <c r="M19" s="80">
        <v>2</v>
      </c>
    </row>
    <row r="20" spans="1:13">
      <c r="A20" s="15" t="s">
        <v>30</v>
      </c>
      <c r="B20" s="67">
        <v>0</v>
      </c>
      <c r="C20" s="68">
        <v>0</v>
      </c>
      <c r="D20" s="68">
        <v>0</v>
      </c>
      <c r="E20" s="67">
        <v>0</v>
      </c>
      <c r="F20" s="68">
        <v>0</v>
      </c>
      <c r="G20" s="69">
        <v>0</v>
      </c>
      <c r="H20" s="68">
        <v>5</v>
      </c>
      <c r="I20" s="68">
        <v>0</v>
      </c>
      <c r="J20" s="68">
        <v>5</v>
      </c>
      <c r="K20" s="67">
        <v>5</v>
      </c>
      <c r="L20" s="79">
        <v>0</v>
      </c>
      <c r="M20" s="80">
        <v>5</v>
      </c>
    </row>
    <row r="21" spans="1:13">
      <c r="A21" s="15" t="s">
        <v>32</v>
      </c>
      <c r="B21" s="67">
        <v>0</v>
      </c>
      <c r="C21" s="68">
        <v>4</v>
      </c>
      <c r="D21" s="68">
        <v>-4</v>
      </c>
      <c r="E21" s="67">
        <v>0</v>
      </c>
      <c r="F21" s="68">
        <v>0</v>
      </c>
      <c r="G21" s="69">
        <v>0</v>
      </c>
      <c r="H21" s="68">
        <v>5</v>
      </c>
      <c r="I21" s="68">
        <v>4</v>
      </c>
      <c r="J21" s="68">
        <v>1</v>
      </c>
      <c r="K21" s="67">
        <v>5</v>
      </c>
      <c r="L21" s="79">
        <v>0</v>
      </c>
      <c r="M21" s="80">
        <v>5</v>
      </c>
    </row>
    <row r="22" spans="1:13">
      <c r="A22" s="15" t="s">
        <v>34</v>
      </c>
      <c r="B22" s="67">
        <v>-1</v>
      </c>
      <c r="C22" s="68">
        <v>1</v>
      </c>
      <c r="D22" s="68">
        <v>-2</v>
      </c>
      <c r="E22" s="67">
        <v>0</v>
      </c>
      <c r="F22" s="68">
        <v>0</v>
      </c>
      <c r="G22" s="69">
        <v>0</v>
      </c>
      <c r="H22" s="68">
        <v>5</v>
      </c>
      <c r="I22" s="68">
        <v>3</v>
      </c>
      <c r="J22" s="68">
        <v>2</v>
      </c>
      <c r="K22" s="67">
        <v>6</v>
      </c>
      <c r="L22" s="79">
        <v>2</v>
      </c>
      <c r="M22" s="80">
        <v>4</v>
      </c>
    </row>
    <row r="23" spans="1:13">
      <c r="A23" s="15" t="s">
        <v>36</v>
      </c>
      <c r="B23" s="67">
        <v>4</v>
      </c>
      <c r="C23" s="68">
        <v>2</v>
      </c>
      <c r="D23" s="68">
        <v>2</v>
      </c>
      <c r="E23" s="67">
        <v>0</v>
      </c>
      <c r="F23" s="68">
        <v>0</v>
      </c>
      <c r="G23" s="69">
        <v>0</v>
      </c>
      <c r="H23" s="68">
        <v>6</v>
      </c>
      <c r="I23" s="68">
        <v>3</v>
      </c>
      <c r="J23" s="68">
        <v>3</v>
      </c>
      <c r="K23" s="67">
        <v>2</v>
      </c>
      <c r="L23" s="79">
        <v>1</v>
      </c>
      <c r="M23" s="80">
        <v>1</v>
      </c>
    </row>
    <row r="24" spans="1:13" ht="21" customHeight="1">
      <c r="A24" s="36" t="s">
        <v>38</v>
      </c>
      <c r="B24" s="64">
        <v>3</v>
      </c>
      <c r="C24" s="65">
        <v>4</v>
      </c>
      <c r="D24" s="65">
        <v>-1</v>
      </c>
      <c r="E24" s="64">
        <v>1</v>
      </c>
      <c r="F24" s="65">
        <v>1</v>
      </c>
      <c r="G24" s="66">
        <v>0</v>
      </c>
      <c r="H24" s="65">
        <v>70</v>
      </c>
      <c r="I24" s="65">
        <v>39</v>
      </c>
      <c r="J24" s="65">
        <v>31</v>
      </c>
      <c r="K24" s="64">
        <v>66</v>
      </c>
      <c r="L24" s="77">
        <v>34</v>
      </c>
      <c r="M24" s="78">
        <v>32</v>
      </c>
    </row>
    <row r="25" spans="1:13">
      <c r="A25" s="15" t="s">
        <v>40</v>
      </c>
      <c r="B25" s="67">
        <v>-2</v>
      </c>
      <c r="C25" s="68">
        <v>-2</v>
      </c>
      <c r="D25" s="68">
        <v>0</v>
      </c>
      <c r="E25" s="67">
        <v>0</v>
      </c>
      <c r="F25" s="68">
        <v>0</v>
      </c>
      <c r="G25" s="69">
        <v>0</v>
      </c>
      <c r="H25" s="68">
        <v>10</v>
      </c>
      <c r="I25" s="68">
        <v>3</v>
      </c>
      <c r="J25" s="68">
        <v>7</v>
      </c>
      <c r="K25" s="67">
        <v>12</v>
      </c>
      <c r="L25" s="79">
        <v>5</v>
      </c>
      <c r="M25" s="80">
        <v>7</v>
      </c>
    </row>
    <row r="26" spans="1:13">
      <c r="A26" s="15" t="s">
        <v>42</v>
      </c>
      <c r="B26" s="67">
        <v>3</v>
      </c>
      <c r="C26" s="68">
        <v>4</v>
      </c>
      <c r="D26" s="68">
        <v>-1</v>
      </c>
      <c r="E26" s="67">
        <v>0</v>
      </c>
      <c r="F26" s="68">
        <v>0</v>
      </c>
      <c r="G26" s="69">
        <v>0</v>
      </c>
      <c r="H26" s="68">
        <v>8</v>
      </c>
      <c r="I26" s="68">
        <v>6</v>
      </c>
      <c r="J26" s="68">
        <v>2</v>
      </c>
      <c r="K26" s="67">
        <v>5</v>
      </c>
      <c r="L26" s="79">
        <v>2</v>
      </c>
      <c r="M26" s="80">
        <v>3</v>
      </c>
    </row>
    <row r="27" spans="1:13">
      <c r="A27" s="15" t="s">
        <v>44</v>
      </c>
      <c r="B27" s="67">
        <v>-1</v>
      </c>
      <c r="C27" s="68">
        <v>0</v>
      </c>
      <c r="D27" s="68">
        <v>-1</v>
      </c>
      <c r="E27" s="67">
        <v>0</v>
      </c>
      <c r="F27" s="68">
        <v>0</v>
      </c>
      <c r="G27" s="69">
        <v>0</v>
      </c>
      <c r="H27" s="68">
        <v>2</v>
      </c>
      <c r="I27" s="68">
        <v>1</v>
      </c>
      <c r="J27" s="68">
        <v>1</v>
      </c>
      <c r="K27" s="67">
        <v>3</v>
      </c>
      <c r="L27" s="79">
        <v>1</v>
      </c>
      <c r="M27" s="80">
        <v>2</v>
      </c>
    </row>
    <row r="28" spans="1:13">
      <c r="A28" s="15" t="s">
        <v>46</v>
      </c>
      <c r="B28" s="67">
        <v>4</v>
      </c>
      <c r="C28" s="68">
        <v>7</v>
      </c>
      <c r="D28" s="68">
        <v>-3</v>
      </c>
      <c r="E28" s="67">
        <v>1</v>
      </c>
      <c r="F28" s="68">
        <v>1</v>
      </c>
      <c r="G28" s="69">
        <v>0</v>
      </c>
      <c r="H28" s="68">
        <v>26</v>
      </c>
      <c r="I28" s="68">
        <v>18</v>
      </c>
      <c r="J28" s="68">
        <v>8</v>
      </c>
      <c r="K28" s="67">
        <v>21</v>
      </c>
      <c r="L28" s="79">
        <v>10</v>
      </c>
      <c r="M28" s="80">
        <v>11</v>
      </c>
    </row>
    <row r="29" spans="1:13">
      <c r="A29" s="15" t="s">
        <v>48</v>
      </c>
      <c r="B29" s="67">
        <v>-1</v>
      </c>
      <c r="C29" s="68">
        <v>-5</v>
      </c>
      <c r="D29" s="68">
        <v>4</v>
      </c>
      <c r="E29" s="67">
        <v>0</v>
      </c>
      <c r="F29" s="68">
        <v>0</v>
      </c>
      <c r="G29" s="69">
        <v>0</v>
      </c>
      <c r="H29" s="68">
        <v>24</v>
      </c>
      <c r="I29" s="68">
        <v>11</v>
      </c>
      <c r="J29" s="68">
        <v>13</v>
      </c>
      <c r="K29" s="67">
        <v>25</v>
      </c>
      <c r="L29" s="79">
        <v>16</v>
      </c>
      <c r="M29" s="80">
        <v>9</v>
      </c>
    </row>
    <row r="30" spans="1:13" ht="21" customHeight="1">
      <c r="A30" s="36" t="s">
        <v>50</v>
      </c>
      <c r="B30" s="64">
        <v>-33</v>
      </c>
      <c r="C30" s="65">
        <v>3</v>
      </c>
      <c r="D30" s="65">
        <v>-36</v>
      </c>
      <c r="E30" s="64">
        <v>1</v>
      </c>
      <c r="F30" s="65">
        <v>1</v>
      </c>
      <c r="G30" s="66">
        <v>0</v>
      </c>
      <c r="H30" s="65">
        <v>310</v>
      </c>
      <c r="I30" s="65">
        <v>184</v>
      </c>
      <c r="J30" s="65">
        <v>126</v>
      </c>
      <c r="K30" s="64">
        <v>342</v>
      </c>
      <c r="L30" s="77">
        <v>180</v>
      </c>
      <c r="M30" s="78">
        <v>162</v>
      </c>
    </row>
    <row r="31" spans="1:13">
      <c r="A31" s="15" t="s">
        <v>52</v>
      </c>
      <c r="B31" s="67">
        <v>-3</v>
      </c>
      <c r="C31" s="68">
        <v>0</v>
      </c>
      <c r="D31" s="68">
        <v>-3</v>
      </c>
      <c r="E31" s="67">
        <v>0</v>
      </c>
      <c r="F31" s="68">
        <v>0</v>
      </c>
      <c r="G31" s="69">
        <v>0</v>
      </c>
      <c r="H31" s="68">
        <v>37</v>
      </c>
      <c r="I31" s="68">
        <v>18</v>
      </c>
      <c r="J31" s="68">
        <v>19</v>
      </c>
      <c r="K31" s="67">
        <v>40</v>
      </c>
      <c r="L31" s="79">
        <v>18</v>
      </c>
      <c r="M31" s="80">
        <v>22</v>
      </c>
    </row>
    <row r="32" spans="1:13">
      <c r="A32" s="15" t="s">
        <v>54</v>
      </c>
      <c r="B32" s="67">
        <v>0</v>
      </c>
      <c r="C32" s="68">
        <v>-4</v>
      </c>
      <c r="D32" s="68">
        <v>4</v>
      </c>
      <c r="E32" s="67">
        <v>0</v>
      </c>
      <c r="F32" s="68">
        <v>0</v>
      </c>
      <c r="G32" s="69">
        <v>0</v>
      </c>
      <c r="H32" s="68">
        <v>44</v>
      </c>
      <c r="I32" s="68">
        <v>17</v>
      </c>
      <c r="J32" s="68">
        <v>27</v>
      </c>
      <c r="K32" s="67">
        <v>44</v>
      </c>
      <c r="L32" s="79">
        <v>21</v>
      </c>
      <c r="M32" s="80">
        <v>23</v>
      </c>
    </row>
    <row r="33" spans="1:13">
      <c r="A33" s="15" t="s">
        <v>56</v>
      </c>
      <c r="B33" s="67">
        <v>-5</v>
      </c>
      <c r="C33" s="68">
        <v>8</v>
      </c>
      <c r="D33" s="68">
        <v>-13</v>
      </c>
      <c r="E33" s="67">
        <v>0</v>
      </c>
      <c r="F33" s="68">
        <v>0</v>
      </c>
      <c r="G33" s="69">
        <v>0</v>
      </c>
      <c r="H33" s="68">
        <v>78</v>
      </c>
      <c r="I33" s="68">
        <v>48</v>
      </c>
      <c r="J33" s="68">
        <v>30</v>
      </c>
      <c r="K33" s="67">
        <v>83</v>
      </c>
      <c r="L33" s="79">
        <v>40</v>
      </c>
      <c r="M33" s="80">
        <v>43</v>
      </c>
    </row>
    <row r="34" spans="1:13">
      <c r="A34" s="15" t="s">
        <v>58</v>
      </c>
      <c r="B34" s="67">
        <v>-14</v>
      </c>
      <c r="C34" s="68">
        <v>0</v>
      </c>
      <c r="D34" s="68">
        <v>-14</v>
      </c>
      <c r="E34" s="67">
        <v>0</v>
      </c>
      <c r="F34" s="68">
        <v>0</v>
      </c>
      <c r="G34" s="69">
        <v>0</v>
      </c>
      <c r="H34" s="68">
        <v>63</v>
      </c>
      <c r="I34" s="68">
        <v>45</v>
      </c>
      <c r="J34" s="68">
        <v>18</v>
      </c>
      <c r="K34" s="67">
        <v>77</v>
      </c>
      <c r="L34" s="79">
        <v>45</v>
      </c>
      <c r="M34" s="80">
        <v>32</v>
      </c>
    </row>
    <row r="35" spans="1:13">
      <c r="A35" s="15" t="s">
        <v>60</v>
      </c>
      <c r="B35" s="67">
        <v>-11</v>
      </c>
      <c r="C35" s="68">
        <v>-1</v>
      </c>
      <c r="D35" s="68">
        <v>-10</v>
      </c>
      <c r="E35" s="67">
        <v>1</v>
      </c>
      <c r="F35" s="68">
        <v>1</v>
      </c>
      <c r="G35" s="69">
        <v>0</v>
      </c>
      <c r="H35" s="68">
        <v>88</v>
      </c>
      <c r="I35" s="68">
        <v>56</v>
      </c>
      <c r="J35" s="68">
        <v>32</v>
      </c>
      <c r="K35" s="67">
        <v>98</v>
      </c>
      <c r="L35" s="79">
        <v>56</v>
      </c>
      <c r="M35" s="80">
        <v>42</v>
      </c>
    </row>
    <row r="36" spans="1:13" ht="21" customHeight="1">
      <c r="A36" s="36" t="s">
        <v>62</v>
      </c>
      <c r="B36" s="64">
        <v>24</v>
      </c>
      <c r="C36" s="65">
        <v>5</v>
      </c>
      <c r="D36" s="65">
        <v>19</v>
      </c>
      <c r="E36" s="64">
        <v>1</v>
      </c>
      <c r="F36" s="65">
        <v>1</v>
      </c>
      <c r="G36" s="66">
        <v>0</v>
      </c>
      <c r="H36" s="65">
        <v>464</v>
      </c>
      <c r="I36" s="65">
        <v>254</v>
      </c>
      <c r="J36" s="65">
        <v>210</v>
      </c>
      <c r="K36" s="64">
        <v>439</v>
      </c>
      <c r="L36" s="77">
        <v>248</v>
      </c>
      <c r="M36" s="78">
        <v>191</v>
      </c>
    </row>
    <row r="37" spans="1:13">
      <c r="A37" s="15" t="s">
        <v>64</v>
      </c>
      <c r="B37" s="67">
        <v>5</v>
      </c>
      <c r="C37" s="68">
        <v>9</v>
      </c>
      <c r="D37" s="68">
        <v>-4</v>
      </c>
      <c r="E37" s="67">
        <v>0</v>
      </c>
      <c r="F37" s="68">
        <v>0</v>
      </c>
      <c r="G37" s="69">
        <v>0</v>
      </c>
      <c r="H37" s="68">
        <v>98</v>
      </c>
      <c r="I37" s="68">
        <v>53</v>
      </c>
      <c r="J37" s="68">
        <v>45</v>
      </c>
      <c r="K37" s="67">
        <v>93</v>
      </c>
      <c r="L37" s="79">
        <v>44</v>
      </c>
      <c r="M37" s="80">
        <v>49</v>
      </c>
    </row>
    <row r="38" spans="1:13">
      <c r="A38" s="15" t="s">
        <v>66</v>
      </c>
      <c r="B38" s="67">
        <v>5</v>
      </c>
      <c r="C38" s="68">
        <v>-16</v>
      </c>
      <c r="D38" s="68">
        <v>21</v>
      </c>
      <c r="E38" s="67">
        <v>0</v>
      </c>
      <c r="F38" s="68">
        <v>0</v>
      </c>
      <c r="G38" s="69">
        <v>0</v>
      </c>
      <c r="H38" s="68">
        <v>105</v>
      </c>
      <c r="I38" s="68">
        <v>48</v>
      </c>
      <c r="J38" s="68">
        <v>57</v>
      </c>
      <c r="K38" s="67">
        <v>100</v>
      </c>
      <c r="L38" s="79">
        <v>64</v>
      </c>
      <c r="M38" s="80">
        <v>36</v>
      </c>
    </row>
    <row r="39" spans="1:13">
      <c r="A39" s="15" t="s">
        <v>68</v>
      </c>
      <c r="B39" s="67">
        <v>6</v>
      </c>
      <c r="C39" s="68">
        <v>8</v>
      </c>
      <c r="D39" s="68">
        <v>-2</v>
      </c>
      <c r="E39" s="67">
        <v>0</v>
      </c>
      <c r="F39" s="68">
        <v>0</v>
      </c>
      <c r="G39" s="69">
        <v>0</v>
      </c>
      <c r="H39" s="68">
        <v>103</v>
      </c>
      <c r="I39" s="68">
        <v>61</v>
      </c>
      <c r="J39" s="68">
        <v>42</v>
      </c>
      <c r="K39" s="67">
        <v>97</v>
      </c>
      <c r="L39" s="79">
        <v>53</v>
      </c>
      <c r="M39" s="80">
        <v>44</v>
      </c>
    </row>
    <row r="40" spans="1:13">
      <c r="A40" s="15" t="s">
        <v>70</v>
      </c>
      <c r="B40" s="67">
        <v>16</v>
      </c>
      <c r="C40" s="68">
        <v>8</v>
      </c>
      <c r="D40" s="68">
        <v>8</v>
      </c>
      <c r="E40" s="67">
        <v>1</v>
      </c>
      <c r="F40" s="68">
        <v>1</v>
      </c>
      <c r="G40" s="69">
        <v>0</v>
      </c>
      <c r="H40" s="68">
        <v>90</v>
      </c>
      <c r="I40" s="68">
        <v>49</v>
      </c>
      <c r="J40" s="68">
        <v>41</v>
      </c>
      <c r="K40" s="67">
        <v>73</v>
      </c>
      <c r="L40" s="79">
        <v>40</v>
      </c>
      <c r="M40" s="80">
        <v>33</v>
      </c>
    </row>
    <row r="41" spans="1:13">
      <c r="A41" s="15" t="s">
        <v>72</v>
      </c>
      <c r="B41" s="67">
        <v>-8</v>
      </c>
      <c r="C41" s="68">
        <v>-4</v>
      </c>
      <c r="D41" s="68">
        <v>-4</v>
      </c>
      <c r="E41" s="67">
        <v>0</v>
      </c>
      <c r="F41" s="68">
        <v>0</v>
      </c>
      <c r="G41" s="69">
        <v>0</v>
      </c>
      <c r="H41" s="68">
        <v>68</v>
      </c>
      <c r="I41" s="68">
        <v>43</v>
      </c>
      <c r="J41" s="68">
        <v>25</v>
      </c>
      <c r="K41" s="67">
        <v>76</v>
      </c>
      <c r="L41" s="79">
        <v>47</v>
      </c>
      <c r="M41" s="80">
        <v>29</v>
      </c>
    </row>
    <row r="42" spans="1:13" ht="21" customHeight="1">
      <c r="A42" s="36" t="s">
        <v>74</v>
      </c>
      <c r="B42" s="64">
        <v>43</v>
      </c>
      <c r="C42" s="65">
        <v>25</v>
      </c>
      <c r="D42" s="65">
        <v>18</v>
      </c>
      <c r="E42" s="64">
        <v>1</v>
      </c>
      <c r="F42" s="65">
        <v>1</v>
      </c>
      <c r="G42" s="66">
        <v>0</v>
      </c>
      <c r="H42" s="65">
        <v>331</v>
      </c>
      <c r="I42" s="65">
        <v>187</v>
      </c>
      <c r="J42" s="65">
        <v>144</v>
      </c>
      <c r="K42" s="64">
        <v>287</v>
      </c>
      <c r="L42" s="77">
        <v>161</v>
      </c>
      <c r="M42" s="78">
        <v>126</v>
      </c>
    </row>
    <row r="43" spans="1:13">
      <c r="A43" s="15" t="s">
        <v>76</v>
      </c>
      <c r="B43" s="67">
        <v>7</v>
      </c>
      <c r="C43" s="68">
        <v>2</v>
      </c>
      <c r="D43" s="68">
        <v>5</v>
      </c>
      <c r="E43" s="67">
        <v>0</v>
      </c>
      <c r="F43" s="68">
        <v>0</v>
      </c>
      <c r="G43" s="69">
        <v>0</v>
      </c>
      <c r="H43" s="68">
        <v>87</v>
      </c>
      <c r="I43" s="68">
        <v>51</v>
      </c>
      <c r="J43" s="68">
        <v>36</v>
      </c>
      <c r="K43" s="67">
        <v>80</v>
      </c>
      <c r="L43" s="79">
        <v>49</v>
      </c>
      <c r="M43" s="80">
        <v>31</v>
      </c>
    </row>
    <row r="44" spans="1:13">
      <c r="A44" s="15" t="s">
        <v>78</v>
      </c>
      <c r="B44" s="67">
        <v>13</v>
      </c>
      <c r="C44" s="68">
        <v>4</v>
      </c>
      <c r="D44" s="68">
        <v>9</v>
      </c>
      <c r="E44" s="67">
        <v>1</v>
      </c>
      <c r="F44" s="68">
        <v>1</v>
      </c>
      <c r="G44" s="69">
        <v>0</v>
      </c>
      <c r="H44" s="68">
        <v>76</v>
      </c>
      <c r="I44" s="68">
        <v>46</v>
      </c>
      <c r="J44" s="68">
        <v>30</v>
      </c>
      <c r="K44" s="67">
        <v>62</v>
      </c>
      <c r="L44" s="79">
        <v>41</v>
      </c>
      <c r="M44" s="80">
        <v>21</v>
      </c>
    </row>
    <row r="45" spans="1:13">
      <c r="A45" s="15" t="s">
        <v>80</v>
      </c>
      <c r="B45" s="67">
        <v>-1</v>
      </c>
      <c r="C45" s="68">
        <v>6</v>
      </c>
      <c r="D45" s="68">
        <v>-7</v>
      </c>
      <c r="E45" s="67">
        <v>0</v>
      </c>
      <c r="F45" s="68">
        <v>0</v>
      </c>
      <c r="G45" s="69">
        <v>0</v>
      </c>
      <c r="H45" s="68">
        <v>60</v>
      </c>
      <c r="I45" s="68">
        <v>33</v>
      </c>
      <c r="J45" s="68">
        <v>27</v>
      </c>
      <c r="K45" s="67">
        <v>61</v>
      </c>
      <c r="L45" s="79">
        <v>27</v>
      </c>
      <c r="M45" s="80">
        <v>34</v>
      </c>
    </row>
    <row r="46" spans="1:13">
      <c r="A46" s="15" t="s">
        <v>82</v>
      </c>
      <c r="B46" s="67">
        <v>3</v>
      </c>
      <c r="C46" s="68">
        <v>0</v>
      </c>
      <c r="D46" s="68">
        <v>3</v>
      </c>
      <c r="E46" s="67">
        <v>0</v>
      </c>
      <c r="F46" s="68">
        <v>0</v>
      </c>
      <c r="G46" s="69">
        <v>0</v>
      </c>
      <c r="H46" s="68">
        <v>53</v>
      </c>
      <c r="I46" s="68">
        <v>26</v>
      </c>
      <c r="J46" s="68">
        <v>27</v>
      </c>
      <c r="K46" s="67">
        <v>50</v>
      </c>
      <c r="L46" s="79">
        <v>26</v>
      </c>
      <c r="M46" s="80">
        <v>24</v>
      </c>
    </row>
    <row r="47" spans="1:13">
      <c r="A47" s="15" t="s">
        <v>84</v>
      </c>
      <c r="B47" s="67">
        <v>21</v>
      </c>
      <c r="C47" s="68">
        <v>13</v>
      </c>
      <c r="D47" s="68">
        <v>8</v>
      </c>
      <c r="E47" s="67">
        <v>0</v>
      </c>
      <c r="F47" s="68">
        <v>0</v>
      </c>
      <c r="G47" s="69">
        <v>0</v>
      </c>
      <c r="H47" s="68">
        <v>55</v>
      </c>
      <c r="I47" s="68">
        <v>31</v>
      </c>
      <c r="J47" s="68">
        <v>24</v>
      </c>
      <c r="K47" s="67">
        <v>34</v>
      </c>
      <c r="L47" s="79">
        <v>18</v>
      </c>
      <c r="M47" s="80">
        <v>16</v>
      </c>
    </row>
    <row r="48" spans="1:13" ht="21" customHeight="1">
      <c r="A48" s="36" t="s">
        <v>86</v>
      </c>
      <c r="B48" s="64">
        <v>22</v>
      </c>
      <c r="C48" s="65">
        <v>13</v>
      </c>
      <c r="D48" s="65">
        <v>9</v>
      </c>
      <c r="E48" s="64">
        <v>1</v>
      </c>
      <c r="F48" s="65">
        <v>0</v>
      </c>
      <c r="G48" s="66">
        <v>1</v>
      </c>
      <c r="H48" s="65">
        <v>171</v>
      </c>
      <c r="I48" s="65">
        <v>99</v>
      </c>
      <c r="J48" s="65">
        <v>72</v>
      </c>
      <c r="K48" s="64">
        <v>148</v>
      </c>
      <c r="L48" s="77">
        <v>86</v>
      </c>
      <c r="M48" s="78">
        <v>62</v>
      </c>
    </row>
    <row r="49" spans="1:13">
      <c r="A49" s="15" t="s">
        <v>88</v>
      </c>
      <c r="B49" s="67">
        <v>-1</v>
      </c>
      <c r="C49" s="68">
        <v>-6</v>
      </c>
      <c r="D49" s="68">
        <v>5</v>
      </c>
      <c r="E49" s="67">
        <v>0</v>
      </c>
      <c r="F49" s="68">
        <v>0</v>
      </c>
      <c r="G49" s="69">
        <v>0</v>
      </c>
      <c r="H49" s="68">
        <v>37</v>
      </c>
      <c r="I49" s="68">
        <v>18</v>
      </c>
      <c r="J49" s="68">
        <v>19</v>
      </c>
      <c r="K49" s="67">
        <v>38</v>
      </c>
      <c r="L49" s="79">
        <v>24</v>
      </c>
      <c r="M49" s="80">
        <v>14</v>
      </c>
    </row>
    <row r="50" spans="1:13">
      <c r="A50" s="15" t="s">
        <v>90</v>
      </c>
      <c r="B50" s="67">
        <v>9</v>
      </c>
      <c r="C50" s="68">
        <v>8</v>
      </c>
      <c r="D50" s="68">
        <v>1</v>
      </c>
      <c r="E50" s="67">
        <v>0</v>
      </c>
      <c r="F50" s="68">
        <v>0</v>
      </c>
      <c r="G50" s="69">
        <v>0</v>
      </c>
      <c r="H50" s="68">
        <v>36</v>
      </c>
      <c r="I50" s="68">
        <v>22</v>
      </c>
      <c r="J50" s="68">
        <v>14</v>
      </c>
      <c r="K50" s="67">
        <v>27</v>
      </c>
      <c r="L50" s="79">
        <v>14</v>
      </c>
      <c r="M50" s="80">
        <v>13</v>
      </c>
    </row>
    <row r="51" spans="1:13">
      <c r="A51" s="15" t="s">
        <v>92</v>
      </c>
      <c r="B51" s="67">
        <v>16</v>
      </c>
      <c r="C51" s="68">
        <v>9</v>
      </c>
      <c r="D51" s="68">
        <v>7</v>
      </c>
      <c r="E51" s="67">
        <v>0</v>
      </c>
      <c r="F51" s="68">
        <v>0</v>
      </c>
      <c r="G51" s="69">
        <v>0</v>
      </c>
      <c r="H51" s="68">
        <v>42</v>
      </c>
      <c r="I51" s="68">
        <v>23</v>
      </c>
      <c r="J51" s="68">
        <v>19</v>
      </c>
      <c r="K51" s="67">
        <v>26</v>
      </c>
      <c r="L51" s="79">
        <v>14</v>
      </c>
      <c r="M51" s="80">
        <v>12</v>
      </c>
    </row>
    <row r="52" spans="1:13">
      <c r="A52" s="15" t="s">
        <v>94</v>
      </c>
      <c r="B52" s="67">
        <v>9</v>
      </c>
      <c r="C52" s="68">
        <v>11</v>
      </c>
      <c r="D52" s="68">
        <v>-2</v>
      </c>
      <c r="E52" s="67">
        <v>0</v>
      </c>
      <c r="F52" s="68">
        <v>0</v>
      </c>
      <c r="G52" s="69">
        <v>0</v>
      </c>
      <c r="H52" s="68">
        <v>33</v>
      </c>
      <c r="I52" s="68">
        <v>23</v>
      </c>
      <c r="J52" s="68">
        <v>10</v>
      </c>
      <c r="K52" s="67">
        <v>24</v>
      </c>
      <c r="L52" s="79">
        <v>12</v>
      </c>
      <c r="M52" s="80">
        <v>12</v>
      </c>
    </row>
    <row r="53" spans="1:13">
      <c r="A53" s="15" t="s">
        <v>96</v>
      </c>
      <c r="B53" s="67">
        <v>-11</v>
      </c>
      <c r="C53" s="68">
        <v>-9</v>
      </c>
      <c r="D53" s="68">
        <v>-2</v>
      </c>
      <c r="E53" s="67">
        <v>1</v>
      </c>
      <c r="F53" s="68">
        <v>0</v>
      </c>
      <c r="G53" s="69">
        <v>1</v>
      </c>
      <c r="H53" s="68">
        <v>23</v>
      </c>
      <c r="I53" s="68">
        <v>13</v>
      </c>
      <c r="J53" s="68">
        <v>10</v>
      </c>
      <c r="K53" s="67">
        <v>33</v>
      </c>
      <c r="L53" s="79">
        <v>22</v>
      </c>
      <c r="M53" s="80">
        <v>11</v>
      </c>
    </row>
    <row r="54" spans="1:13" ht="21" customHeight="1">
      <c r="A54" s="36" t="s">
        <v>98</v>
      </c>
      <c r="B54" s="64">
        <v>26</v>
      </c>
      <c r="C54" s="65">
        <v>10</v>
      </c>
      <c r="D54" s="65">
        <v>16</v>
      </c>
      <c r="E54" s="64">
        <v>2</v>
      </c>
      <c r="F54" s="65">
        <v>1</v>
      </c>
      <c r="G54" s="66">
        <v>1</v>
      </c>
      <c r="H54" s="65">
        <v>149</v>
      </c>
      <c r="I54" s="65">
        <v>81</v>
      </c>
      <c r="J54" s="65">
        <v>68</v>
      </c>
      <c r="K54" s="64">
        <v>121</v>
      </c>
      <c r="L54" s="77">
        <v>70</v>
      </c>
      <c r="M54" s="78">
        <v>51</v>
      </c>
    </row>
    <row r="55" spans="1:13">
      <c r="A55" s="15" t="s">
        <v>100</v>
      </c>
      <c r="B55" s="67">
        <v>14</v>
      </c>
      <c r="C55" s="68">
        <v>5</v>
      </c>
      <c r="D55" s="68">
        <v>9</v>
      </c>
      <c r="E55" s="67">
        <v>1</v>
      </c>
      <c r="F55" s="68">
        <v>1</v>
      </c>
      <c r="G55" s="69">
        <v>0</v>
      </c>
      <c r="H55" s="68">
        <v>36</v>
      </c>
      <c r="I55" s="68">
        <v>17</v>
      </c>
      <c r="J55" s="68">
        <v>19</v>
      </c>
      <c r="K55" s="67">
        <v>21</v>
      </c>
      <c r="L55" s="79">
        <v>11</v>
      </c>
      <c r="M55" s="80">
        <v>10</v>
      </c>
    </row>
    <row r="56" spans="1:13">
      <c r="A56" s="15" t="s">
        <v>102</v>
      </c>
      <c r="B56" s="67">
        <v>8</v>
      </c>
      <c r="C56" s="68">
        <v>6</v>
      </c>
      <c r="D56" s="68">
        <v>2</v>
      </c>
      <c r="E56" s="67">
        <v>0</v>
      </c>
      <c r="F56" s="68">
        <v>0</v>
      </c>
      <c r="G56" s="69">
        <v>0</v>
      </c>
      <c r="H56" s="68">
        <v>24</v>
      </c>
      <c r="I56" s="68">
        <v>14</v>
      </c>
      <c r="J56" s="68">
        <v>10</v>
      </c>
      <c r="K56" s="67">
        <v>16</v>
      </c>
      <c r="L56" s="79">
        <v>8</v>
      </c>
      <c r="M56" s="80">
        <v>8</v>
      </c>
    </row>
    <row r="57" spans="1:13">
      <c r="A57" s="15" t="s">
        <v>104</v>
      </c>
      <c r="B57" s="67">
        <v>0</v>
      </c>
      <c r="C57" s="68">
        <v>0</v>
      </c>
      <c r="D57" s="68">
        <v>0</v>
      </c>
      <c r="E57" s="67">
        <v>0</v>
      </c>
      <c r="F57" s="68">
        <v>0</v>
      </c>
      <c r="G57" s="69">
        <v>0</v>
      </c>
      <c r="H57" s="68">
        <v>28</v>
      </c>
      <c r="I57" s="68">
        <v>15</v>
      </c>
      <c r="J57" s="68">
        <v>13</v>
      </c>
      <c r="K57" s="67">
        <v>28</v>
      </c>
      <c r="L57" s="79">
        <v>15</v>
      </c>
      <c r="M57" s="80">
        <v>13</v>
      </c>
    </row>
    <row r="58" spans="1:13">
      <c r="A58" s="15" t="s">
        <v>106</v>
      </c>
      <c r="B58" s="67">
        <v>-1</v>
      </c>
      <c r="C58" s="68">
        <v>-2</v>
      </c>
      <c r="D58" s="68">
        <v>1</v>
      </c>
      <c r="E58" s="67">
        <v>0</v>
      </c>
      <c r="F58" s="68">
        <v>0</v>
      </c>
      <c r="G58" s="69">
        <v>0</v>
      </c>
      <c r="H58" s="68">
        <v>28</v>
      </c>
      <c r="I58" s="68">
        <v>18</v>
      </c>
      <c r="J58" s="68">
        <v>10</v>
      </c>
      <c r="K58" s="67">
        <v>29</v>
      </c>
      <c r="L58" s="79">
        <v>20</v>
      </c>
      <c r="M58" s="80">
        <v>9</v>
      </c>
    </row>
    <row r="59" spans="1:13">
      <c r="A59" s="15" t="s">
        <v>108</v>
      </c>
      <c r="B59" s="67">
        <v>5</v>
      </c>
      <c r="C59" s="68">
        <v>1</v>
      </c>
      <c r="D59" s="68">
        <v>4</v>
      </c>
      <c r="E59" s="67">
        <v>1</v>
      </c>
      <c r="F59" s="68">
        <v>0</v>
      </c>
      <c r="G59" s="69">
        <v>1</v>
      </c>
      <c r="H59" s="68">
        <v>33</v>
      </c>
      <c r="I59" s="68">
        <v>17</v>
      </c>
      <c r="J59" s="68">
        <v>16</v>
      </c>
      <c r="K59" s="67">
        <v>27</v>
      </c>
      <c r="L59" s="79">
        <v>16</v>
      </c>
      <c r="M59" s="80">
        <v>11</v>
      </c>
    </row>
    <row r="60" spans="1:13" ht="21" customHeight="1">
      <c r="A60" s="36" t="s">
        <v>110</v>
      </c>
      <c r="B60" s="64">
        <v>20</v>
      </c>
      <c r="C60" s="65">
        <v>19</v>
      </c>
      <c r="D60" s="65">
        <v>1</v>
      </c>
      <c r="E60" s="64">
        <v>4</v>
      </c>
      <c r="F60" s="65">
        <v>2</v>
      </c>
      <c r="G60" s="66">
        <v>2</v>
      </c>
      <c r="H60" s="65">
        <v>135</v>
      </c>
      <c r="I60" s="65">
        <v>89</v>
      </c>
      <c r="J60" s="65">
        <v>46</v>
      </c>
      <c r="K60" s="64">
        <v>111</v>
      </c>
      <c r="L60" s="77">
        <v>68</v>
      </c>
      <c r="M60" s="78">
        <v>43</v>
      </c>
    </row>
    <row r="61" spans="1:13">
      <c r="A61" s="15" t="s">
        <v>112</v>
      </c>
      <c r="B61" s="67">
        <v>5</v>
      </c>
      <c r="C61" s="68">
        <v>5</v>
      </c>
      <c r="D61" s="68">
        <v>0</v>
      </c>
      <c r="E61" s="67">
        <v>1</v>
      </c>
      <c r="F61" s="68">
        <v>1</v>
      </c>
      <c r="G61" s="69">
        <v>0</v>
      </c>
      <c r="H61" s="68">
        <v>24</v>
      </c>
      <c r="I61" s="68">
        <v>16</v>
      </c>
      <c r="J61" s="68">
        <v>8</v>
      </c>
      <c r="K61" s="67">
        <v>18</v>
      </c>
      <c r="L61" s="79">
        <v>10</v>
      </c>
      <c r="M61" s="80">
        <v>8</v>
      </c>
    </row>
    <row r="62" spans="1:13">
      <c r="A62" s="15" t="s">
        <v>114</v>
      </c>
      <c r="B62" s="67">
        <v>0</v>
      </c>
      <c r="C62" s="68">
        <v>1</v>
      </c>
      <c r="D62" s="68">
        <v>-1</v>
      </c>
      <c r="E62" s="67">
        <v>0</v>
      </c>
      <c r="F62" s="68">
        <v>0</v>
      </c>
      <c r="G62" s="69">
        <v>0</v>
      </c>
      <c r="H62" s="68">
        <v>24</v>
      </c>
      <c r="I62" s="68">
        <v>16</v>
      </c>
      <c r="J62" s="68">
        <v>8</v>
      </c>
      <c r="K62" s="67">
        <v>24</v>
      </c>
      <c r="L62" s="79">
        <v>15</v>
      </c>
      <c r="M62" s="80">
        <v>9</v>
      </c>
    </row>
    <row r="63" spans="1:13">
      <c r="A63" s="15" t="s">
        <v>116</v>
      </c>
      <c r="B63" s="67">
        <v>-1</v>
      </c>
      <c r="C63" s="68">
        <v>-1</v>
      </c>
      <c r="D63" s="68">
        <v>0</v>
      </c>
      <c r="E63" s="67">
        <v>0</v>
      </c>
      <c r="F63" s="68">
        <v>0</v>
      </c>
      <c r="G63" s="69">
        <v>0</v>
      </c>
      <c r="H63" s="68">
        <v>20</v>
      </c>
      <c r="I63" s="68">
        <v>12</v>
      </c>
      <c r="J63" s="68">
        <v>8</v>
      </c>
      <c r="K63" s="67">
        <v>21</v>
      </c>
      <c r="L63" s="79">
        <v>13</v>
      </c>
      <c r="M63" s="80">
        <v>8</v>
      </c>
    </row>
    <row r="64" spans="1:13">
      <c r="A64" s="15" t="s">
        <v>118</v>
      </c>
      <c r="B64" s="67">
        <v>18</v>
      </c>
      <c r="C64" s="68">
        <v>12</v>
      </c>
      <c r="D64" s="68">
        <v>6</v>
      </c>
      <c r="E64" s="67">
        <v>3</v>
      </c>
      <c r="F64" s="68">
        <v>1</v>
      </c>
      <c r="G64" s="69">
        <v>2</v>
      </c>
      <c r="H64" s="68">
        <v>39</v>
      </c>
      <c r="I64" s="68">
        <v>27</v>
      </c>
      <c r="J64" s="68">
        <v>12</v>
      </c>
      <c r="K64" s="67">
        <v>18</v>
      </c>
      <c r="L64" s="79">
        <v>14</v>
      </c>
      <c r="M64" s="80">
        <v>4</v>
      </c>
    </row>
    <row r="65" spans="1:13">
      <c r="A65" s="19" t="s">
        <v>120</v>
      </c>
      <c r="B65" s="70">
        <v>-2</v>
      </c>
      <c r="C65" s="71">
        <v>2</v>
      </c>
      <c r="D65" s="71">
        <v>-4</v>
      </c>
      <c r="E65" s="70">
        <v>0</v>
      </c>
      <c r="F65" s="71">
        <v>0</v>
      </c>
      <c r="G65" s="72">
        <v>0</v>
      </c>
      <c r="H65" s="71">
        <v>28</v>
      </c>
      <c r="I65" s="71">
        <v>18</v>
      </c>
      <c r="J65" s="71">
        <v>10</v>
      </c>
      <c r="K65" s="70">
        <v>30</v>
      </c>
      <c r="L65" s="81">
        <v>16</v>
      </c>
      <c r="M65" s="82">
        <v>14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307</v>
      </c>
      <c r="C69" s="50">
        <v>156</v>
      </c>
      <c r="D69" s="84">
        <v>151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5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7</v>
      </c>
      <c r="C75" s="65">
        <v>4</v>
      </c>
      <c r="D75" s="65">
        <v>3</v>
      </c>
      <c r="E75" s="64">
        <v>9</v>
      </c>
      <c r="F75" s="65">
        <v>5</v>
      </c>
      <c r="G75" s="66">
        <v>4</v>
      </c>
      <c r="H75" s="65">
        <v>92</v>
      </c>
      <c r="I75" s="65">
        <v>56</v>
      </c>
      <c r="J75" s="65">
        <v>36</v>
      </c>
      <c r="K75" s="64">
        <v>76</v>
      </c>
      <c r="L75" s="77">
        <v>47</v>
      </c>
      <c r="M75" s="78">
        <v>29</v>
      </c>
    </row>
    <row r="76" spans="1:13">
      <c r="A76" s="27" t="s">
        <v>5</v>
      </c>
      <c r="B76" s="67">
        <v>11</v>
      </c>
      <c r="C76" s="68">
        <v>8</v>
      </c>
      <c r="D76" s="68">
        <v>3</v>
      </c>
      <c r="E76" s="67">
        <v>1</v>
      </c>
      <c r="F76" s="68">
        <v>1</v>
      </c>
      <c r="G76" s="69">
        <v>0</v>
      </c>
      <c r="H76" s="68">
        <v>27</v>
      </c>
      <c r="I76" s="68">
        <v>18</v>
      </c>
      <c r="J76" s="68">
        <v>9</v>
      </c>
      <c r="K76" s="67">
        <v>15</v>
      </c>
      <c r="L76" s="79">
        <v>9</v>
      </c>
      <c r="M76" s="80">
        <v>6</v>
      </c>
    </row>
    <row r="77" spans="1:13">
      <c r="A77" s="27" t="s">
        <v>7</v>
      </c>
      <c r="B77" s="67">
        <v>7</v>
      </c>
      <c r="C77" s="68">
        <v>-1</v>
      </c>
      <c r="D77" s="68">
        <v>8</v>
      </c>
      <c r="E77" s="67">
        <v>1</v>
      </c>
      <c r="F77" s="68">
        <v>0</v>
      </c>
      <c r="G77" s="69">
        <v>1</v>
      </c>
      <c r="H77" s="68">
        <v>19</v>
      </c>
      <c r="I77" s="68">
        <v>8</v>
      </c>
      <c r="J77" s="68">
        <v>11</v>
      </c>
      <c r="K77" s="67">
        <v>11</v>
      </c>
      <c r="L77" s="79">
        <v>9</v>
      </c>
      <c r="M77" s="80">
        <v>2</v>
      </c>
    </row>
    <row r="78" spans="1:13">
      <c r="A78" s="27" t="s">
        <v>9</v>
      </c>
      <c r="B78" s="67">
        <v>4</v>
      </c>
      <c r="C78" s="68">
        <v>1</v>
      </c>
      <c r="D78" s="68">
        <v>3</v>
      </c>
      <c r="E78" s="67">
        <v>1</v>
      </c>
      <c r="F78" s="68">
        <v>1</v>
      </c>
      <c r="G78" s="69">
        <v>0</v>
      </c>
      <c r="H78" s="68">
        <v>16</v>
      </c>
      <c r="I78" s="68">
        <v>9</v>
      </c>
      <c r="J78" s="68">
        <v>7</v>
      </c>
      <c r="K78" s="67">
        <v>11</v>
      </c>
      <c r="L78" s="79">
        <v>7</v>
      </c>
      <c r="M78" s="80">
        <v>4</v>
      </c>
    </row>
    <row r="79" spans="1:13">
      <c r="A79" s="27" t="s">
        <v>11</v>
      </c>
      <c r="B79" s="67">
        <v>-10</v>
      </c>
      <c r="C79" s="68">
        <v>-5</v>
      </c>
      <c r="D79" s="68">
        <v>-5</v>
      </c>
      <c r="E79" s="67">
        <v>3</v>
      </c>
      <c r="F79" s="68">
        <v>3</v>
      </c>
      <c r="G79" s="69">
        <v>0</v>
      </c>
      <c r="H79" s="68">
        <v>15</v>
      </c>
      <c r="I79" s="68">
        <v>10</v>
      </c>
      <c r="J79" s="68">
        <v>5</v>
      </c>
      <c r="K79" s="67">
        <v>22</v>
      </c>
      <c r="L79" s="79">
        <v>12</v>
      </c>
      <c r="M79" s="80">
        <v>10</v>
      </c>
    </row>
    <row r="80" spans="1:13">
      <c r="A80" s="27" t="s">
        <v>13</v>
      </c>
      <c r="B80" s="67">
        <v>-5</v>
      </c>
      <c r="C80" s="68">
        <v>1</v>
      </c>
      <c r="D80" s="68">
        <v>-6</v>
      </c>
      <c r="E80" s="67">
        <v>3</v>
      </c>
      <c r="F80" s="68">
        <v>0</v>
      </c>
      <c r="G80" s="69">
        <v>3</v>
      </c>
      <c r="H80" s="68">
        <v>15</v>
      </c>
      <c r="I80" s="68">
        <v>11</v>
      </c>
      <c r="J80" s="68">
        <v>4</v>
      </c>
      <c r="K80" s="67">
        <v>17</v>
      </c>
      <c r="L80" s="79">
        <v>10</v>
      </c>
      <c r="M80" s="80">
        <v>7</v>
      </c>
    </row>
    <row r="81" spans="1:13" ht="21" customHeight="1">
      <c r="A81" s="38" t="s">
        <v>15</v>
      </c>
      <c r="B81" s="64">
        <v>1</v>
      </c>
      <c r="C81" s="65">
        <v>8</v>
      </c>
      <c r="D81" s="65">
        <v>-7</v>
      </c>
      <c r="E81" s="64">
        <v>7</v>
      </c>
      <c r="F81" s="65">
        <v>3</v>
      </c>
      <c r="G81" s="66">
        <v>4</v>
      </c>
      <c r="H81" s="65">
        <v>73</v>
      </c>
      <c r="I81" s="65">
        <v>40</v>
      </c>
      <c r="J81" s="65">
        <v>33</v>
      </c>
      <c r="K81" s="64">
        <v>65</v>
      </c>
      <c r="L81" s="77">
        <v>29</v>
      </c>
      <c r="M81" s="78">
        <v>36</v>
      </c>
    </row>
    <row r="82" spans="1:13">
      <c r="A82" s="27" t="s">
        <v>17</v>
      </c>
      <c r="B82" s="67">
        <v>-3</v>
      </c>
      <c r="C82" s="68">
        <v>3</v>
      </c>
      <c r="D82" s="68">
        <v>-6</v>
      </c>
      <c r="E82" s="67">
        <v>0</v>
      </c>
      <c r="F82" s="68">
        <v>0</v>
      </c>
      <c r="G82" s="69">
        <v>0</v>
      </c>
      <c r="H82" s="68">
        <v>17</v>
      </c>
      <c r="I82" s="68">
        <v>13</v>
      </c>
      <c r="J82" s="68">
        <v>4</v>
      </c>
      <c r="K82" s="67">
        <v>20</v>
      </c>
      <c r="L82" s="79">
        <v>10</v>
      </c>
      <c r="M82" s="80">
        <v>10</v>
      </c>
    </row>
    <row r="83" spans="1:13">
      <c r="A83" s="27" t="s">
        <v>19</v>
      </c>
      <c r="B83" s="67">
        <v>4</v>
      </c>
      <c r="C83" s="68">
        <v>1</v>
      </c>
      <c r="D83" s="68">
        <v>3</v>
      </c>
      <c r="E83" s="67">
        <v>1</v>
      </c>
      <c r="F83" s="68">
        <v>0</v>
      </c>
      <c r="G83" s="69">
        <v>1</v>
      </c>
      <c r="H83" s="68">
        <v>16</v>
      </c>
      <c r="I83" s="68">
        <v>6</v>
      </c>
      <c r="J83" s="68">
        <v>10</v>
      </c>
      <c r="K83" s="67">
        <v>11</v>
      </c>
      <c r="L83" s="79">
        <v>5</v>
      </c>
      <c r="M83" s="80">
        <v>6</v>
      </c>
    </row>
    <row r="84" spans="1:13">
      <c r="A84" s="27" t="s">
        <v>21</v>
      </c>
      <c r="B84" s="67">
        <v>3</v>
      </c>
      <c r="C84" s="68">
        <v>7</v>
      </c>
      <c r="D84" s="68">
        <v>-4</v>
      </c>
      <c r="E84" s="67">
        <v>1</v>
      </c>
      <c r="F84" s="68">
        <v>1</v>
      </c>
      <c r="G84" s="69">
        <v>0</v>
      </c>
      <c r="H84" s="68">
        <v>16</v>
      </c>
      <c r="I84" s="68">
        <v>11</v>
      </c>
      <c r="J84" s="68">
        <v>5</v>
      </c>
      <c r="K84" s="67">
        <v>12</v>
      </c>
      <c r="L84" s="79">
        <v>3</v>
      </c>
      <c r="M84" s="80">
        <v>9</v>
      </c>
    </row>
    <row r="85" spans="1:13">
      <c r="A85" s="27" t="s">
        <v>23</v>
      </c>
      <c r="B85" s="67">
        <v>-3</v>
      </c>
      <c r="C85" s="68">
        <v>-2</v>
      </c>
      <c r="D85" s="68">
        <v>-1</v>
      </c>
      <c r="E85" s="67">
        <v>1</v>
      </c>
      <c r="F85" s="68">
        <v>0</v>
      </c>
      <c r="G85" s="69">
        <v>1</v>
      </c>
      <c r="H85" s="68">
        <v>8</v>
      </c>
      <c r="I85" s="68">
        <v>3</v>
      </c>
      <c r="J85" s="68">
        <v>5</v>
      </c>
      <c r="K85" s="67">
        <v>10</v>
      </c>
      <c r="L85" s="79">
        <v>5</v>
      </c>
      <c r="M85" s="80">
        <v>5</v>
      </c>
    </row>
    <row r="86" spans="1:13">
      <c r="A86" s="27" t="s">
        <v>25</v>
      </c>
      <c r="B86" s="67">
        <v>0</v>
      </c>
      <c r="C86" s="68">
        <v>-1</v>
      </c>
      <c r="D86" s="68">
        <v>1</v>
      </c>
      <c r="E86" s="67">
        <v>4</v>
      </c>
      <c r="F86" s="68">
        <v>2</v>
      </c>
      <c r="G86" s="69">
        <v>2</v>
      </c>
      <c r="H86" s="68">
        <v>16</v>
      </c>
      <c r="I86" s="68">
        <v>7</v>
      </c>
      <c r="J86" s="68">
        <v>9</v>
      </c>
      <c r="K86" s="67">
        <v>12</v>
      </c>
      <c r="L86" s="79">
        <v>6</v>
      </c>
      <c r="M86" s="80">
        <v>6</v>
      </c>
    </row>
    <row r="87" spans="1:13" ht="21" customHeight="1">
      <c r="A87" s="38" t="s">
        <v>27</v>
      </c>
      <c r="B87" s="64">
        <v>-4</v>
      </c>
      <c r="C87" s="65">
        <v>-8</v>
      </c>
      <c r="D87" s="65">
        <v>4</v>
      </c>
      <c r="E87" s="64">
        <v>7</v>
      </c>
      <c r="F87" s="65">
        <v>7</v>
      </c>
      <c r="G87" s="66">
        <v>0</v>
      </c>
      <c r="H87" s="65">
        <v>44</v>
      </c>
      <c r="I87" s="65">
        <v>24</v>
      </c>
      <c r="J87" s="65">
        <v>20</v>
      </c>
      <c r="K87" s="64">
        <v>41</v>
      </c>
      <c r="L87" s="77">
        <v>25</v>
      </c>
      <c r="M87" s="78">
        <v>16</v>
      </c>
    </row>
    <row r="88" spans="1:13">
      <c r="A88" s="27" t="s">
        <v>29</v>
      </c>
      <c r="B88" s="67">
        <v>1</v>
      </c>
      <c r="C88" s="68">
        <v>-2</v>
      </c>
      <c r="D88" s="68">
        <v>3</v>
      </c>
      <c r="E88" s="67">
        <v>0</v>
      </c>
      <c r="F88" s="68">
        <v>0</v>
      </c>
      <c r="G88" s="69">
        <v>0</v>
      </c>
      <c r="H88" s="68">
        <v>11</v>
      </c>
      <c r="I88" s="68">
        <v>6</v>
      </c>
      <c r="J88" s="68">
        <v>5</v>
      </c>
      <c r="K88" s="67">
        <v>10</v>
      </c>
      <c r="L88" s="79">
        <v>8</v>
      </c>
      <c r="M88" s="80">
        <v>2</v>
      </c>
    </row>
    <row r="89" spans="1:13">
      <c r="A89" s="27" t="s">
        <v>31</v>
      </c>
      <c r="B89" s="67">
        <v>-3</v>
      </c>
      <c r="C89" s="68">
        <v>-3</v>
      </c>
      <c r="D89" s="68">
        <v>0</v>
      </c>
      <c r="E89" s="67">
        <v>0</v>
      </c>
      <c r="F89" s="68">
        <v>0</v>
      </c>
      <c r="G89" s="69">
        <v>0</v>
      </c>
      <c r="H89" s="68">
        <v>5</v>
      </c>
      <c r="I89" s="68">
        <v>2</v>
      </c>
      <c r="J89" s="68">
        <v>3</v>
      </c>
      <c r="K89" s="67">
        <v>8</v>
      </c>
      <c r="L89" s="79">
        <v>5</v>
      </c>
      <c r="M89" s="80">
        <v>3</v>
      </c>
    </row>
    <row r="90" spans="1:13">
      <c r="A90" s="27" t="s">
        <v>33</v>
      </c>
      <c r="B90" s="67">
        <v>1</v>
      </c>
      <c r="C90" s="68">
        <v>-1</v>
      </c>
      <c r="D90" s="68">
        <v>2</v>
      </c>
      <c r="E90" s="67">
        <v>2</v>
      </c>
      <c r="F90" s="68">
        <v>2</v>
      </c>
      <c r="G90" s="69">
        <v>0</v>
      </c>
      <c r="H90" s="68">
        <v>11</v>
      </c>
      <c r="I90" s="68">
        <v>6</v>
      </c>
      <c r="J90" s="68">
        <v>5</v>
      </c>
      <c r="K90" s="67">
        <v>8</v>
      </c>
      <c r="L90" s="79">
        <v>5</v>
      </c>
      <c r="M90" s="80">
        <v>3</v>
      </c>
    </row>
    <row r="91" spans="1:13">
      <c r="A91" s="27" t="s">
        <v>35</v>
      </c>
      <c r="B91" s="67">
        <v>3</v>
      </c>
      <c r="C91" s="68">
        <v>3</v>
      </c>
      <c r="D91" s="68">
        <v>0</v>
      </c>
      <c r="E91" s="67">
        <v>2</v>
      </c>
      <c r="F91" s="68">
        <v>2</v>
      </c>
      <c r="G91" s="69">
        <v>0</v>
      </c>
      <c r="H91" s="68">
        <v>13</v>
      </c>
      <c r="I91" s="68">
        <v>8</v>
      </c>
      <c r="J91" s="68">
        <v>5</v>
      </c>
      <c r="K91" s="67">
        <v>8</v>
      </c>
      <c r="L91" s="79">
        <v>3</v>
      </c>
      <c r="M91" s="80">
        <v>5</v>
      </c>
    </row>
    <row r="92" spans="1:13">
      <c r="A92" s="27" t="s">
        <v>37</v>
      </c>
      <c r="B92" s="67">
        <v>-6</v>
      </c>
      <c r="C92" s="68">
        <v>-5</v>
      </c>
      <c r="D92" s="68">
        <v>-1</v>
      </c>
      <c r="E92" s="67">
        <v>3</v>
      </c>
      <c r="F92" s="68">
        <v>3</v>
      </c>
      <c r="G92" s="69">
        <v>0</v>
      </c>
      <c r="H92" s="68">
        <v>4</v>
      </c>
      <c r="I92" s="68">
        <v>2</v>
      </c>
      <c r="J92" s="68">
        <v>2</v>
      </c>
      <c r="K92" s="67">
        <v>7</v>
      </c>
      <c r="L92" s="79">
        <v>4</v>
      </c>
      <c r="M92" s="80">
        <v>3</v>
      </c>
    </row>
    <row r="93" spans="1:13" ht="21" customHeight="1">
      <c r="A93" s="38" t="s">
        <v>39</v>
      </c>
      <c r="B93" s="64">
        <v>-7</v>
      </c>
      <c r="C93" s="65">
        <v>5</v>
      </c>
      <c r="D93" s="65">
        <v>-12</v>
      </c>
      <c r="E93" s="64">
        <v>14</v>
      </c>
      <c r="F93" s="65">
        <v>5</v>
      </c>
      <c r="G93" s="66">
        <v>9</v>
      </c>
      <c r="H93" s="65">
        <v>37</v>
      </c>
      <c r="I93" s="65">
        <v>25</v>
      </c>
      <c r="J93" s="65">
        <v>12</v>
      </c>
      <c r="K93" s="64">
        <v>30</v>
      </c>
      <c r="L93" s="77">
        <v>15</v>
      </c>
      <c r="M93" s="78">
        <v>15</v>
      </c>
    </row>
    <row r="94" spans="1:13">
      <c r="A94" s="27" t="s">
        <v>41</v>
      </c>
      <c r="B94" s="67">
        <v>6</v>
      </c>
      <c r="C94" s="68">
        <v>6</v>
      </c>
      <c r="D94" s="68">
        <v>0</v>
      </c>
      <c r="E94" s="67">
        <v>1</v>
      </c>
      <c r="F94" s="68">
        <v>1</v>
      </c>
      <c r="G94" s="69">
        <v>0</v>
      </c>
      <c r="H94" s="68">
        <v>14</v>
      </c>
      <c r="I94" s="68">
        <v>10</v>
      </c>
      <c r="J94" s="68">
        <v>4</v>
      </c>
      <c r="K94" s="67">
        <v>7</v>
      </c>
      <c r="L94" s="79">
        <v>3</v>
      </c>
      <c r="M94" s="80">
        <v>4</v>
      </c>
    </row>
    <row r="95" spans="1:13">
      <c r="A95" s="27" t="s">
        <v>43</v>
      </c>
      <c r="B95" s="67">
        <v>-4</v>
      </c>
      <c r="C95" s="68">
        <v>0</v>
      </c>
      <c r="D95" s="68">
        <v>-4</v>
      </c>
      <c r="E95" s="67">
        <v>2</v>
      </c>
      <c r="F95" s="68">
        <v>1</v>
      </c>
      <c r="G95" s="69">
        <v>1</v>
      </c>
      <c r="H95" s="68">
        <v>6</v>
      </c>
      <c r="I95" s="68">
        <v>5</v>
      </c>
      <c r="J95" s="68">
        <v>1</v>
      </c>
      <c r="K95" s="67">
        <v>8</v>
      </c>
      <c r="L95" s="79">
        <v>4</v>
      </c>
      <c r="M95" s="80">
        <v>4</v>
      </c>
    </row>
    <row r="96" spans="1:13">
      <c r="A96" s="27" t="s">
        <v>45</v>
      </c>
      <c r="B96" s="67">
        <v>-2</v>
      </c>
      <c r="C96" s="68">
        <v>0</v>
      </c>
      <c r="D96" s="68">
        <v>-2</v>
      </c>
      <c r="E96" s="67">
        <v>4</v>
      </c>
      <c r="F96" s="68">
        <v>1</v>
      </c>
      <c r="G96" s="69">
        <v>3</v>
      </c>
      <c r="H96" s="68">
        <v>8</v>
      </c>
      <c r="I96" s="68">
        <v>3</v>
      </c>
      <c r="J96" s="68">
        <v>5</v>
      </c>
      <c r="K96" s="67">
        <v>6</v>
      </c>
      <c r="L96" s="79">
        <v>2</v>
      </c>
      <c r="M96" s="80">
        <v>4</v>
      </c>
    </row>
    <row r="97" spans="1:13">
      <c r="A97" s="27" t="s">
        <v>47</v>
      </c>
      <c r="B97" s="67">
        <v>-3</v>
      </c>
      <c r="C97" s="68">
        <v>0</v>
      </c>
      <c r="D97" s="68">
        <v>-3</v>
      </c>
      <c r="E97" s="67">
        <v>2</v>
      </c>
      <c r="F97" s="68">
        <v>0</v>
      </c>
      <c r="G97" s="69">
        <v>2</v>
      </c>
      <c r="H97" s="68">
        <v>4</v>
      </c>
      <c r="I97" s="68">
        <v>4</v>
      </c>
      <c r="J97" s="68">
        <v>0</v>
      </c>
      <c r="K97" s="67">
        <v>5</v>
      </c>
      <c r="L97" s="79">
        <v>4</v>
      </c>
      <c r="M97" s="80">
        <v>1</v>
      </c>
    </row>
    <row r="98" spans="1:13">
      <c r="A98" s="27" t="s">
        <v>49</v>
      </c>
      <c r="B98" s="67">
        <v>-4</v>
      </c>
      <c r="C98" s="68">
        <v>-1</v>
      </c>
      <c r="D98" s="68">
        <v>-3</v>
      </c>
      <c r="E98" s="67">
        <v>5</v>
      </c>
      <c r="F98" s="68">
        <v>2</v>
      </c>
      <c r="G98" s="69">
        <v>3</v>
      </c>
      <c r="H98" s="68">
        <v>5</v>
      </c>
      <c r="I98" s="68">
        <v>3</v>
      </c>
      <c r="J98" s="68">
        <v>2</v>
      </c>
      <c r="K98" s="67">
        <v>4</v>
      </c>
      <c r="L98" s="79">
        <v>2</v>
      </c>
      <c r="M98" s="80">
        <v>2</v>
      </c>
    </row>
    <row r="99" spans="1:13" ht="21" customHeight="1">
      <c r="A99" s="38" t="s">
        <v>51</v>
      </c>
      <c r="B99" s="64">
        <v>-60</v>
      </c>
      <c r="C99" s="65">
        <v>-43</v>
      </c>
      <c r="D99" s="65">
        <v>-17</v>
      </c>
      <c r="E99" s="64">
        <v>60</v>
      </c>
      <c r="F99" s="65">
        <v>41</v>
      </c>
      <c r="G99" s="66">
        <v>19</v>
      </c>
      <c r="H99" s="65">
        <v>34</v>
      </c>
      <c r="I99" s="65">
        <v>17</v>
      </c>
      <c r="J99" s="65">
        <v>17</v>
      </c>
      <c r="K99" s="64">
        <v>34</v>
      </c>
      <c r="L99" s="77">
        <v>19</v>
      </c>
      <c r="M99" s="78">
        <v>15</v>
      </c>
    </row>
    <row r="100" spans="1:13">
      <c r="A100" s="27" t="s">
        <v>53</v>
      </c>
      <c r="B100" s="67">
        <v>-8</v>
      </c>
      <c r="C100" s="68">
        <v>-4</v>
      </c>
      <c r="D100" s="68">
        <v>-4</v>
      </c>
      <c r="E100" s="67">
        <v>8</v>
      </c>
      <c r="F100" s="68">
        <v>5</v>
      </c>
      <c r="G100" s="69">
        <v>3</v>
      </c>
      <c r="H100" s="68">
        <v>6</v>
      </c>
      <c r="I100" s="68">
        <v>3</v>
      </c>
      <c r="J100" s="68">
        <v>3</v>
      </c>
      <c r="K100" s="67">
        <v>6</v>
      </c>
      <c r="L100" s="79">
        <v>2</v>
      </c>
      <c r="M100" s="80">
        <v>4</v>
      </c>
    </row>
    <row r="101" spans="1:13">
      <c r="A101" s="27" t="s">
        <v>55</v>
      </c>
      <c r="B101" s="67">
        <v>-17</v>
      </c>
      <c r="C101" s="68">
        <v>-9</v>
      </c>
      <c r="D101" s="68">
        <v>-8</v>
      </c>
      <c r="E101" s="67">
        <v>14</v>
      </c>
      <c r="F101" s="68">
        <v>9</v>
      </c>
      <c r="G101" s="69">
        <v>5</v>
      </c>
      <c r="H101" s="68">
        <v>4</v>
      </c>
      <c r="I101" s="68">
        <v>3</v>
      </c>
      <c r="J101" s="68">
        <v>1</v>
      </c>
      <c r="K101" s="67">
        <v>7</v>
      </c>
      <c r="L101" s="79">
        <v>3</v>
      </c>
      <c r="M101" s="80">
        <v>4</v>
      </c>
    </row>
    <row r="102" spans="1:13">
      <c r="A102" s="27" t="s">
        <v>57</v>
      </c>
      <c r="B102" s="67">
        <v>-7</v>
      </c>
      <c r="C102" s="68">
        <v>-6</v>
      </c>
      <c r="D102" s="68">
        <v>-1</v>
      </c>
      <c r="E102" s="67">
        <v>8</v>
      </c>
      <c r="F102" s="68">
        <v>5</v>
      </c>
      <c r="G102" s="69">
        <v>3</v>
      </c>
      <c r="H102" s="68">
        <v>7</v>
      </c>
      <c r="I102" s="68">
        <v>4</v>
      </c>
      <c r="J102" s="68">
        <v>3</v>
      </c>
      <c r="K102" s="67">
        <v>6</v>
      </c>
      <c r="L102" s="79">
        <v>5</v>
      </c>
      <c r="M102" s="80">
        <v>1</v>
      </c>
    </row>
    <row r="103" spans="1:13">
      <c r="A103" s="27" t="s">
        <v>59</v>
      </c>
      <c r="B103" s="67">
        <v>-17</v>
      </c>
      <c r="C103" s="68">
        <v>-11</v>
      </c>
      <c r="D103" s="68">
        <v>-6</v>
      </c>
      <c r="E103" s="67">
        <v>14</v>
      </c>
      <c r="F103" s="68">
        <v>9</v>
      </c>
      <c r="G103" s="69">
        <v>5</v>
      </c>
      <c r="H103" s="68">
        <v>5</v>
      </c>
      <c r="I103" s="68">
        <v>3</v>
      </c>
      <c r="J103" s="68">
        <v>2</v>
      </c>
      <c r="K103" s="67">
        <v>8</v>
      </c>
      <c r="L103" s="79">
        <v>5</v>
      </c>
      <c r="M103" s="80">
        <v>3</v>
      </c>
    </row>
    <row r="104" spans="1:13">
      <c r="A104" s="27" t="s">
        <v>61</v>
      </c>
      <c r="B104" s="67">
        <v>-11</v>
      </c>
      <c r="C104" s="68">
        <v>-13</v>
      </c>
      <c r="D104" s="68">
        <v>2</v>
      </c>
      <c r="E104" s="67">
        <v>16</v>
      </c>
      <c r="F104" s="68">
        <v>13</v>
      </c>
      <c r="G104" s="69">
        <v>3</v>
      </c>
      <c r="H104" s="68">
        <v>12</v>
      </c>
      <c r="I104" s="68">
        <v>4</v>
      </c>
      <c r="J104" s="68">
        <v>8</v>
      </c>
      <c r="K104" s="67">
        <v>7</v>
      </c>
      <c r="L104" s="79">
        <v>4</v>
      </c>
      <c r="M104" s="80">
        <v>3</v>
      </c>
    </row>
    <row r="105" spans="1:13" ht="21" customHeight="1">
      <c r="A105" s="38" t="s">
        <v>63</v>
      </c>
      <c r="B105" s="64">
        <v>-65</v>
      </c>
      <c r="C105" s="65">
        <v>-39</v>
      </c>
      <c r="D105" s="65">
        <v>-26</v>
      </c>
      <c r="E105" s="64">
        <v>62</v>
      </c>
      <c r="F105" s="65">
        <v>38</v>
      </c>
      <c r="G105" s="66">
        <v>24</v>
      </c>
      <c r="H105" s="65">
        <v>24</v>
      </c>
      <c r="I105" s="65">
        <v>8</v>
      </c>
      <c r="J105" s="65">
        <v>16</v>
      </c>
      <c r="K105" s="64">
        <v>27</v>
      </c>
      <c r="L105" s="77">
        <v>9</v>
      </c>
      <c r="M105" s="78">
        <v>18</v>
      </c>
    </row>
    <row r="106" spans="1:13">
      <c r="A106" s="27" t="s">
        <v>65</v>
      </c>
      <c r="B106" s="67">
        <v>-9</v>
      </c>
      <c r="C106" s="68">
        <v>-5</v>
      </c>
      <c r="D106" s="68">
        <v>-4</v>
      </c>
      <c r="E106" s="67">
        <v>9</v>
      </c>
      <c r="F106" s="68">
        <v>5</v>
      </c>
      <c r="G106" s="69">
        <v>4</v>
      </c>
      <c r="H106" s="68">
        <v>6</v>
      </c>
      <c r="I106" s="68">
        <v>2</v>
      </c>
      <c r="J106" s="68">
        <v>4</v>
      </c>
      <c r="K106" s="67">
        <v>6</v>
      </c>
      <c r="L106" s="79">
        <v>2</v>
      </c>
      <c r="M106" s="80">
        <v>4</v>
      </c>
    </row>
    <row r="107" spans="1:13">
      <c r="A107" s="27" t="s">
        <v>67</v>
      </c>
      <c r="B107" s="67">
        <v>-15</v>
      </c>
      <c r="C107" s="68">
        <v>-13</v>
      </c>
      <c r="D107" s="68">
        <v>-2</v>
      </c>
      <c r="E107" s="67">
        <v>14</v>
      </c>
      <c r="F107" s="68">
        <v>11</v>
      </c>
      <c r="G107" s="69">
        <v>3</v>
      </c>
      <c r="H107" s="68">
        <v>5</v>
      </c>
      <c r="I107" s="68">
        <v>2</v>
      </c>
      <c r="J107" s="68">
        <v>3</v>
      </c>
      <c r="K107" s="67">
        <v>6</v>
      </c>
      <c r="L107" s="79">
        <v>4</v>
      </c>
      <c r="M107" s="80">
        <v>2</v>
      </c>
    </row>
    <row r="108" spans="1:13">
      <c r="A108" s="27" t="s">
        <v>69</v>
      </c>
      <c r="B108" s="67">
        <v>-12</v>
      </c>
      <c r="C108" s="68">
        <v>-6</v>
      </c>
      <c r="D108" s="68">
        <v>-6</v>
      </c>
      <c r="E108" s="67">
        <v>10</v>
      </c>
      <c r="F108" s="68">
        <v>6</v>
      </c>
      <c r="G108" s="69">
        <v>4</v>
      </c>
      <c r="H108" s="68">
        <v>3</v>
      </c>
      <c r="I108" s="68">
        <v>0</v>
      </c>
      <c r="J108" s="68">
        <v>3</v>
      </c>
      <c r="K108" s="67">
        <v>5</v>
      </c>
      <c r="L108" s="79">
        <v>0</v>
      </c>
      <c r="M108" s="80">
        <v>5</v>
      </c>
    </row>
    <row r="109" spans="1:13">
      <c r="A109" s="27" t="s">
        <v>71</v>
      </c>
      <c r="B109" s="67">
        <v>-21</v>
      </c>
      <c r="C109" s="68">
        <v>-11</v>
      </c>
      <c r="D109" s="68">
        <v>-10</v>
      </c>
      <c r="E109" s="67">
        <v>20</v>
      </c>
      <c r="F109" s="68">
        <v>10</v>
      </c>
      <c r="G109" s="69">
        <v>10</v>
      </c>
      <c r="H109" s="68">
        <v>4</v>
      </c>
      <c r="I109" s="68">
        <v>1</v>
      </c>
      <c r="J109" s="68">
        <v>3</v>
      </c>
      <c r="K109" s="67">
        <v>5</v>
      </c>
      <c r="L109" s="79">
        <v>2</v>
      </c>
      <c r="M109" s="80">
        <v>3</v>
      </c>
    </row>
    <row r="110" spans="1:13">
      <c r="A110" s="27" t="s">
        <v>73</v>
      </c>
      <c r="B110" s="67">
        <v>-8</v>
      </c>
      <c r="C110" s="68">
        <v>-4</v>
      </c>
      <c r="D110" s="68">
        <v>-4</v>
      </c>
      <c r="E110" s="67">
        <v>9</v>
      </c>
      <c r="F110" s="68">
        <v>6</v>
      </c>
      <c r="G110" s="69">
        <v>3</v>
      </c>
      <c r="H110" s="68">
        <v>6</v>
      </c>
      <c r="I110" s="68">
        <v>3</v>
      </c>
      <c r="J110" s="68">
        <v>3</v>
      </c>
      <c r="K110" s="67">
        <v>5</v>
      </c>
      <c r="L110" s="79">
        <v>1</v>
      </c>
      <c r="M110" s="80">
        <v>4</v>
      </c>
    </row>
    <row r="111" spans="1:13" ht="21" customHeight="1">
      <c r="A111" s="38" t="s">
        <v>75</v>
      </c>
      <c r="B111" s="64">
        <v>-122</v>
      </c>
      <c r="C111" s="65">
        <v>-68</v>
      </c>
      <c r="D111" s="65">
        <v>-54</v>
      </c>
      <c r="E111" s="64">
        <v>114</v>
      </c>
      <c r="F111" s="65">
        <v>63</v>
      </c>
      <c r="G111" s="66">
        <v>51</v>
      </c>
      <c r="H111" s="65">
        <v>14</v>
      </c>
      <c r="I111" s="65">
        <v>5</v>
      </c>
      <c r="J111" s="65">
        <v>9</v>
      </c>
      <c r="K111" s="64">
        <v>22</v>
      </c>
      <c r="L111" s="77">
        <v>10</v>
      </c>
      <c r="M111" s="78">
        <v>12</v>
      </c>
    </row>
    <row r="112" spans="1:13">
      <c r="A112" s="27" t="s">
        <v>77</v>
      </c>
      <c r="B112" s="67">
        <v>-27</v>
      </c>
      <c r="C112" s="68">
        <v>-16</v>
      </c>
      <c r="D112" s="68">
        <v>-11</v>
      </c>
      <c r="E112" s="67">
        <v>26</v>
      </c>
      <c r="F112" s="68">
        <v>15</v>
      </c>
      <c r="G112" s="69">
        <v>11</v>
      </c>
      <c r="H112" s="68">
        <v>3</v>
      </c>
      <c r="I112" s="68">
        <v>2</v>
      </c>
      <c r="J112" s="68">
        <v>1</v>
      </c>
      <c r="K112" s="67">
        <v>4</v>
      </c>
      <c r="L112" s="79">
        <v>3</v>
      </c>
      <c r="M112" s="80">
        <v>1</v>
      </c>
    </row>
    <row r="113" spans="1:13">
      <c r="A113" s="27" t="s">
        <v>79</v>
      </c>
      <c r="B113" s="67">
        <v>-28</v>
      </c>
      <c r="C113" s="68">
        <v>-16</v>
      </c>
      <c r="D113" s="68">
        <v>-12</v>
      </c>
      <c r="E113" s="67">
        <v>21</v>
      </c>
      <c r="F113" s="68">
        <v>13</v>
      </c>
      <c r="G113" s="69">
        <v>8</v>
      </c>
      <c r="H113" s="68">
        <v>2</v>
      </c>
      <c r="I113" s="68">
        <v>1</v>
      </c>
      <c r="J113" s="68">
        <v>1</v>
      </c>
      <c r="K113" s="67">
        <v>9</v>
      </c>
      <c r="L113" s="79">
        <v>4</v>
      </c>
      <c r="M113" s="80">
        <v>5</v>
      </c>
    </row>
    <row r="114" spans="1:13">
      <c r="A114" s="27" t="s">
        <v>81</v>
      </c>
      <c r="B114" s="67">
        <v>-18</v>
      </c>
      <c r="C114" s="68">
        <v>-13</v>
      </c>
      <c r="D114" s="68">
        <v>-5</v>
      </c>
      <c r="E114" s="67">
        <v>23</v>
      </c>
      <c r="F114" s="68">
        <v>14</v>
      </c>
      <c r="G114" s="69">
        <v>9</v>
      </c>
      <c r="H114" s="68">
        <v>6</v>
      </c>
      <c r="I114" s="68">
        <v>1</v>
      </c>
      <c r="J114" s="68">
        <v>5</v>
      </c>
      <c r="K114" s="67">
        <v>1</v>
      </c>
      <c r="L114" s="79">
        <v>0</v>
      </c>
      <c r="M114" s="80">
        <v>1</v>
      </c>
    </row>
    <row r="115" spans="1:13">
      <c r="A115" s="27" t="s">
        <v>83</v>
      </c>
      <c r="B115" s="67">
        <v>-27</v>
      </c>
      <c r="C115" s="68">
        <v>-9</v>
      </c>
      <c r="D115" s="68">
        <v>-18</v>
      </c>
      <c r="E115" s="67">
        <v>26</v>
      </c>
      <c r="F115" s="68">
        <v>9</v>
      </c>
      <c r="G115" s="69">
        <v>17</v>
      </c>
      <c r="H115" s="68">
        <v>1</v>
      </c>
      <c r="I115" s="68">
        <v>0</v>
      </c>
      <c r="J115" s="68">
        <v>1</v>
      </c>
      <c r="K115" s="67">
        <v>2</v>
      </c>
      <c r="L115" s="79">
        <v>0</v>
      </c>
      <c r="M115" s="80">
        <v>2</v>
      </c>
    </row>
    <row r="116" spans="1:13">
      <c r="A116" s="27" t="s">
        <v>85</v>
      </c>
      <c r="B116" s="67">
        <v>-22</v>
      </c>
      <c r="C116" s="68">
        <v>-14</v>
      </c>
      <c r="D116" s="68">
        <v>-8</v>
      </c>
      <c r="E116" s="67">
        <v>18</v>
      </c>
      <c r="F116" s="68">
        <v>12</v>
      </c>
      <c r="G116" s="69">
        <v>6</v>
      </c>
      <c r="H116" s="68">
        <v>2</v>
      </c>
      <c r="I116" s="68">
        <v>1</v>
      </c>
      <c r="J116" s="68">
        <v>1</v>
      </c>
      <c r="K116" s="67">
        <v>6</v>
      </c>
      <c r="L116" s="79">
        <v>3</v>
      </c>
      <c r="M116" s="80">
        <v>3</v>
      </c>
    </row>
    <row r="117" spans="1:13" ht="21" customHeight="1">
      <c r="A117" s="38" t="s">
        <v>87</v>
      </c>
      <c r="B117" s="64">
        <v>-116</v>
      </c>
      <c r="C117" s="65">
        <v>-64</v>
      </c>
      <c r="D117" s="65">
        <v>-52</v>
      </c>
      <c r="E117" s="64">
        <v>111</v>
      </c>
      <c r="F117" s="65">
        <v>64</v>
      </c>
      <c r="G117" s="66">
        <v>47</v>
      </c>
      <c r="H117" s="65">
        <v>17</v>
      </c>
      <c r="I117" s="65">
        <v>5</v>
      </c>
      <c r="J117" s="65">
        <v>12</v>
      </c>
      <c r="K117" s="64">
        <v>22</v>
      </c>
      <c r="L117" s="77">
        <v>5</v>
      </c>
      <c r="M117" s="78">
        <v>17</v>
      </c>
    </row>
    <row r="118" spans="1:13">
      <c r="A118" s="27" t="s">
        <v>89</v>
      </c>
      <c r="B118" s="67">
        <v>-23</v>
      </c>
      <c r="C118" s="68">
        <v>-13</v>
      </c>
      <c r="D118" s="68">
        <v>-10</v>
      </c>
      <c r="E118" s="67">
        <v>24</v>
      </c>
      <c r="F118" s="68">
        <v>15</v>
      </c>
      <c r="G118" s="69">
        <v>9</v>
      </c>
      <c r="H118" s="68">
        <v>6</v>
      </c>
      <c r="I118" s="68">
        <v>2</v>
      </c>
      <c r="J118" s="68">
        <v>4</v>
      </c>
      <c r="K118" s="67">
        <v>5</v>
      </c>
      <c r="L118" s="79">
        <v>0</v>
      </c>
      <c r="M118" s="80">
        <v>5</v>
      </c>
    </row>
    <row r="119" spans="1:13">
      <c r="A119" s="27" t="s">
        <v>91</v>
      </c>
      <c r="B119" s="67">
        <v>-21</v>
      </c>
      <c r="C119" s="68">
        <v>-10</v>
      </c>
      <c r="D119" s="68">
        <v>-11</v>
      </c>
      <c r="E119" s="67">
        <v>20</v>
      </c>
      <c r="F119" s="68">
        <v>11</v>
      </c>
      <c r="G119" s="69">
        <v>9</v>
      </c>
      <c r="H119" s="68">
        <v>5</v>
      </c>
      <c r="I119" s="68">
        <v>3</v>
      </c>
      <c r="J119" s="68">
        <v>2</v>
      </c>
      <c r="K119" s="67">
        <v>6</v>
      </c>
      <c r="L119" s="79">
        <v>2</v>
      </c>
      <c r="M119" s="80">
        <v>4</v>
      </c>
    </row>
    <row r="120" spans="1:13">
      <c r="A120" s="27" t="s">
        <v>93</v>
      </c>
      <c r="B120" s="67">
        <v>-25</v>
      </c>
      <c r="C120" s="68">
        <v>-13</v>
      </c>
      <c r="D120" s="68">
        <v>-12</v>
      </c>
      <c r="E120" s="67">
        <v>25</v>
      </c>
      <c r="F120" s="68">
        <v>13</v>
      </c>
      <c r="G120" s="69">
        <v>12</v>
      </c>
      <c r="H120" s="68">
        <v>4</v>
      </c>
      <c r="I120" s="68">
        <v>0</v>
      </c>
      <c r="J120" s="68">
        <v>4</v>
      </c>
      <c r="K120" s="67">
        <v>4</v>
      </c>
      <c r="L120" s="79">
        <v>0</v>
      </c>
      <c r="M120" s="80">
        <v>4</v>
      </c>
    </row>
    <row r="121" spans="1:13">
      <c r="A121" s="27" t="s">
        <v>95</v>
      </c>
      <c r="B121" s="67">
        <v>-16</v>
      </c>
      <c r="C121" s="68">
        <v>-9</v>
      </c>
      <c r="D121" s="68">
        <v>-7</v>
      </c>
      <c r="E121" s="67">
        <v>14</v>
      </c>
      <c r="F121" s="68">
        <v>8</v>
      </c>
      <c r="G121" s="69">
        <v>6</v>
      </c>
      <c r="H121" s="68">
        <v>0</v>
      </c>
      <c r="I121" s="68">
        <v>0</v>
      </c>
      <c r="J121" s="68">
        <v>0</v>
      </c>
      <c r="K121" s="67">
        <v>2</v>
      </c>
      <c r="L121" s="79">
        <v>1</v>
      </c>
      <c r="M121" s="80">
        <v>1</v>
      </c>
    </row>
    <row r="122" spans="1:13">
      <c r="A122" s="27" t="s">
        <v>97</v>
      </c>
      <c r="B122" s="67">
        <v>-31</v>
      </c>
      <c r="C122" s="68">
        <v>-19</v>
      </c>
      <c r="D122" s="68">
        <v>-12</v>
      </c>
      <c r="E122" s="67">
        <v>28</v>
      </c>
      <c r="F122" s="68">
        <v>17</v>
      </c>
      <c r="G122" s="69">
        <v>11</v>
      </c>
      <c r="H122" s="68">
        <v>2</v>
      </c>
      <c r="I122" s="68">
        <v>0</v>
      </c>
      <c r="J122" s="68">
        <v>2</v>
      </c>
      <c r="K122" s="67">
        <v>5</v>
      </c>
      <c r="L122" s="79">
        <v>2</v>
      </c>
      <c r="M122" s="80">
        <v>3</v>
      </c>
    </row>
    <row r="123" spans="1:13" ht="21" customHeight="1">
      <c r="A123" s="38" t="s">
        <v>99</v>
      </c>
      <c r="B123" s="64">
        <v>-67</v>
      </c>
      <c r="C123" s="65">
        <v>-27</v>
      </c>
      <c r="D123" s="65">
        <v>-40</v>
      </c>
      <c r="E123" s="64">
        <v>73</v>
      </c>
      <c r="F123" s="65">
        <v>28</v>
      </c>
      <c r="G123" s="66">
        <v>45</v>
      </c>
      <c r="H123" s="65">
        <v>16</v>
      </c>
      <c r="I123" s="65">
        <v>2</v>
      </c>
      <c r="J123" s="65">
        <v>14</v>
      </c>
      <c r="K123" s="64">
        <v>10</v>
      </c>
      <c r="L123" s="77">
        <v>1</v>
      </c>
      <c r="M123" s="78">
        <v>9</v>
      </c>
    </row>
    <row r="124" spans="1:13">
      <c r="A124" s="27" t="s">
        <v>101</v>
      </c>
      <c r="B124" s="67">
        <v>-17</v>
      </c>
      <c r="C124" s="68">
        <v>-5</v>
      </c>
      <c r="D124" s="68">
        <v>-12</v>
      </c>
      <c r="E124" s="67">
        <v>16</v>
      </c>
      <c r="F124" s="68">
        <v>5</v>
      </c>
      <c r="G124" s="69">
        <v>11</v>
      </c>
      <c r="H124" s="68">
        <v>2</v>
      </c>
      <c r="I124" s="68">
        <v>0</v>
      </c>
      <c r="J124" s="68">
        <v>2</v>
      </c>
      <c r="K124" s="67">
        <v>3</v>
      </c>
      <c r="L124" s="79">
        <v>0</v>
      </c>
      <c r="M124" s="80">
        <v>3</v>
      </c>
    </row>
    <row r="125" spans="1:13">
      <c r="A125" s="27" t="s">
        <v>103</v>
      </c>
      <c r="B125" s="67">
        <v>-13</v>
      </c>
      <c r="C125" s="68">
        <v>-3</v>
      </c>
      <c r="D125" s="68">
        <v>-10</v>
      </c>
      <c r="E125" s="67">
        <v>14</v>
      </c>
      <c r="F125" s="68">
        <v>5</v>
      </c>
      <c r="G125" s="69">
        <v>9</v>
      </c>
      <c r="H125" s="68">
        <v>5</v>
      </c>
      <c r="I125" s="68">
        <v>2</v>
      </c>
      <c r="J125" s="68">
        <v>3</v>
      </c>
      <c r="K125" s="67">
        <v>4</v>
      </c>
      <c r="L125" s="79">
        <v>0</v>
      </c>
      <c r="M125" s="80">
        <v>4</v>
      </c>
    </row>
    <row r="126" spans="1:13">
      <c r="A126" s="27" t="s">
        <v>105</v>
      </c>
      <c r="B126" s="67">
        <v>-16</v>
      </c>
      <c r="C126" s="68">
        <v>-7</v>
      </c>
      <c r="D126" s="68">
        <v>-9</v>
      </c>
      <c r="E126" s="67">
        <v>17</v>
      </c>
      <c r="F126" s="68">
        <v>6</v>
      </c>
      <c r="G126" s="69">
        <v>11</v>
      </c>
      <c r="H126" s="68">
        <v>4</v>
      </c>
      <c r="I126" s="68">
        <v>0</v>
      </c>
      <c r="J126" s="68">
        <v>4</v>
      </c>
      <c r="K126" s="67">
        <v>3</v>
      </c>
      <c r="L126" s="79">
        <v>1</v>
      </c>
      <c r="M126" s="80">
        <v>2</v>
      </c>
    </row>
    <row r="127" spans="1:13">
      <c r="A127" s="27" t="s">
        <v>107</v>
      </c>
      <c r="B127" s="67">
        <v>-12</v>
      </c>
      <c r="C127" s="68">
        <v>-7</v>
      </c>
      <c r="D127" s="68">
        <v>-5</v>
      </c>
      <c r="E127" s="67">
        <v>15</v>
      </c>
      <c r="F127" s="68">
        <v>7</v>
      </c>
      <c r="G127" s="69">
        <v>8</v>
      </c>
      <c r="H127" s="68">
        <v>3</v>
      </c>
      <c r="I127" s="68">
        <v>0</v>
      </c>
      <c r="J127" s="68">
        <v>3</v>
      </c>
      <c r="K127" s="67">
        <v>0</v>
      </c>
      <c r="L127" s="79">
        <v>0</v>
      </c>
      <c r="M127" s="80">
        <v>0</v>
      </c>
    </row>
    <row r="128" spans="1:13">
      <c r="A128" s="27" t="s">
        <v>109</v>
      </c>
      <c r="B128" s="67">
        <v>-9</v>
      </c>
      <c r="C128" s="68">
        <v>-5</v>
      </c>
      <c r="D128" s="68">
        <v>-4</v>
      </c>
      <c r="E128" s="67">
        <v>11</v>
      </c>
      <c r="F128" s="68">
        <v>5</v>
      </c>
      <c r="G128" s="69">
        <v>6</v>
      </c>
      <c r="H128" s="68">
        <v>2</v>
      </c>
      <c r="I128" s="68">
        <v>0</v>
      </c>
      <c r="J128" s="68">
        <v>2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31</v>
      </c>
      <c r="C129" s="65">
        <v>-9</v>
      </c>
      <c r="D129" s="65">
        <v>-22</v>
      </c>
      <c r="E129" s="64">
        <v>33</v>
      </c>
      <c r="F129" s="65">
        <v>9</v>
      </c>
      <c r="G129" s="66">
        <v>24</v>
      </c>
      <c r="H129" s="65">
        <v>5</v>
      </c>
      <c r="I129" s="65">
        <v>1</v>
      </c>
      <c r="J129" s="65">
        <v>4</v>
      </c>
      <c r="K129" s="64">
        <v>3</v>
      </c>
      <c r="L129" s="77">
        <v>1</v>
      </c>
      <c r="M129" s="78">
        <v>2</v>
      </c>
    </row>
    <row r="130" spans="1:14">
      <c r="A130" s="27" t="s">
        <v>113</v>
      </c>
      <c r="B130" s="67">
        <v>-8</v>
      </c>
      <c r="C130" s="68">
        <v>-3</v>
      </c>
      <c r="D130" s="68">
        <v>-5</v>
      </c>
      <c r="E130" s="67">
        <v>10</v>
      </c>
      <c r="F130" s="68">
        <v>4</v>
      </c>
      <c r="G130" s="69">
        <v>6</v>
      </c>
      <c r="H130" s="68">
        <v>3</v>
      </c>
      <c r="I130" s="68">
        <v>1</v>
      </c>
      <c r="J130" s="68">
        <v>2</v>
      </c>
      <c r="K130" s="67">
        <v>1</v>
      </c>
      <c r="L130" s="79">
        <v>0</v>
      </c>
      <c r="M130" s="80">
        <v>1</v>
      </c>
    </row>
    <row r="131" spans="1:14">
      <c r="A131" s="27" t="s">
        <v>115</v>
      </c>
      <c r="B131" s="67">
        <v>-5</v>
      </c>
      <c r="C131" s="68">
        <v>-3</v>
      </c>
      <c r="D131" s="68">
        <v>-2</v>
      </c>
      <c r="E131" s="67">
        <v>4</v>
      </c>
      <c r="F131" s="68">
        <v>2</v>
      </c>
      <c r="G131" s="69">
        <v>2</v>
      </c>
      <c r="H131" s="68">
        <v>1</v>
      </c>
      <c r="I131" s="68">
        <v>0</v>
      </c>
      <c r="J131" s="68">
        <v>1</v>
      </c>
      <c r="K131" s="67">
        <v>2</v>
      </c>
      <c r="L131" s="79">
        <v>1</v>
      </c>
      <c r="M131" s="80">
        <v>1</v>
      </c>
    </row>
    <row r="132" spans="1:14">
      <c r="A132" s="27" t="s">
        <v>117</v>
      </c>
      <c r="B132" s="67">
        <v>-10</v>
      </c>
      <c r="C132" s="68">
        <v>-2</v>
      </c>
      <c r="D132" s="68">
        <v>-8</v>
      </c>
      <c r="E132" s="67">
        <v>10</v>
      </c>
      <c r="F132" s="68">
        <v>2</v>
      </c>
      <c r="G132" s="69">
        <v>8</v>
      </c>
      <c r="H132" s="68">
        <v>0</v>
      </c>
      <c r="I132" s="68">
        <v>0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3</v>
      </c>
      <c r="C133" s="68">
        <v>-1</v>
      </c>
      <c r="D133" s="68">
        <v>-2</v>
      </c>
      <c r="E133" s="67">
        <v>4</v>
      </c>
      <c r="F133" s="68">
        <v>1</v>
      </c>
      <c r="G133" s="69">
        <v>3</v>
      </c>
      <c r="H133" s="68">
        <v>1</v>
      </c>
      <c r="I133" s="68">
        <v>0</v>
      </c>
      <c r="J133" s="68">
        <v>1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5</v>
      </c>
      <c r="C134" s="68">
        <v>0</v>
      </c>
      <c r="D134" s="68">
        <v>-5</v>
      </c>
      <c r="E134" s="67">
        <v>5</v>
      </c>
      <c r="F134" s="68">
        <v>0</v>
      </c>
      <c r="G134" s="69">
        <v>5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12</v>
      </c>
      <c r="C135" s="40">
        <v>0</v>
      </c>
      <c r="D135" s="40">
        <v>-12</v>
      </c>
      <c r="E135" s="42">
        <v>12</v>
      </c>
      <c r="F135" s="40">
        <v>0</v>
      </c>
      <c r="G135" s="43">
        <v>12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6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1</v>
      </c>
      <c r="F3" s="54"/>
      <c r="G3" s="55"/>
      <c r="H3" s="53" t="s">
        <v>223</v>
      </c>
      <c r="I3" s="54"/>
      <c r="J3" s="55"/>
      <c r="K3" s="53" t="s">
        <v>227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199</v>
      </c>
      <c r="C5" s="62">
        <v>-137</v>
      </c>
      <c r="D5" s="62">
        <v>-62</v>
      </c>
      <c r="E5" s="61">
        <v>481</v>
      </c>
      <c r="F5" s="62">
        <v>254</v>
      </c>
      <c r="G5" s="63">
        <v>227</v>
      </c>
      <c r="H5" s="62">
        <v>1207</v>
      </c>
      <c r="I5" s="62">
        <v>621</v>
      </c>
      <c r="J5" s="62">
        <v>586</v>
      </c>
      <c r="K5" s="61">
        <v>1062</v>
      </c>
      <c r="L5" s="75">
        <v>576</v>
      </c>
      <c r="M5" s="76">
        <v>486</v>
      </c>
    </row>
    <row r="6" spans="1:13" ht="23.25" customHeight="1">
      <c r="A6" s="36" t="s">
        <v>2</v>
      </c>
      <c r="B6" s="64">
        <v>175</v>
      </c>
      <c r="C6" s="65">
        <v>94</v>
      </c>
      <c r="D6" s="65">
        <v>81</v>
      </c>
      <c r="E6" s="64">
        <v>0</v>
      </c>
      <c r="F6" s="65">
        <v>0</v>
      </c>
      <c r="G6" s="66">
        <v>0</v>
      </c>
      <c r="H6" s="65">
        <v>94</v>
      </c>
      <c r="I6" s="65">
        <v>55</v>
      </c>
      <c r="J6" s="65">
        <v>39</v>
      </c>
      <c r="K6" s="64">
        <v>56</v>
      </c>
      <c r="L6" s="77">
        <v>33</v>
      </c>
      <c r="M6" s="78">
        <v>23</v>
      </c>
    </row>
    <row r="7" spans="1:13">
      <c r="A7" s="15" t="s">
        <v>4</v>
      </c>
      <c r="B7" s="67">
        <v>154</v>
      </c>
      <c r="C7" s="68">
        <v>79</v>
      </c>
      <c r="D7" s="68">
        <v>75</v>
      </c>
      <c r="E7" s="67">
        <v>0</v>
      </c>
      <c r="F7" s="68">
        <v>0</v>
      </c>
      <c r="G7" s="69">
        <v>0</v>
      </c>
      <c r="H7" s="68">
        <v>31</v>
      </c>
      <c r="I7" s="68">
        <v>15</v>
      </c>
      <c r="J7" s="68">
        <v>16</v>
      </c>
      <c r="K7" s="67">
        <v>14</v>
      </c>
      <c r="L7" s="79">
        <v>8</v>
      </c>
      <c r="M7" s="80">
        <v>6</v>
      </c>
    </row>
    <row r="8" spans="1:13">
      <c r="A8" s="15" t="s">
        <v>6</v>
      </c>
      <c r="B8" s="67">
        <v>12</v>
      </c>
      <c r="C8" s="68">
        <v>10</v>
      </c>
      <c r="D8" s="68">
        <v>2</v>
      </c>
      <c r="E8" s="67">
        <v>0</v>
      </c>
      <c r="F8" s="68">
        <v>0</v>
      </c>
      <c r="G8" s="69">
        <v>0</v>
      </c>
      <c r="H8" s="68">
        <v>21</v>
      </c>
      <c r="I8" s="68">
        <v>15</v>
      </c>
      <c r="J8" s="68">
        <v>6</v>
      </c>
      <c r="K8" s="67">
        <v>9</v>
      </c>
      <c r="L8" s="79">
        <v>5</v>
      </c>
      <c r="M8" s="80">
        <v>4</v>
      </c>
    </row>
    <row r="9" spans="1:13">
      <c r="A9" s="15" t="s">
        <v>8</v>
      </c>
      <c r="B9" s="67">
        <v>-4</v>
      </c>
      <c r="C9" s="68">
        <v>-4</v>
      </c>
      <c r="D9" s="68">
        <v>0</v>
      </c>
      <c r="E9" s="67">
        <v>0</v>
      </c>
      <c r="F9" s="68">
        <v>0</v>
      </c>
      <c r="G9" s="69">
        <v>0</v>
      </c>
      <c r="H9" s="68">
        <v>10</v>
      </c>
      <c r="I9" s="68">
        <v>4</v>
      </c>
      <c r="J9" s="68">
        <v>6</v>
      </c>
      <c r="K9" s="67">
        <v>14</v>
      </c>
      <c r="L9" s="79">
        <v>8</v>
      </c>
      <c r="M9" s="80">
        <v>6</v>
      </c>
    </row>
    <row r="10" spans="1:13">
      <c r="A10" s="15" t="s">
        <v>10</v>
      </c>
      <c r="B10" s="67">
        <v>13</v>
      </c>
      <c r="C10" s="68">
        <v>12</v>
      </c>
      <c r="D10" s="68">
        <v>1</v>
      </c>
      <c r="E10" s="67">
        <v>0</v>
      </c>
      <c r="F10" s="68">
        <v>0</v>
      </c>
      <c r="G10" s="69">
        <v>0</v>
      </c>
      <c r="H10" s="68">
        <v>21</v>
      </c>
      <c r="I10" s="68">
        <v>17</v>
      </c>
      <c r="J10" s="68">
        <v>4</v>
      </c>
      <c r="K10" s="67">
        <v>8</v>
      </c>
      <c r="L10" s="79">
        <v>5</v>
      </c>
      <c r="M10" s="80">
        <v>3</v>
      </c>
    </row>
    <row r="11" spans="1:13">
      <c r="A11" s="15" t="s">
        <v>12</v>
      </c>
      <c r="B11" s="67">
        <v>0</v>
      </c>
      <c r="C11" s="68">
        <v>-3</v>
      </c>
      <c r="D11" s="68">
        <v>3</v>
      </c>
      <c r="E11" s="67">
        <v>0</v>
      </c>
      <c r="F11" s="68">
        <v>0</v>
      </c>
      <c r="G11" s="69">
        <v>0</v>
      </c>
      <c r="H11" s="68">
        <v>11</v>
      </c>
      <c r="I11" s="68">
        <v>4</v>
      </c>
      <c r="J11" s="68">
        <v>7</v>
      </c>
      <c r="K11" s="67">
        <v>11</v>
      </c>
      <c r="L11" s="79">
        <v>7</v>
      </c>
      <c r="M11" s="80">
        <v>4</v>
      </c>
    </row>
    <row r="12" spans="1:13" ht="21" customHeight="1">
      <c r="A12" s="36" t="s">
        <v>14</v>
      </c>
      <c r="B12" s="64">
        <v>26</v>
      </c>
      <c r="C12" s="65">
        <v>9</v>
      </c>
      <c r="D12" s="65">
        <v>17</v>
      </c>
      <c r="E12" s="64">
        <v>0</v>
      </c>
      <c r="F12" s="65">
        <v>0</v>
      </c>
      <c r="G12" s="66">
        <v>0</v>
      </c>
      <c r="H12" s="65">
        <v>53</v>
      </c>
      <c r="I12" s="65">
        <v>27</v>
      </c>
      <c r="J12" s="65">
        <v>26</v>
      </c>
      <c r="K12" s="64">
        <v>27</v>
      </c>
      <c r="L12" s="77">
        <v>18</v>
      </c>
      <c r="M12" s="78">
        <v>9</v>
      </c>
    </row>
    <row r="13" spans="1:13">
      <c r="A13" s="15" t="s">
        <v>16</v>
      </c>
      <c r="B13" s="67">
        <v>4</v>
      </c>
      <c r="C13" s="68">
        <v>2</v>
      </c>
      <c r="D13" s="68">
        <v>2</v>
      </c>
      <c r="E13" s="67">
        <v>0</v>
      </c>
      <c r="F13" s="68">
        <v>0</v>
      </c>
      <c r="G13" s="69">
        <v>0</v>
      </c>
      <c r="H13" s="68">
        <v>10</v>
      </c>
      <c r="I13" s="68">
        <v>7</v>
      </c>
      <c r="J13" s="68">
        <v>3</v>
      </c>
      <c r="K13" s="67">
        <v>6</v>
      </c>
      <c r="L13" s="79">
        <v>5</v>
      </c>
      <c r="M13" s="80">
        <v>1</v>
      </c>
    </row>
    <row r="14" spans="1:13">
      <c r="A14" s="15" t="s">
        <v>18</v>
      </c>
      <c r="B14" s="67">
        <v>15</v>
      </c>
      <c r="C14" s="68">
        <v>5</v>
      </c>
      <c r="D14" s="68">
        <v>10</v>
      </c>
      <c r="E14" s="67">
        <v>0</v>
      </c>
      <c r="F14" s="68">
        <v>0</v>
      </c>
      <c r="G14" s="69">
        <v>0</v>
      </c>
      <c r="H14" s="68">
        <v>23</v>
      </c>
      <c r="I14" s="68">
        <v>10</v>
      </c>
      <c r="J14" s="68">
        <v>13</v>
      </c>
      <c r="K14" s="67">
        <v>8</v>
      </c>
      <c r="L14" s="79">
        <v>5</v>
      </c>
      <c r="M14" s="80">
        <v>3</v>
      </c>
    </row>
    <row r="15" spans="1:13">
      <c r="A15" s="15" t="s">
        <v>20</v>
      </c>
      <c r="B15" s="67">
        <v>3</v>
      </c>
      <c r="C15" s="68">
        <v>3</v>
      </c>
      <c r="D15" s="68">
        <v>0</v>
      </c>
      <c r="E15" s="67">
        <v>0</v>
      </c>
      <c r="F15" s="68">
        <v>0</v>
      </c>
      <c r="G15" s="69">
        <v>0</v>
      </c>
      <c r="H15" s="68">
        <v>8</v>
      </c>
      <c r="I15" s="68">
        <v>5</v>
      </c>
      <c r="J15" s="68">
        <v>3</v>
      </c>
      <c r="K15" s="67">
        <v>5</v>
      </c>
      <c r="L15" s="79">
        <v>2</v>
      </c>
      <c r="M15" s="80">
        <v>3</v>
      </c>
    </row>
    <row r="16" spans="1:13">
      <c r="A16" s="15" t="s">
        <v>22</v>
      </c>
      <c r="B16" s="67">
        <v>1</v>
      </c>
      <c r="C16" s="68">
        <v>-1</v>
      </c>
      <c r="D16" s="68">
        <v>2</v>
      </c>
      <c r="E16" s="67">
        <v>0</v>
      </c>
      <c r="F16" s="68">
        <v>0</v>
      </c>
      <c r="G16" s="69">
        <v>0</v>
      </c>
      <c r="H16" s="68">
        <v>4</v>
      </c>
      <c r="I16" s="68">
        <v>1</v>
      </c>
      <c r="J16" s="68">
        <v>3</v>
      </c>
      <c r="K16" s="67">
        <v>3</v>
      </c>
      <c r="L16" s="79">
        <v>2</v>
      </c>
      <c r="M16" s="80">
        <v>1</v>
      </c>
    </row>
    <row r="17" spans="1:13">
      <c r="A17" s="15" t="s">
        <v>24</v>
      </c>
      <c r="B17" s="67">
        <v>3</v>
      </c>
      <c r="C17" s="68">
        <v>0</v>
      </c>
      <c r="D17" s="68">
        <v>3</v>
      </c>
      <c r="E17" s="67">
        <v>0</v>
      </c>
      <c r="F17" s="68">
        <v>0</v>
      </c>
      <c r="G17" s="69">
        <v>0</v>
      </c>
      <c r="H17" s="68">
        <v>8</v>
      </c>
      <c r="I17" s="68">
        <v>4</v>
      </c>
      <c r="J17" s="68">
        <v>4</v>
      </c>
      <c r="K17" s="67">
        <v>5</v>
      </c>
      <c r="L17" s="79">
        <v>4</v>
      </c>
      <c r="M17" s="80">
        <v>1</v>
      </c>
    </row>
    <row r="18" spans="1:13" ht="21" customHeight="1">
      <c r="A18" s="36" t="s">
        <v>26</v>
      </c>
      <c r="B18" s="64">
        <v>4</v>
      </c>
      <c r="C18" s="65">
        <v>1</v>
      </c>
      <c r="D18" s="65">
        <v>3</v>
      </c>
      <c r="E18" s="64">
        <v>0</v>
      </c>
      <c r="F18" s="65">
        <v>0</v>
      </c>
      <c r="G18" s="66">
        <v>0</v>
      </c>
      <c r="H18" s="65">
        <v>23</v>
      </c>
      <c r="I18" s="65">
        <v>10</v>
      </c>
      <c r="J18" s="65">
        <v>13</v>
      </c>
      <c r="K18" s="64">
        <v>19</v>
      </c>
      <c r="L18" s="77">
        <v>9</v>
      </c>
      <c r="M18" s="78">
        <v>10</v>
      </c>
    </row>
    <row r="19" spans="1:13">
      <c r="A19" s="15" t="s">
        <v>28</v>
      </c>
      <c r="B19" s="67">
        <v>1</v>
      </c>
      <c r="C19" s="68">
        <v>2</v>
      </c>
      <c r="D19" s="68">
        <v>-1</v>
      </c>
      <c r="E19" s="67">
        <v>0</v>
      </c>
      <c r="F19" s="68">
        <v>0</v>
      </c>
      <c r="G19" s="69">
        <v>0</v>
      </c>
      <c r="H19" s="68">
        <v>6</v>
      </c>
      <c r="I19" s="68">
        <v>3</v>
      </c>
      <c r="J19" s="68">
        <v>3</v>
      </c>
      <c r="K19" s="67">
        <v>5</v>
      </c>
      <c r="L19" s="79">
        <v>1</v>
      </c>
      <c r="M19" s="80">
        <v>4</v>
      </c>
    </row>
    <row r="20" spans="1:13">
      <c r="A20" s="15" t="s">
        <v>30</v>
      </c>
      <c r="B20" s="67">
        <v>2</v>
      </c>
      <c r="C20" s="68">
        <v>-1</v>
      </c>
      <c r="D20" s="68">
        <v>3</v>
      </c>
      <c r="E20" s="67">
        <v>0</v>
      </c>
      <c r="F20" s="68">
        <v>0</v>
      </c>
      <c r="G20" s="69">
        <v>0</v>
      </c>
      <c r="H20" s="68">
        <v>5</v>
      </c>
      <c r="I20" s="68">
        <v>1</v>
      </c>
      <c r="J20" s="68">
        <v>4</v>
      </c>
      <c r="K20" s="67">
        <v>3</v>
      </c>
      <c r="L20" s="79">
        <v>2</v>
      </c>
      <c r="M20" s="80">
        <v>1</v>
      </c>
    </row>
    <row r="21" spans="1:13">
      <c r="A21" s="15" t="s">
        <v>32</v>
      </c>
      <c r="B21" s="67">
        <v>3</v>
      </c>
      <c r="C21" s="68">
        <v>2</v>
      </c>
      <c r="D21" s="68">
        <v>1</v>
      </c>
      <c r="E21" s="67">
        <v>0</v>
      </c>
      <c r="F21" s="68">
        <v>0</v>
      </c>
      <c r="G21" s="69">
        <v>0</v>
      </c>
      <c r="H21" s="68">
        <v>6</v>
      </c>
      <c r="I21" s="68">
        <v>3</v>
      </c>
      <c r="J21" s="68">
        <v>3</v>
      </c>
      <c r="K21" s="67">
        <v>3</v>
      </c>
      <c r="L21" s="79">
        <v>1</v>
      </c>
      <c r="M21" s="80">
        <v>2</v>
      </c>
    </row>
    <row r="22" spans="1:13">
      <c r="A22" s="15" t="s">
        <v>34</v>
      </c>
      <c r="B22" s="67">
        <v>-2</v>
      </c>
      <c r="C22" s="68">
        <v>-1</v>
      </c>
      <c r="D22" s="68">
        <v>-1</v>
      </c>
      <c r="E22" s="67">
        <v>0</v>
      </c>
      <c r="F22" s="68">
        <v>0</v>
      </c>
      <c r="G22" s="69">
        <v>0</v>
      </c>
      <c r="H22" s="68">
        <v>2</v>
      </c>
      <c r="I22" s="68">
        <v>0</v>
      </c>
      <c r="J22" s="68">
        <v>2</v>
      </c>
      <c r="K22" s="67">
        <v>4</v>
      </c>
      <c r="L22" s="79">
        <v>1</v>
      </c>
      <c r="M22" s="80">
        <v>3</v>
      </c>
    </row>
    <row r="23" spans="1:13">
      <c r="A23" s="15" t="s">
        <v>36</v>
      </c>
      <c r="B23" s="67">
        <v>0</v>
      </c>
      <c r="C23" s="68">
        <v>-1</v>
      </c>
      <c r="D23" s="68">
        <v>1</v>
      </c>
      <c r="E23" s="67">
        <v>0</v>
      </c>
      <c r="F23" s="68">
        <v>0</v>
      </c>
      <c r="G23" s="69">
        <v>0</v>
      </c>
      <c r="H23" s="68">
        <v>4</v>
      </c>
      <c r="I23" s="68">
        <v>3</v>
      </c>
      <c r="J23" s="68">
        <v>1</v>
      </c>
      <c r="K23" s="67">
        <v>4</v>
      </c>
      <c r="L23" s="79">
        <v>4</v>
      </c>
      <c r="M23" s="80">
        <v>0</v>
      </c>
    </row>
    <row r="24" spans="1:13" ht="21" customHeight="1">
      <c r="A24" s="36" t="s">
        <v>38</v>
      </c>
      <c r="B24" s="64">
        <v>-16</v>
      </c>
      <c r="C24" s="65">
        <v>-9</v>
      </c>
      <c r="D24" s="65">
        <v>-7</v>
      </c>
      <c r="E24" s="64">
        <v>0</v>
      </c>
      <c r="F24" s="65">
        <v>0</v>
      </c>
      <c r="G24" s="66">
        <v>0</v>
      </c>
      <c r="H24" s="65">
        <v>37</v>
      </c>
      <c r="I24" s="65">
        <v>26</v>
      </c>
      <c r="J24" s="65">
        <v>11</v>
      </c>
      <c r="K24" s="64">
        <v>53</v>
      </c>
      <c r="L24" s="77">
        <v>35</v>
      </c>
      <c r="M24" s="78">
        <v>18</v>
      </c>
    </row>
    <row r="25" spans="1:13">
      <c r="A25" s="15" t="s">
        <v>40</v>
      </c>
      <c r="B25" s="67">
        <v>-3</v>
      </c>
      <c r="C25" s="68">
        <v>-3</v>
      </c>
      <c r="D25" s="68">
        <v>0</v>
      </c>
      <c r="E25" s="67">
        <v>0</v>
      </c>
      <c r="F25" s="68">
        <v>0</v>
      </c>
      <c r="G25" s="69">
        <v>0</v>
      </c>
      <c r="H25" s="68">
        <v>5</v>
      </c>
      <c r="I25" s="68">
        <v>4</v>
      </c>
      <c r="J25" s="68">
        <v>1</v>
      </c>
      <c r="K25" s="67">
        <v>8</v>
      </c>
      <c r="L25" s="79">
        <v>7</v>
      </c>
      <c r="M25" s="80">
        <v>1</v>
      </c>
    </row>
    <row r="26" spans="1:13">
      <c r="A26" s="15" t="s">
        <v>42</v>
      </c>
      <c r="B26" s="67">
        <v>0</v>
      </c>
      <c r="C26" s="68">
        <v>0</v>
      </c>
      <c r="D26" s="68">
        <v>0</v>
      </c>
      <c r="E26" s="67">
        <v>0</v>
      </c>
      <c r="F26" s="68">
        <v>0</v>
      </c>
      <c r="G26" s="69">
        <v>0</v>
      </c>
      <c r="H26" s="68">
        <v>3</v>
      </c>
      <c r="I26" s="68">
        <v>1</v>
      </c>
      <c r="J26" s="68">
        <v>2</v>
      </c>
      <c r="K26" s="67">
        <v>3</v>
      </c>
      <c r="L26" s="79">
        <v>1</v>
      </c>
      <c r="M26" s="80">
        <v>2</v>
      </c>
    </row>
    <row r="27" spans="1:13">
      <c r="A27" s="15" t="s">
        <v>44</v>
      </c>
      <c r="B27" s="67">
        <v>3</v>
      </c>
      <c r="C27" s="68">
        <v>4</v>
      </c>
      <c r="D27" s="68">
        <v>-1</v>
      </c>
      <c r="E27" s="67">
        <v>0</v>
      </c>
      <c r="F27" s="68">
        <v>0</v>
      </c>
      <c r="G27" s="69">
        <v>0</v>
      </c>
      <c r="H27" s="68">
        <v>5</v>
      </c>
      <c r="I27" s="68">
        <v>4</v>
      </c>
      <c r="J27" s="68">
        <v>1</v>
      </c>
      <c r="K27" s="67">
        <v>2</v>
      </c>
      <c r="L27" s="79">
        <v>0</v>
      </c>
      <c r="M27" s="80">
        <v>2</v>
      </c>
    </row>
    <row r="28" spans="1:13">
      <c r="A28" s="15" t="s">
        <v>46</v>
      </c>
      <c r="B28" s="67">
        <v>-13</v>
      </c>
      <c r="C28" s="68">
        <v>-9</v>
      </c>
      <c r="D28" s="68">
        <v>-4</v>
      </c>
      <c r="E28" s="67">
        <v>0</v>
      </c>
      <c r="F28" s="68">
        <v>0</v>
      </c>
      <c r="G28" s="69">
        <v>0</v>
      </c>
      <c r="H28" s="68">
        <v>12</v>
      </c>
      <c r="I28" s="68">
        <v>9</v>
      </c>
      <c r="J28" s="68">
        <v>3</v>
      </c>
      <c r="K28" s="67">
        <v>25</v>
      </c>
      <c r="L28" s="79">
        <v>18</v>
      </c>
      <c r="M28" s="80">
        <v>7</v>
      </c>
    </row>
    <row r="29" spans="1:13">
      <c r="A29" s="15" t="s">
        <v>48</v>
      </c>
      <c r="B29" s="67">
        <v>-3</v>
      </c>
      <c r="C29" s="68">
        <v>-1</v>
      </c>
      <c r="D29" s="68">
        <v>-2</v>
      </c>
      <c r="E29" s="67">
        <v>0</v>
      </c>
      <c r="F29" s="68">
        <v>0</v>
      </c>
      <c r="G29" s="69">
        <v>0</v>
      </c>
      <c r="H29" s="68">
        <v>12</v>
      </c>
      <c r="I29" s="68">
        <v>8</v>
      </c>
      <c r="J29" s="68">
        <v>4</v>
      </c>
      <c r="K29" s="67">
        <v>15</v>
      </c>
      <c r="L29" s="79">
        <v>9</v>
      </c>
      <c r="M29" s="80">
        <v>6</v>
      </c>
    </row>
    <row r="30" spans="1:13" ht="21" customHeight="1">
      <c r="A30" s="36" t="s">
        <v>50</v>
      </c>
      <c r="B30" s="64">
        <v>-52</v>
      </c>
      <c r="C30" s="65">
        <v>-26</v>
      </c>
      <c r="D30" s="65">
        <v>-26</v>
      </c>
      <c r="E30" s="64">
        <v>0</v>
      </c>
      <c r="F30" s="65">
        <v>0</v>
      </c>
      <c r="G30" s="66">
        <v>0</v>
      </c>
      <c r="H30" s="65">
        <v>115</v>
      </c>
      <c r="I30" s="65">
        <v>71</v>
      </c>
      <c r="J30" s="65">
        <v>44</v>
      </c>
      <c r="K30" s="64">
        <v>167</v>
      </c>
      <c r="L30" s="77">
        <v>97</v>
      </c>
      <c r="M30" s="78">
        <v>70</v>
      </c>
    </row>
    <row r="31" spans="1:13">
      <c r="A31" s="15" t="s">
        <v>52</v>
      </c>
      <c r="B31" s="67">
        <v>2</v>
      </c>
      <c r="C31" s="68">
        <v>1</v>
      </c>
      <c r="D31" s="68">
        <v>1</v>
      </c>
      <c r="E31" s="67">
        <v>0</v>
      </c>
      <c r="F31" s="68">
        <v>0</v>
      </c>
      <c r="G31" s="69">
        <v>0</v>
      </c>
      <c r="H31" s="68">
        <v>24</v>
      </c>
      <c r="I31" s="68">
        <v>13</v>
      </c>
      <c r="J31" s="68">
        <v>11</v>
      </c>
      <c r="K31" s="67">
        <v>22</v>
      </c>
      <c r="L31" s="79">
        <v>12</v>
      </c>
      <c r="M31" s="80">
        <v>10</v>
      </c>
    </row>
    <row r="32" spans="1:13">
      <c r="A32" s="15" t="s">
        <v>54</v>
      </c>
      <c r="B32" s="67">
        <v>-12</v>
      </c>
      <c r="C32" s="68">
        <v>-6</v>
      </c>
      <c r="D32" s="68">
        <v>-6</v>
      </c>
      <c r="E32" s="67">
        <v>0</v>
      </c>
      <c r="F32" s="68">
        <v>0</v>
      </c>
      <c r="G32" s="69">
        <v>0</v>
      </c>
      <c r="H32" s="68">
        <v>11</v>
      </c>
      <c r="I32" s="68">
        <v>8</v>
      </c>
      <c r="J32" s="68">
        <v>3</v>
      </c>
      <c r="K32" s="67">
        <v>23</v>
      </c>
      <c r="L32" s="79">
        <v>14</v>
      </c>
      <c r="M32" s="80">
        <v>9</v>
      </c>
    </row>
    <row r="33" spans="1:13">
      <c r="A33" s="15" t="s">
        <v>56</v>
      </c>
      <c r="B33" s="67">
        <v>-10</v>
      </c>
      <c r="C33" s="68">
        <v>-4</v>
      </c>
      <c r="D33" s="68">
        <v>-6</v>
      </c>
      <c r="E33" s="67">
        <v>0</v>
      </c>
      <c r="F33" s="68">
        <v>0</v>
      </c>
      <c r="G33" s="69">
        <v>0</v>
      </c>
      <c r="H33" s="68">
        <v>23</v>
      </c>
      <c r="I33" s="68">
        <v>13</v>
      </c>
      <c r="J33" s="68">
        <v>10</v>
      </c>
      <c r="K33" s="67">
        <v>33</v>
      </c>
      <c r="L33" s="79">
        <v>17</v>
      </c>
      <c r="M33" s="80">
        <v>16</v>
      </c>
    </row>
    <row r="34" spans="1:13">
      <c r="A34" s="15" t="s">
        <v>58</v>
      </c>
      <c r="B34" s="67">
        <v>-22</v>
      </c>
      <c r="C34" s="68">
        <v>-17</v>
      </c>
      <c r="D34" s="68">
        <v>-5</v>
      </c>
      <c r="E34" s="67">
        <v>0</v>
      </c>
      <c r="F34" s="68">
        <v>0</v>
      </c>
      <c r="G34" s="69">
        <v>0</v>
      </c>
      <c r="H34" s="68">
        <v>17</v>
      </c>
      <c r="I34" s="68">
        <v>7</v>
      </c>
      <c r="J34" s="68">
        <v>10</v>
      </c>
      <c r="K34" s="67">
        <v>39</v>
      </c>
      <c r="L34" s="79">
        <v>24</v>
      </c>
      <c r="M34" s="80">
        <v>15</v>
      </c>
    </row>
    <row r="35" spans="1:13">
      <c r="A35" s="15" t="s">
        <v>60</v>
      </c>
      <c r="B35" s="67">
        <v>-10</v>
      </c>
      <c r="C35" s="68">
        <v>0</v>
      </c>
      <c r="D35" s="68">
        <v>-10</v>
      </c>
      <c r="E35" s="67">
        <v>0</v>
      </c>
      <c r="F35" s="68">
        <v>0</v>
      </c>
      <c r="G35" s="69">
        <v>0</v>
      </c>
      <c r="H35" s="68">
        <v>40</v>
      </c>
      <c r="I35" s="68">
        <v>30</v>
      </c>
      <c r="J35" s="68">
        <v>10</v>
      </c>
      <c r="K35" s="67">
        <v>50</v>
      </c>
      <c r="L35" s="79">
        <v>30</v>
      </c>
      <c r="M35" s="80">
        <v>20</v>
      </c>
    </row>
    <row r="36" spans="1:13" ht="21" customHeight="1">
      <c r="A36" s="36" t="s">
        <v>62</v>
      </c>
      <c r="B36" s="64">
        <v>-13</v>
      </c>
      <c r="C36" s="65">
        <v>-21</v>
      </c>
      <c r="D36" s="65">
        <v>8</v>
      </c>
      <c r="E36" s="64">
        <v>1</v>
      </c>
      <c r="F36" s="65">
        <v>1</v>
      </c>
      <c r="G36" s="66">
        <v>0</v>
      </c>
      <c r="H36" s="65">
        <v>157</v>
      </c>
      <c r="I36" s="65">
        <v>80</v>
      </c>
      <c r="J36" s="65">
        <v>77</v>
      </c>
      <c r="K36" s="64">
        <v>169</v>
      </c>
      <c r="L36" s="77">
        <v>100</v>
      </c>
      <c r="M36" s="78">
        <v>69</v>
      </c>
    </row>
    <row r="37" spans="1:13">
      <c r="A37" s="15" t="s">
        <v>64</v>
      </c>
      <c r="B37" s="67">
        <v>-4</v>
      </c>
      <c r="C37" s="68">
        <v>-2</v>
      </c>
      <c r="D37" s="68">
        <v>-2</v>
      </c>
      <c r="E37" s="67">
        <v>0</v>
      </c>
      <c r="F37" s="68">
        <v>0</v>
      </c>
      <c r="G37" s="69">
        <v>0</v>
      </c>
      <c r="H37" s="68">
        <v>36</v>
      </c>
      <c r="I37" s="68">
        <v>22</v>
      </c>
      <c r="J37" s="68">
        <v>14</v>
      </c>
      <c r="K37" s="67">
        <v>40</v>
      </c>
      <c r="L37" s="79">
        <v>24</v>
      </c>
      <c r="M37" s="80">
        <v>16</v>
      </c>
    </row>
    <row r="38" spans="1:13">
      <c r="A38" s="15" t="s">
        <v>66</v>
      </c>
      <c r="B38" s="67">
        <v>5</v>
      </c>
      <c r="C38" s="68">
        <v>-6</v>
      </c>
      <c r="D38" s="68">
        <v>11</v>
      </c>
      <c r="E38" s="67">
        <v>0</v>
      </c>
      <c r="F38" s="68">
        <v>0</v>
      </c>
      <c r="G38" s="69">
        <v>0</v>
      </c>
      <c r="H38" s="68">
        <v>30</v>
      </c>
      <c r="I38" s="68">
        <v>13</v>
      </c>
      <c r="J38" s="68">
        <v>17</v>
      </c>
      <c r="K38" s="67">
        <v>25</v>
      </c>
      <c r="L38" s="79">
        <v>19</v>
      </c>
      <c r="M38" s="80">
        <v>6</v>
      </c>
    </row>
    <row r="39" spans="1:13">
      <c r="A39" s="15" t="s">
        <v>68</v>
      </c>
      <c r="B39" s="67">
        <v>-11</v>
      </c>
      <c r="C39" s="68">
        <v>-11</v>
      </c>
      <c r="D39" s="68">
        <v>0</v>
      </c>
      <c r="E39" s="67">
        <v>0</v>
      </c>
      <c r="F39" s="68">
        <v>0</v>
      </c>
      <c r="G39" s="69">
        <v>0</v>
      </c>
      <c r="H39" s="68">
        <v>31</v>
      </c>
      <c r="I39" s="68">
        <v>15</v>
      </c>
      <c r="J39" s="68">
        <v>16</v>
      </c>
      <c r="K39" s="67">
        <v>42</v>
      </c>
      <c r="L39" s="79">
        <v>26</v>
      </c>
      <c r="M39" s="80">
        <v>16</v>
      </c>
    </row>
    <row r="40" spans="1:13">
      <c r="A40" s="15" t="s">
        <v>70</v>
      </c>
      <c r="B40" s="67">
        <v>-7</v>
      </c>
      <c r="C40" s="68">
        <v>-6</v>
      </c>
      <c r="D40" s="68">
        <v>-1</v>
      </c>
      <c r="E40" s="67">
        <v>0</v>
      </c>
      <c r="F40" s="68">
        <v>0</v>
      </c>
      <c r="G40" s="69">
        <v>0</v>
      </c>
      <c r="H40" s="68">
        <v>29</v>
      </c>
      <c r="I40" s="68">
        <v>13</v>
      </c>
      <c r="J40" s="68">
        <v>16</v>
      </c>
      <c r="K40" s="67">
        <v>36</v>
      </c>
      <c r="L40" s="79">
        <v>19</v>
      </c>
      <c r="M40" s="80">
        <v>17</v>
      </c>
    </row>
    <row r="41" spans="1:13">
      <c r="A41" s="15" t="s">
        <v>72</v>
      </c>
      <c r="B41" s="67">
        <v>4</v>
      </c>
      <c r="C41" s="68">
        <v>4</v>
      </c>
      <c r="D41" s="68">
        <v>0</v>
      </c>
      <c r="E41" s="67">
        <v>1</v>
      </c>
      <c r="F41" s="68">
        <v>1</v>
      </c>
      <c r="G41" s="69">
        <v>0</v>
      </c>
      <c r="H41" s="68">
        <v>31</v>
      </c>
      <c r="I41" s="68">
        <v>17</v>
      </c>
      <c r="J41" s="68">
        <v>14</v>
      </c>
      <c r="K41" s="67">
        <v>26</v>
      </c>
      <c r="L41" s="79">
        <v>12</v>
      </c>
      <c r="M41" s="80">
        <v>14</v>
      </c>
    </row>
    <row r="42" spans="1:13" ht="21" customHeight="1">
      <c r="A42" s="36" t="s">
        <v>74</v>
      </c>
      <c r="B42" s="64">
        <v>24</v>
      </c>
      <c r="C42" s="65">
        <v>14</v>
      </c>
      <c r="D42" s="65">
        <v>10</v>
      </c>
      <c r="E42" s="64">
        <v>0</v>
      </c>
      <c r="F42" s="65">
        <v>0</v>
      </c>
      <c r="G42" s="66">
        <v>0</v>
      </c>
      <c r="H42" s="65">
        <v>128</v>
      </c>
      <c r="I42" s="65">
        <v>63</v>
      </c>
      <c r="J42" s="65">
        <v>65</v>
      </c>
      <c r="K42" s="64">
        <v>104</v>
      </c>
      <c r="L42" s="77">
        <v>49</v>
      </c>
      <c r="M42" s="78">
        <v>55</v>
      </c>
    </row>
    <row r="43" spans="1:13">
      <c r="A43" s="15" t="s">
        <v>76</v>
      </c>
      <c r="B43" s="67">
        <v>-7</v>
      </c>
      <c r="C43" s="68">
        <v>-3</v>
      </c>
      <c r="D43" s="68">
        <v>-4</v>
      </c>
      <c r="E43" s="67">
        <v>0</v>
      </c>
      <c r="F43" s="68">
        <v>0</v>
      </c>
      <c r="G43" s="69">
        <v>0</v>
      </c>
      <c r="H43" s="68">
        <v>23</v>
      </c>
      <c r="I43" s="68">
        <v>12</v>
      </c>
      <c r="J43" s="68">
        <v>11</v>
      </c>
      <c r="K43" s="67">
        <v>30</v>
      </c>
      <c r="L43" s="79">
        <v>15</v>
      </c>
      <c r="M43" s="80">
        <v>15</v>
      </c>
    </row>
    <row r="44" spans="1:13">
      <c r="A44" s="15" t="s">
        <v>78</v>
      </c>
      <c r="B44" s="67">
        <v>-5</v>
      </c>
      <c r="C44" s="68">
        <v>-1</v>
      </c>
      <c r="D44" s="68">
        <v>-4</v>
      </c>
      <c r="E44" s="67">
        <v>0</v>
      </c>
      <c r="F44" s="68">
        <v>0</v>
      </c>
      <c r="G44" s="69">
        <v>0</v>
      </c>
      <c r="H44" s="68">
        <v>16</v>
      </c>
      <c r="I44" s="68">
        <v>10</v>
      </c>
      <c r="J44" s="68">
        <v>6</v>
      </c>
      <c r="K44" s="67">
        <v>21</v>
      </c>
      <c r="L44" s="79">
        <v>11</v>
      </c>
      <c r="M44" s="80">
        <v>10</v>
      </c>
    </row>
    <row r="45" spans="1:13">
      <c r="A45" s="15" t="s">
        <v>80</v>
      </c>
      <c r="B45" s="67">
        <v>13</v>
      </c>
      <c r="C45" s="68">
        <v>4</v>
      </c>
      <c r="D45" s="68">
        <v>9</v>
      </c>
      <c r="E45" s="67">
        <v>0</v>
      </c>
      <c r="F45" s="68">
        <v>0</v>
      </c>
      <c r="G45" s="69">
        <v>0</v>
      </c>
      <c r="H45" s="68">
        <v>29</v>
      </c>
      <c r="I45" s="68">
        <v>12</v>
      </c>
      <c r="J45" s="68">
        <v>17</v>
      </c>
      <c r="K45" s="67">
        <v>16</v>
      </c>
      <c r="L45" s="79">
        <v>8</v>
      </c>
      <c r="M45" s="80">
        <v>8</v>
      </c>
    </row>
    <row r="46" spans="1:13">
      <c r="A46" s="15" t="s">
        <v>82</v>
      </c>
      <c r="B46" s="67">
        <v>9</v>
      </c>
      <c r="C46" s="68">
        <v>9</v>
      </c>
      <c r="D46" s="68">
        <v>0</v>
      </c>
      <c r="E46" s="67">
        <v>0</v>
      </c>
      <c r="F46" s="68">
        <v>0</v>
      </c>
      <c r="G46" s="69">
        <v>0</v>
      </c>
      <c r="H46" s="68">
        <v>29</v>
      </c>
      <c r="I46" s="68">
        <v>15</v>
      </c>
      <c r="J46" s="68">
        <v>14</v>
      </c>
      <c r="K46" s="67">
        <v>20</v>
      </c>
      <c r="L46" s="79">
        <v>6</v>
      </c>
      <c r="M46" s="80">
        <v>14</v>
      </c>
    </row>
    <row r="47" spans="1:13">
      <c r="A47" s="15" t="s">
        <v>84</v>
      </c>
      <c r="B47" s="67">
        <v>14</v>
      </c>
      <c r="C47" s="68">
        <v>5</v>
      </c>
      <c r="D47" s="68">
        <v>9</v>
      </c>
      <c r="E47" s="67">
        <v>0</v>
      </c>
      <c r="F47" s="68">
        <v>0</v>
      </c>
      <c r="G47" s="69">
        <v>0</v>
      </c>
      <c r="H47" s="68">
        <v>31</v>
      </c>
      <c r="I47" s="68">
        <v>14</v>
      </c>
      <c r="J47" s="68">
        <v>17</v>
      </c>
      <c r="K47" s="67">
        <v>17</v>
      </c>
      <c r="L47" s="79">
        <v>9</v>
      </c>
      <c r="M47" s="80">
        <v>8</v>
      </c>
    </row>
    <row r="48" spans="1:13" ht="21" customHeight="1">
      <c r="A48" s="36" t="s">
        <v>86</v>
      </c>
      <c r="B48" s="64">
        <v>33</v>
      </c>
      <c r="C48" s="65">
        <v>11</v>
      </c>
      <c r="D48" s="65">
        <v>22</v>
      </c>
      <c r="E48" s="64">
        <v>2</v>
      </c>
      <c r="F48" s="65">
        <v>2</v>
      </c>
      <c r="G48" s="66">
        <v>0</v>
      </c>
      <c r="H48" s="65">
        <v>116</v>
      </c>
      <c r="I48" s="65">
        <v>49</v>
      </c>
      <c r="J48" s="65">
        <v>67</v>
      </c>
      <c r="K48" s="64">
        <v>81</v>
      </c>
      <c r="L48" s="77">
        <v>36</v>
      </c>
      <c r="M48" s="78">
        <v>45</v>
      </c>
    </row>
    <row r="49" spans="1:13">
      <c r="A49" s="15" t="s">
        <v>88</v>
      </c>
      <c r="B49" s="67">
        <v>-1</v>
      </c>
      <c r="C49" s="68">
        <v>-4</v>
      </c>
      <c r="D49" s="68">
        <v>3</v>
      </c>
      <c r="E49" s="67">
        <v>0</v>
      </c>
      <c r="F49" s="68">
        <v>0</v>
      </c>
      <c r="G49" s="69">
        <v>0</v>
      </c>
      <c r="H49" s="68">
        <v>20</v>
      </c>
      <c r="I49" s="68">
        <v>6</v>
      </c>
      <c r="J49" s="68">
        <v>14</v>
      </c>
      <c r="K49" s="67">
        <v>21</v>
      </c>
      <c r="L49" s="79">
        <v>10</v>
      </c>
      <c r="M49" s="80">
        <v>11</v>
      </c>
    </row>
    <row r="50" spans="1:13">
      <c r="A50" s="15" t="s">
        <v>90</v>
      </c>
      <c r="B50" s="67">
        <v>2</v>
      </c>
      <c r="C50" s="68">
        <v>0</v>
      </c>
      <c r="D50" s="68">
        <v>2</v>
      </c>
      <c r="E50" s="67">
        <v>0</v>
      </c>
      <c r="F50" s="68">
        <v>0</v>
      </c>
      <c r="G50" s="69">
        <v>0</v>
      </c>
      <c r="H50" s="68">
        <v>21</v>
      </c>
      <c r="I50" s="68">
        <v>12</v>
      </c>
      <c r="J50" s="68">
        <v>9</v>
      </c>
      <c r="K50" s="67">
        <v>19</v>
      </c>
      <c r="L50" s="79">
        <v>12</v>
      </c>
      <c r="M50" s="80">
        <v>7</v>
      </c>
    </row>
    <row r="51" spans="1:13">
      <c r="A51" s="15" t="s">
        <v>92</v>
      </c>
      <c r="B51" s="67">
        <v>-2</v>
      </c>
      <c r="C51" s="68">
        <v>2</v>
      </c>
      <c r="D51" s="68">
        <v>-4</v>
      </c>
      <c r="E51" s="67">
        <v>0</v>
      </c>
      <c r="F51" s="68">
        <v>0</v>
      </c>
      <c r="G51" s="69">
        <v>0</v>
      </c>
      <c r="H51" s="68">
        <v>17</v>
      </c>
      <c r="I51" s="68">
        <v>8</v>
      </c>
      <c r="J51" s="68">
        <v>9</v>
      </c>
      <c r="K51" s="67">
        <v>19</v>
      </c>
      <c r="L51" s="79">
        <v>6</v>
      </c>
      <c r="M51" s="80">
        <v>13</v>
      </c>
    </row>
    <row r="52" spans="1:13">
      <c r="A52" s="15" t="s">
        <v>94</v>
      </c>
      <c r="B52" s="67">
        <v>14</v>
      </c>
      <c r="C52" s="68">
        <v>7</v>
      </c>
      <c r="D52" s="68">
        <v>7</v>
      </c>
      <c r="E52" s="67">
        <v>2</v>
      </c>
      <c r="F52" s="68">
        <v>2</v>
      </c>
      <c r="G52" s="69">
        <v>0</v>
      </c>
      <c r="H52" s="68">
        <v>28</v>
      </c>
      <c r="I52" s="68">
        <v>14</v>
      </c>
      <c r="J52" s="68">
        <v>14</v>
      </c>
      <c r="K52" s="67">
        <v>12</v>
      </c>
      <c r="L52" s="79">
        <v>5</v>
      </c>
      <c r="M52" s="80">
        <v>7</v>
      </c>
    </row>
    <row r="53" spans="1:13">
      <c r="A53" s="15" t="s">
        <v>96</v>
      </c>
      <c r="B53" s="67">
        <v>20</v>
      </c>
      <c r="C53" s="68">
        <v>6</v>
      </c>
      <c r="D53" s="68">
        <v>14</v>
      </c>
      <c r="E53" s="67">
        <v>0</v>
      </c>
      <c r="F53" s="68">
        <v>0</v>
      </c>
      <c r="G53" s="69">
        <v>0</v>
      </c>
      <c r="H53" s="68">
        <v>30</v>
      </c>
      <c r="I53" s="68">
        <v>9</v>
      </c>
      <c r="J53" s="68">
        <v>21</v>
      </c>
      <c r="K53" s="67">
        <v>10</v>
      </c>
      <c r="L53" s="79">
        <v>3</v>
      </c>
      <c r="M53" s="80">
        <v>7</v>
      </c>
    </row>
    <row r="54" spans="1:13" ht="21" customHeight="1">
      <c r="A54" s="36" t="s">
        <v>98</v>
      </c>
      <c r="B54" s="64">
        <v>48</v>
      </c>
      <c r="C54" s="65">
        <v>25</v>
      </c>
      <c r="D54" s="65">
        <v>23</v>
      </c>
      <c r="E54" s="64">
        <v>2</v>
      </c>
      <c r="F54" s="65">
        <v>1</v>
      </c>
      <c r="G54" s="66">
        <v>1</v>
      </c>
      <c r="H54" s="65">
        <v>110</v>
      </c>
      <c r="I54" s="65">
        <v>59</v>
      </c>
      <c r="J54" s="65">
        <v>51</v>
      </c>
      <c r="K54" s="64">
        <v>60</v>
      </c>
      <c r="L54" s="77">
        <v>33</v>
      </c>
      <c r="M54" s="78">
        <v>27</v>
      </c>
    </row>
    <row r="55" spans="1:13">
      <c r="A55" s="15" t="s">
        <v>100</v>
      </c>
      <c r="B55" s="67">
        <v>14</v>
      </c>
      <c r="C55" s="68">
        <v>7</v>
      </c>
      <c r="D55" s="68">
        <v>7</v>
      </c>
      <c r="E55" s="67">
        <v>0</v>
      </c>
      <c r="F55" s="68">
        <v>0</v>
      </c>
      <c r="G55" s="69">
        <v>0</v>
      </c>
      <c r="H55" s="68">
        <v>24</v>
      </c>
      <c r="I55" s="68">
        <v>13</v>
      </c>
      <c r="J55" s="68">
        <v>11</v>
      </c>
      <c r="K55" s="67">
        <v>10</v>
      </c>
      <c r="L55" s="79">
        <v>6</v>
      </c>
      <c r="M55" s="80">
        <v>4</v>
      </c>
    </row>
    <row r="56" spans="1:13">
      <c r="A56" s="15" t="s">
        <v>102</v>
      </c>
      <c r="B56" s="67">
        <v>7</v>
      </c>
      <c r="C56" s="68">
        <v>5</v>
      </c>
      <c r="D56" s="68">
        <v>2</v>
      </c>
      <c r="E56" s="67">
        <v>1</v>
      </c>
      <c r="F56" s="68">
        <v>0</v>
      </c>
      <c r="G56" s="69">
        <v>1</v>
      </c>
      <c r="H56" s="68">
        <v>19</v>
      </c>
      <c r="I56" s="68">
        <v>11</v>
      </c>
      <c r="J56" s="68">
        <v>8</v>
      </c>
      <c r="K56" s="67">
        <v>11</v>
      </c>
      <c r="L56" s="79">
        <v>6</v>
      </c>
      <c r="M56" s="80">
        <v>5</v>
      </c>
    </row>
    <row r="57" spans="1:13">
      <c r="A57" s="15" t="s">
        <v>104</v>
      </c>
      <c r="B57" s="67">
        <v>14</v>
      </c>
      <c r="C57" s="68">
        <v>7</v>
      </c>
      <c r="D57" s="68">
        <v>7</v>
      </c>
      <c r="E57" s="67">
        <v>1</v>
      </c>
      <c r="F57" s="68">
        <v>1</v>
      </c>
      <c r="G57" s="69">
        <v>0</v>
      </c>
      <c r="H57" s="68">
        <v>27</v>
      </c>
      <c r="I57" s="68">
        <v>12</v>
      </c>
      <c r="J57" s="68">
        <v>15</v>
      </c>
      <c r="K57" s="67">
        <v>12</v>
      </c>
      <c r="L57" s="79">
        <v>4</v>
      </c>
      <c r="M57" s="80">
        <v>8</v>
      </c>
    </row>
    <row r="58" spans="1:13">
      <c r="A58" s="15" t="s">
        <v>106</v>
      </c>
      <c r="B58" s="67">
        <v>1</v>
      </c>
      <c r="C58" s="68">
        <v>-2</v>
      </c>
      <c r="D58" s="68">
        <v>3</v>
      </c>
      <c r="E58" s="67">
        <v>0</v>
      </c>
      <c r="F58" s="68">
        <v>0</v>
      </c>
      <c r="G58" s="69">
        <v>0</v>
      </c>
      <c r="H58" s="68">
        <v>18</v>
      </c>
      <c r="I58" s="68">
        <v>10</v>
      </c>
      <c r="J58" s="68">
        <v>8</v>
      </c>
      <c r="K58" s="67">
        <v>17</v>
      </c>
      <c r="L58" s="79">
        <v>12</v>
      </c>
      <c r="M58" s="80">
        <v>5</v>
      </c>
    </row>
    <row r="59" spans="1:13">
      <c r="A59" s="15" t="s">
        <v>108</v>
      </c>
      <c r="B59" s="67">
        <v>12</v>
      </c>
      <c r="C59" s="68">
        <v>8</v>
      </c>
      <c r="D59" s="68">
        <v>4</v>
      </c>
      <c r="E59" s="67">
        <v>0</v>
      </c>
      <c r="F59" s="68">
        <v>0</v>
      </c>
      <c r="G59" s="69">
        <v>0</v>
      </c>
      <c r="H59" s="68">
        <v>22</v>
      </c>
      <c r="I59" s="68">
        <v>13</v>
      </c>
      <c r="J59" s="68">
        <v>9</v>
      </c>
      <c r="K59" s="67">
        <v>10</v>
      </c>
      <c r="L59" s="79">
        <v>5</v>
      </c>
      <c r="M59" s="80">
        <v>5</v>
      </c>
    </row>
    <row r="60" spans="1:13" ht="21" customHeight="1">
      <c r="A60" s="36" t="s">
        <v>110</v>
      </c>
      <c r="B60" s="64">
        <v>26</v>
      </c>
      <c r="C60" s="65">
        <v>12</v>
      </c>
      <c r="D60" s="65">
        <v>14</v>
      </c>
      <c r="E60" s="64">
        <v>3</v>
      </c>
      <c r="F60" s="65">
        <v>3</v>
      </c>
      <c r="G60" s="66">
        <v>0</v>
      </c>
      <c r="H60" s="65">
        <v>90</v>
      </c>
      <c r="I60" s="65">
        <v>47</v>
      </c>
      <c r="J60" s="65">
        <v>43</v>
      </c>
      <c r="K60" s="64">
        <v>61</v>
      </c>
      <c r="L60" s="77">
        <v>32</v>
      </c>
      <c r="M60" s="78">
        <v>29</v>
      </c>
    </row>
    <row r="61" spans="1:13">
      <c r="A61" s="15" t="s">
        <v>112</v>
      </c>
      <c r="B61" s="67">
        <v>4</v>
      </c>
      <c r="C61" s="68">
        <v>-3</v>
      </c>
      <c r="D61" s="68">
        <v>7</v>
      </c>
      <c r="E61" s="67">
        <v>0</v>
      </c>
      <c r="F61" s="68">
        <v>0</v>
      </c>
      <c r="G61" s="69">
        <v>0</v>
      </c>
      <c r="H61" s="68">
        <v>20</v>
      </c>
      <c r="I61" s="68">
        <v>10</v>
      </c>
      <c r="J61" s="68">
        <v>10</v>
      </c>
      <c r="K61" s="67">
        <v>16</v>
      </c>
      <c r="L61" s="79">
        <v>13</v>
      </c>
      <c r="M61" s="80">
        <v>3</v>
      </c>
    </row>
    <row r="62" spans="1:13">
      <c r="A62" s="15" t="s">
        <v>114</v>
      </c>
      <c r="B62" s="67">
        <v>5</v>
      </c>
      <c r="C62" s="68">
        <v>5</v>
      </c>
      <c r="D62" s="68">
        <v>0</v>
      </c>
      <c r="E62" s="67">
        <v>0</v>
      </c>
      <c r="F62" s="68">
        <v>0</v>
      </c>
      <c r="G62" s="69">
        <v>0</v>
      </c>
      <c r="H62" s="68">
        <v>16</v>
      </c>
      <c r="I62" s="68">
        <v>9</v>
      </c>
      <c r="J62" s="68">
        <v>7</v>
      </c>
      <c r="K62" s="67">
        <v>11</v>
      </c>
      <c r="L62" s="79">
        <v>4</v>
      </c>
      <c r="M62" s="80">
        <v>7</v>
      </c>
    </row>
    <row r="63" spans="1:13">
      <c r="A63" s="15" t="s">
        <v>116</v>
      </c>
      <c r="B63" s="67">
        <v>-1</v>
      </c>
      <c r="C63" s="68">
        <v>-1</v>
      </c>
      <c r="D63" s="68">
        <v>0</v>
      </c>
      <c r="E63" s="67">
        <v>2</v>
      </c>
      <c r="F63" s="68">
        <v>2</v>
      </c>
      <c r="G63" s="69">
        <v>0</v>
      </c>
      <c r="H63" s="68">
        <v>13</v>
      </c>
      <c r="I63" s="68">
        <v>6</v>
      </c>
      <c r="J63" s="68">
        <v>7</v>
      </c>
      <c r="K63" s="67">
        <v>12</v>
      </c>
      <c r="L63" s="79">
        <v>5</v>
      </c>
      <c r="M63" s="80">
        <v>7</v>
      </c>
    </row>
    <row r="64" spans="1:13">
      <c r="A64" s="15" t="s">
        <v>118</v>
      </c>
      <c r="B64" s="67">
        <v>6</v>
      </c>
      <c r="C64" s="68">
        <v>6</v>
      </c>
      <c r="D64" s="68">
        <v>0</v>
      </c>
      <c r="E64" s="67">
        <v>0</v>
      </c>
      <c r="F64" s="68">
        <v>0</v>
      </c>
      <c r="G64" s="69">
        <v>0</v>
      </c>
      <c r="H64" s="68">
        <v>17</v>
      </c>
      <c r="I64" s="68">
        <v>10</v>
      </c>
      <c r="J64" s="68">
        <v>7</v>
      </c>
      <c r="K64" s="67">
        <v>11</v>
      </c>
      <c r="L64" s="79">
        <v>4</v>
      </c>
      <c r="M64" s="80">
        <v>7</v>
      </c>
    </row>
    <row r="65" spans="1:13">
      <c r="A65" s="19" t="s">
        <v>120</v>
      </c>
      <c r="B65" s="70">
        <v>12</v>
      </c>
      <c r="C65" s="71">
        <v>5</v>
      </c>
      <c r="D65" s="71">
        <v>7</v>
      </c>
      <c r="E65" s="70">
        <v>1</v>
      </c>
      <c r="F65" s="71">
        <v>1</v>
      </c>
      <c r="G65" s="72">
        <v>0</v>
      </c>
      <c r="H65" s="71">
        <v>24</v>
      </c>
      <c r="I65" s="71">
        <v>12</v>
      </c>
      <c r="J65" s="71">
        <v>12</v>
      </c>
      <c r="K65" s="70">
        <v>11</v>
      </c>
      <c r="L65" s="81">
        <v>6</v>
      </c>
      <c r="M65" s="82">
        <v>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37</v>
      </c>
      <c r="C69" s="50">
        <v>72</v>
      </c>
      <c r="D69" s="84">
        <v>6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6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8</v>
      </c>
      <c r="C75" s="65">
        <v>-8</v>
      </c>
      <c r="D75" s="65">
        <v>0</v>
      </c>
      <c r="E75" s="64">
        <v>8</v>
      </c>
      <c r="F75" s="65">
        <v>5</v>
      </c>
      <c r="G75" s="66">
        <v>3</v>
      </c>
      <c r="H75" s="65">
        <v>53</v>
      </c>
      <c r="I75" s="65">
        <v>29</v>
      </c>
      <c r="J75" s="65">
        <v>24</v>
      </c>
      <c r="K75" s="64">
        <v>53</v>
      </c>
      <c r="L75" s="77">
        <v>32</v>
      </c>
      <c r="M75" s="78">
        <v>21</v>
      </c>
    </row>
    <row r="76" spans="1:13">
      <c r="A76" s="27" t="s">
        <v>5</v>
      </c>
      <c r="B76" s="67">
        <v>-1</v>
      </c>
      <c r="C76" s="68">
        <v>0</v>
      </c>
      <c r="D76" s="68">
        <v>-1</v>
      </c>
      <c r="E76" s="67">
        <v>2</v>
      </c>
      <c r="F76" s="68">
        <v>1</v>
      </c>
      <c r="G76" s="69">
        <v>1</v>
      </c>
      <c r="H76" s="68">
        <v>11</v>
      </c>
      <c r="I76" s="68">
        <v>8</v>
      </c>
      <c r="J76" s="68">
        <v>3</v>
      </c>
      <c r="K76" s="67">
        <v>10</v>
      </c>
      <c r="L76" s="79">
        <v>7</v>
      </c>
      <c r="M76" s="80">
        <v>3</v>
      </c>
    </row>
    <row r="77" spans="1:13">
      <c r="A77" s="27" t="s">
        <v>7</v>
      </c>
      <c r="B77" s="67">
        <v>-7</v>
      </c>
      <c r="C77" s="68">
        <v>-3</v>
      </c>
      <c r="D77" s="68">
        <v>-4</v>
      </c>
      <c r="E77" s="67">
        <v>1</v>
      </c>
      <c r="F77" s="68">
        <v>0</v>
      </c>
      <c r="G77" s="69">
        <v>1</v>
      </c>
      <c r="H77" s="68">
        <v>8</v>
      </c>
      <c r="I77" s="68">
        <v>5</v>
      </c>
      <c r="J77" s="68">
        <v>3</v>
      </c>
      <c r="K77" s="67">
        <v>14</v>
      </c>
      <c r="L77" s="79">
        <v>8</v>
      </c>
      <c r="M77" s="80">
        <v>6</v>
      </c>
    </row>
    <row r="78" spans="1:13">
      <c r="A78" s="27" t="s">
        <v>9</v>
      </c>
      <c r="B78" s="67">
        <v>6</v>
      </c>
      <c r="C78" s="68">
        <v>-1</v>
      </c>
      <c r="D78" s="68">
        <v>7</v>
      </c>
      <c r="E78" s="67">
        <v>2</v>
      </c>
      <c r="F78" s="68">
        <v>2</v>
      </c>
      <c r="G78" s="69">
        <v>0</v>
      </c>
      <c r="H78" s="68">
        <v>17</v>
      </c>
      <c r="I78" s="68">
        <v>6</v>
      </c>
      <c r="J78" s="68">
        <v>11</v>
      </c>
      <c r="K78" s="67">
        <v>9</v>
      </c>
      <c r="L78" s="79">
        <v>5</v>
      </c>
      <c r="M78" s="80">
        <v>4</v>
      </c>
    </row>
    <row r="79" spans="1:13">
      <c r="A79" s="27" t="s">
        <v>11</v>
      </c>
      <c r="B79" s="67">
        <v>-5</v>
      </c>
      <c r="C79" s="68">
        <v>-4</v>
      </c>
      <c r="D79" s="68">
        <v>-1</v>
      </c>
      <c r="E79" s="67">
        <v>3</v>
      </c>
      <c r="F79" s="68">
        <v>2</v>
      </c>
      <c r="G79" s="69">
        <v>1</v>
      </c>
      <c r="H79" s="68">
        <v>11</v>
      </c>
      <c r="I79" s="68">
        <v>6</v>
      </c>
      <c r="J79" s="68">
        <v>5</v>
      </c>
      <c r="K79" s="67">
        <v>13</v>
      </c>
      <c r="L79" s="79">
        <v>8</v>
      </c>
      <c r="M79" s="80">
        <v>5</v>
      </c>
    </row>
    <row r="80" spans="1:13">
      <c r="A80" s="27" t="s">
        <v>13</v>
      </c>
      <c r="B80" s="67">
        <v>-1</v>
      </c>
      <c r="C80" s="68">
        <v>0</v>
      </c>
      <c r="D80" s="68">
        <v>-1</v>
      </c>
      <c r="E80" s="67">
        <v>0</v>
      </c>
      <c r="F80" s="68">
        <v>0</v>
      </c>
      <c r="G80" s="69">
        <v>0</v>
      </c>
      <c r="H80" s="68">
        <v>6</v>
      </c>
      <c r="I80" s="68">
        <v>4</v>
      </c>
      <c r="J80" s="68">
        <v>2</v>
      </c>
      <c r="K80" s="67">
        <v>7</v>
      </c>
      <c r="L80" s="79">
        <v>4</v>
      </c>
      <c r="M80" s="80">
        <v>3</v>
      </c>
    </row>
    <row r="81" spans="1:13" ht="21" customHeight="1">
      <c r="A81" s="38" t="s">
        <v>15</v>
      </c>
      <c r="B81" s="64">
        <v>4</v>
      </c>
      <c r="C81" s="65">
        <v>0</v>
      </c>
      <c r="D81" s="65">
        <v>4</v>
      </c>
      <c r="E81" s="64">
        <v>7</v>
      </c>
      <c r="F81" s="65">
        <v>5</v>
      </c>
      <c r="G81" s="66">
        <v>2</v>
      </c>
      <c r="H81" s="65">
        <v>49</v>
      </c>
      <c r="I81" s="65">
        <v>28</v>
      </c>
      <c r="J81" s="65">
        <v>21</v>
      </c>
      <c r="K81" s="64">
        <v>38</v>
      </c>
      <c r="L81" s="77">
        <v>23</v>
      </c>
      <c r="M81" s="78">
        <v>15</v>
      </c>
    </row>
    <row r="82" spans="1:13">
      <c r="A82" s="27" t="s">
        <v>17</v>
      </c>
      <c r="B82" s="67">
        <v>4</v>
      </c>
      <c r="C82" s="68">
        <v>1</v>
      </c>
      <c r="D82" s="68">
        <v>3</v>
      </c>
      <c r="E82" s="67">
        <v>2</v>
      </c>
      <c r="F82" s="68">
        <v>1</v>
      </c>
      <c r="G82" s="69">
        <v>1</v>
      </c>
      <c r="H82" s="68">
        <v>9</v>
      </c>
      <c r="I82" s="68">
        <v>5</v>
      </c>
      <c r="J82" s="68">
        <v>4</v>
      </c>
      <c r="K82" s="67">
        <v>3</v>
      </c>
      <c r="L82" s="79">
        <v>3</v>
      </c>
      <c r="M82" s="80">
        <v>0</v>
      </c>
    </row>
    <row r="83" spans="1:13">
      <c r="A83" s="27" t="s">
        <v>19</v>
      </c>
      <c r="B83" s="67">
        <v>-7</v>
      </c>
      <c r="C83" s="68">
        <v>-2</v>
      </c>
      <c r="D83" s="68">
        <v>-5</v>
      </c>
      <c r="E83" s="67">
        <v>3</v>
      </c>
      <c r="F83" s="68">
        <v>2</v>
      </c>
      <c r="G83" s="69">
        <v>1</v>
      </c>
      <c r="H83" s="68">
        <v>10</v>
      </c>
      <c r="I83" s="68">
        <v>7</v>
      </c>
      <c r="J83" s="68">
        <v>3</v>
      </c>
      <c r="K83" s="67">
        <v>14</v>
      </c>
      <c r="L83" s="79">
        <v>7</v>
      </c>
      <c r="M83" s="80">
        <v>7</v>
      </c>
    </row>
    <row r="84" spans="1:13">
      <c r="A84" s="27" t="s">
        <v>21</v>
      </c>
      <c r="B84" s="67">
        <v>2</v>
      </c>
      <c r="C84" s="68">
        <v>1</v>
      </c>
      <c r="D84" s="68">
        <v>1</v>
      </c>
      <c r="E84" s="67">
        <v>0</v>
      </c>
      <c r="F84" s="68">
        <v>0</v>
      </c>
      <c r="G84" s="69">
        <v>0</v>
      </c>
      <c r="H84" s="68">
        <v>10</v>
      </c>
      <c r="I84" s="68">
        <v>5</v>
      </c>
      <c r="J84" s="68">
        <v>5</v>
      </c>
      <c r="K84" s="67">
        <v>8</v>
      </c>
      <c r="L84" s="79">
        <v>4</v>
      </c>
      <c r="M84" s="80">
        <v>4</v>
      </c>
    </row>
    <row r="85" spans="1:13">
      <c r="A85" s="27" t="s">
        <v>23</v>
      </c>
      <c r="B85" s="67">
        <v>-1</v>
      </c>
      <c r="C85" s="68">
        <v>-4</v>
      </c>
      <c r="D85" s="68">
        <v>3</v>
      </c>
      <c r="E85" s="67">
        <v>2</v>
      </c>
      <c r="F85" s="68">
        <v>2</v>
      </c>
      <c r="G85" s="69">
        <v>0</v>
      </c>
      <c r="H85" s="68">
        <v>7</v>
      </c>
      <c r="I85" s="68">
        <v>2</v>
      </c>
      <c r="J85" s="68">
        <v>5</v>
      </c>
      <c r="K85" s="67">
        <v>6</v>
      </c>
      <c r="L85" s="79">
        <v>4</v>
      </c>
      <c r="M85" s="80">
        <v>2</v>
      </c>
    </row>
    <row r="86" spans="1:13">
      <c r="A86" s="27" t="s">
        <v>25</v>
      </c>
      <c r="B86" s="67">
        <v>6</v>
      </c>
      <c r="C86" s="68">
        <v>4</v>
      </c>
      <c r="D86" s="68">
        <v>2</v>
      </c>
      <c r="E86" s="67">
        <v>0</v>
      </c>
      <c r="F86" s="68">
        <v>0</v>
      </c>
      <c r="G86" s="69">
        <v>0</v>
      </c>
      <c r="H86" s="68">
        <v>13</v>
      </c>
      <c r="I86" s="68">
        <v>9</v>
      </c>
      <c r="J86" s="68">
        <v>4</v>
      </c>
      <c r="K86" s="67">
        <v>7</v>
      </c>
      <c r="L86" s="79">
        <v>5</v>
      </c>
      <c r="M86" s="80">
        <v>2</v>
      </c>
    </row>
    <row r="87" spans="1:13" ht="21" customHeight="1">
      <c r="A87" s="38" t="s">
        <v>27</v>
      </c>
      <c r="B87" s="64">
        <v>5</v>
      </c>
      <c r="C87" s="65">
        <v>-6</v>
      </c>
      <c r="D87" s="65">
        <v>11</v>
      </c>
      <c r="E87" s="64">
        <v>8</v>
      </c>
      <c r="F87" s="65">
        <v>6</v>
      </c>
      <c r="G87" s="66">
        <v>2</v>
      </c>
      <c r="H87" s="65">
        <v>45</v>
      </c>
      <c r="I87" s="65">
        <v>17</v>
      </c>
      <c r="J87" s="65">
        <v>28</v>
      </c>
      <c r="K87" s="64">
        <v>32</v>
      </c>
      <c r="L87" s="77">
        <v>17</v>
      </c>
      <c r="M87" s="78">
        <v>15</v>
      </c>
    </row>
    <row r="88" spans="1:13">
      <c r="A88" s="27" t="s">
        <v>29</v>
      </c>
      <c r="B88" s="67">
        <v>3</v>
      </c>
      <c r="C88" s="68">
        <v>2</v>
      </c>
      <c r="D88" s="68">
        <v>1</v>
      </c>
      <c r="E88" s="67">
        <v>1</v>
      </c>
      <c r="F88" s="68">
        <v>1</v>
      </c>
      <c r="G88" s="69">
        <v>0</v>
      </c>
      <c r="H88" s="68">
        <v>9</v>
      </c>
      <c r="I88" s="68">
        <v>5</v>
      </c>
      <c r="J88" s="68">
        <v>4</v>
      </c>
      <c r="K88" s="67">
        <v>5</v>
      </c>
      <c r="L88" s="79">
        <v>2</v>
      </c>
      <c r="M88" s="80">
        <v>3</v>
      </c>
    </row>
    <row r="89" spans="1:13">
      <c r="A89" s="27" t="s">
        <v>31</v>
      </c>
      <c r="B89" s="67">
        <v>2</v>
      </c>
      <c r="C89" s="68">
        <v>-2</v>
      </c>
      <c r="D89" s="68">
        <v>4</v>
      </c>
      <c r="E89" s="67">
        <v>0</v>
      </c>
      <c r="F89" s="68">
        <v>0</v>
      </c>
      <c r="G89" s="69">
        <v>0</v>
      </c>
      <c r="H89" s="68">
        <v>8</v>
      </c>
      <c r="I89" s="68">
        <v>1</v>
      </c>
      <c r="J89" s="68">
        <v>7</v>
      </c>
      <c r="K89" s="67">
        <v>6</v>
      </c>
      <c r="L89" s="79">
        <v>3</v>
      </c>
      <c r="M89" s="80">
        <v>3</v>
      </c>
    </row>
    <row r="90" spans="1:13">
      <c r="A90" s="27" t="s">
        <v>33</v>
      </c>
      <c r="B90" s="67">
        <v>0</v>
      </c>
      <c r="C90" s="68">
        <v>1</v>
      </c>
      <c r="D90" s="68">
        <v>-1</v>
      </c>
      <c r="E90" s="67">
        <v>3</v>
      </c>
      <c r="F90" s="68">
        <v>2</v>
      </c>
      <c r="G90" s="69">
        <v>1</v>
      </c>
      <c r="H90" s="68">
        <v>11</v>
      </c>
      <c r="I90" s="68">
        <v>5</v>
      </c>
      <c r="J90" s="68">
        <v>6</v>
      </c>
      <c r="K90" s="67">
        <v>8</v>
      </c>
      <c r="L90" s="79">
        <v>2</v>
      </c>
      <c r="M90" s="80">
        <v>6</v>
      </c>
    </row>
    <row r="91" spans="1:13">
      <c r="A91" s="27" t="s">
        <v>35</v>
      </c>
      <c r="B91" s="67">
        <v>-5</v>
      </c>
      <c r="C91" s="68">
        <v>-6</v>
      </c>
      <c r="D91" s="68">
        <v>1</v>
      </c>
      <c r="E91" s="67">
        <v>3</v>
      </c>
      <c r="F91" s="68">
        <v>3</v>
      </c>
      <c r="G91" s="69">
        <v>0</v>
      </c>
      <c r="H91" s="68">
        <v>7</v>
      </c>
      <c r="I91" s="68">
        <v>4</v>
      </c>
      <c r="J91" s="68">
        <v>3</v>
      </c>
      <c r="K91" s="67">
        <v>9</v>
      </c>
      <c r="L91" s="79">
        <v>7</v>
      </c>
      <c r="M91" s="80">
        <v>2</v>
      </c>
    </row>
    <row r="92" spans="1:13">
      <c r="A92" s="27" t="s">
        <v>37</v>
      </c>
      <c r="B92" s="67">
        <v>5</v>
      </c>
      <c r="C92" s="68">
        <v>-1</v>
      </c>
      <c r="D92" s="68">
        <v>6</v>
      </c>
      <c r="E92" s="67">
        <v>1</v>
      </c>
      <c r="F92" s="68">
        <v>0</v>
      </c>
      <c r="G92" s="69">
        <v>1</v>
      </c>
      <c r="H92" s="68">
        <v>10</v>
      </c>
      <c r="I92" s="68">
        <v>2</v>
      </c>
      <c r="J92" s="68">
        <v>8</v>
      </c>
      <c r="K92" s="67">
        <v>4</v>
      </c>
      <c r="L92" s="79">
        <v>3</v>
      </c>
      <c r="M92" s="80">
        <v>1</v>
      </c>
    </row>
    <row r="93" spans="1:13" ht="21" customHeight="1">
      <c r="A93" s="38" t="s">
        <v>39</v>
      </c>
      <c r="B93" s="64">
        <v>-17</v>
      </c>
      <c r="C93" s="65">
        <v>-5</v>
      </c>
      <c r="D93" s="65">
        <v>-12</v>
      </c>
      <c r="E93" s="64">
        <v>21</v>
      </c>
      <c r="F93" s="65">
        <v>11</v>
      </c>
      <c r="G93" s="66">
        <v>10</v>
      </c>
      <c r="H93" s="65">
        <v>41</v>
      </c>
      <c r="I93" s="65">
        <v>23</v>
      </c>
      <c r="J93" s="65">
        <v>18</v>
      </c>
      <c r="K93" s="64">
        <v>37</v>
      </c>
      <c r="L93" s="77">
        <v>17</v>
      </c>
      <c r="M93" s="78">
        <v>20</v>
      </c>
    </row>
    <row r="94" spans="1:13">
      <c r="A94" s="27" t="s">
        <v>41</v>
      </c>
      <c r="B94" s="67">
        <v>-3</v>
      </c>
      <c r="C94" s="68">
        <v>-3</v>
      </c>
      <c r="D94" s="68">
        <v>0</v>
      </c>
      <c r="E94" s="67">
        <v>3</v>
      </c>
      <c r="F94" s="68">
        <v>2</v>
      </c>
      <c r="G94" s="69">
        <v>1</v>
      </c>
      <c r="H94" s="68">
        <v>11</v>
      </c>
      <c r="I94" s="68">
        <v>5</v>
      </c>
      <c r="J94" s="68">
        <v>6</v>
      </c>
      <c r="K94" s="67">
        <v>11</v>
      </c>
      <c r="L94" s="79">
        <v>6</v>
      </c>
      <c r="M94" s="80">
        <v>5</v>
      </c>
    </row>
    <row r="95" spans="1:13">
      <c r="A95" s="27" t="s">
        <v>43</v>
      </c>
      <c r="B95" s="67">
        <v>-3</v>
      </c>
      <c r="C95" s="68">
        <v>0</v>
      </c>
      <c r="D95" s="68">
        <v>-3</v>
      </c>
      <c r="E95" s="67">
        <v>6</v>
      </c>
      <c r="F95" s="68">
        <v>2</v>
      </c>
      <c r="G95" s="69">
        <v>4</v>
      </c>
      <c r="H95" s="68">
        <v>9</v>
      </c>
      <c r="I95" s="68">
        <v>5</v>
      </c>
      <c r="J95" s="68">
        <v>4</v>
      </c>
      <c r="K95" s="67">
        <v>6</v>
      </c>
      <c r="L95" s="79">
        <v>3</v>
      </c>
      <c r="M95" s="80">
        <v>3</v>
      </c>
    </row>
    <row r="96" spans="1:13">
      <c r="A96" s="27" t="s">
        <v>45</v>
      </c>
      <c r="B96" s="67">
        <v>-5</v>
      </c>
      <c r="C96" s="68">
        <v>-1</v>
      </c>
      <c r="D96" s="68">
        <v>-4</v>
      </c>
      <c r="E96" s="67">
        <v>4</v>
      </c>
      <c r="F96" s="68">
        <v>3</v>
      </c>
      <c r="G96" s="69">
        <v>1</v>
      </c>
      <c r="H96" s="68">
        <v>7</v>
      </c>
      <c r="I96" s="68">
        <v>6</v>
      </c>
      <c r="J96" s="68">
        <v>1</v>
      </c>
      <c r="K96" s="67">
        <v>8</v>
      </c>
      <c r="L96" s="79">
        <v>4</v>
      </c>
      <c r="M96" s="80">
        <v>4</v>
      </c>
    </row>
    <row r="97" spans="1:13">
      <c r="A97" s="27" t="s">
        <v>47</v>
      </c>
      <c r="B97" s="67">
        <v>1</v>
      </c>
      <c r="C97" s="68">
        <v>3</v>
      </c>
      <c r="D97" s="68">
        <v>-2</v>
      </c>
      <c r="E97" s="67">
        <v>3</v>
      </c>
      <c r="F97" s="68">
        <v>1</v>
      </c>
      <c r="G97" s="69">
        <v>2</v>
      </c>
      <c r="H97" s="68">
        <v>8</v>
      </c>
      <c r="I97" s="68">
        <v>5</v>
      </c>
      <c r="J97" s="68">
        <v>3</v>
      </c>
      <c r="K97" s="67">
        <v>4</v>
      </c>
      <c r="L97" s="79">
        <v>1</v>
      </c>
      <c r="M97" s="80">
        <v>3</v>
      </c>
    </row>
    <row r="98" spans="1:13">
      <c r="A98" s="27" t="s">
        <v>49</v>
      </c>
      <c r="B98" s="67">
        <v>-7</v>
      </c>
      <c r="C98" s="68">
        <v>-4</v>
      </c>
      <c r="D98" s="68">
        <v>-3</v>
      </c>
      <c r="E98" s="67">
        <v>5</v>
      </c>
      <c r="F98" s="68">
        <v>3</v>
      </c>
      <c r="G98" s="69">
        <v>2</v>
      </c>
      <c r="H98" s="68">
        <v>6</v>
      </c>
      <c r="I98" s="68">
        <v>2</v>
      </c>
      <c r="J98" s="68">
        <v>4</v>
      </c>
      <c r="K98" s="67">
        <v>8</v>
      </c>
      <c r="L98" s="79">
        <v>3</v>
      </c>
      <c r="M98" s="80">
        <v>5</v>
      </c>
    </row>
    <row r="99" spans="1:13" ht="21" customHeight="1">
      <c r="A99" s="38" t="s">
        <v>51</v>
      </c>
      <c r="B99" s="64">
        <v>-35</v>
      </c>
      <c r="C99" s="65">
        <v>-24</v>
      </c>
      <c r="D99" s="65">
        <v>-11</v>
      </c>
      <c r="E99" s="64">
        <v>48</v>
      </c>
      <c r="F99" s="65">
        <v>32</v>
      </c>
      <c r="G99" s="66">
        <v>16</v>
      </c>
      <c r="H99" s="65">
        <v>34</v>
      </c>
      <c r="I99" s="65">
        <v>17</v>
      </c>
      <c r="J99" s="65">
        <v>17</v>
      </c>
      <c r="K99" s="64">
        <v>21</v>
      </c>
      <c r="L99" s="77">
        <v>9</v>
      </c>
      <c r="M99" s="78">
        <v>12</v>
      </c>
    </row>
    <row r="100" spans="1:13">
      <c r="A100" s="27" t="s">
        <v>53</v>
      </c>
      <c r="B100" s="67">
        <v>0</v>
      </c>
      <c r="C100" s="68">
        <v>-2</v>
      </c>
      <c r="D100" s="68">
        <v>2</v>
      </c>
      <c r="E100" s="67">
        <v>5</v>
      </c>
      <c r="F100" s="68">
        <v>3</v>
      </c>
      <c r="G100" s="69">
        <v>2</v>
      </c>
      <c r="H100" s="68">
        <v>6</v>
      </c>
      <c r="I100" s="68">
        <v>1</v>
      </c>
      <c r="J100" s="68">
        <v>5</v>
      </c>
      <c r="K100" s="67">
        <v>1</v>
      </c>
      <c r="L100" s="79">
        <v>0</v>
      </c>
      <c r="M100" s="80">
        <v>1</v>
      </c>
    </row>
    <row r="101" spans="1:13">
      <c r="A101" s="27" t="s">
        <v>55</v>
      </c>
      <c r="B101" s="67">
        <v>-8</v>
      </c>
      <c r="C101" s="68">
        <v>-6</v>
      </c>
      <c r="D101" s="68">
        <v>-2</v>
      </c>
      <c r="E101" s="67">
        <v>5</v>
      </c>
      <c r="F101" s="68">
        <v>4</v>
      </c>
      <c r="G101" s="69">
        <v>1</v>
      </c>
      <c r="H101" s="68">
        <v>2</v>
      </c>
      <c r="I101" s="68">
        <v>1</v>
      </c>
      <c r="J101" s="68">
        <v>1</v>
      </c>
      <c r="K101" s="67">
        <v>5</v>
      </c>
      <c r="L101" s="79">
        <v>3</v>
      </c>
      <c r="M101" s="80">
        <v>2</v>
      </c>
    </row>
    <row r="102" spans="1:13">
      <c r="A102" s="27" t="s">
        <v>57</v>
      </c>
      <c r="B102" s="67">
        <v>-9</v>
      </c>
      <c r="C102" s="68">
        <v>-4</v>
      </c>
      <c r="D102" s="68">
        <v>-5</v>
      </c>
      <c r="E102" s="67">
        <v>10</v>
      </c>
      <c r="F102" s="68">
        <v>6</v>
      </c>
      <c r="G102" s="69">
        <v>4</v>
      </c>
      <c r="H102" s="68">
        <v>7</v>
      </c>
      <c r="I102" s="68">
        <v>5</v>
      </c>
      <c r="J102" s="68">
        <v>2</v>
      </c>
      <c r="K102" s="67">
        <v>6</v>
      </c>
      <c r="L102" s="79">
        <v>3</v>
      </c>
      <c r="M102" s="80">
        <v>3</v>
      </c>
    </row>
    <row r="103" spans="1:13">
      <c r="A103" s="27" t="s">
        <v>59</v>
      </c>
      <c r="B103" s="67">
        <v>-5</v>
      </c>
      <c r="C103" s="68">
        <v>-8</v>
      </c>
      <c r="D103" s="68">
        <v>3</v>
      </c>
      <c r="E103" s="67">
        <v>13</v>
      </c>
      <c r="F103" s="68">
        <v>11</v>
      </c>
      <c r="G103" s="69">
        <v>2</v>
      </c>
      <c r="H103" s="68">
        <v>9</v>
      </c>
      <c r="I103" s="68">
        <v>4</v>
      </c>
      <c r="J103" s="68">
        <v>5</v>
      </c>
      <c r="K103" s="67">
        <v>1</v>
      </c>
      <c r="L103" s="79">
        <v>1</v>
      </c>
      <c r="M103" s="80">
        <v>0</v>
      </c>
    </row>
    <row r="104" spans="1:13">
      <c r="A104" s="27" t="s">
        <v>61</v>
      </c>
      <c r="B104" s="67">
        <v>-13</v>
      </c>
      <c r="C104" s="68">
        <v>-4</v>
      </c>
      <c r="D104" s="68">
        <v>-9</v>
      </c>
      <c r="E104" s="67">
        <v>15</v>
      </c>
      <c r="F104" s="68">
        <v>8</v>
      </c>
      <c r="G104" s="69">
        <v>7</v>
      </c>
      <c r="H104" s="68">
        <v>10</v>
      </c>
      <c r="I104" s="68">
        <v>6</v>
      </c>
      <c r="J104" s="68">
        <v>4</v>
      </c>
      <c r="K104" s="67">
        <v>8</v>
      </c>
      <c r="L104" s="79">
        <v>2</v>
      </c>
      <c r="M104" s="80">
        <v>6</v>
      </c>
    </row>
    <row r="105" spans="1:13" ht="21" customHeight="1">
      <c r="A105" s="38" t="s">
        <v>63</v>
      </c>
      <c r="B105" s="64">
        <v>-55</v>
      </c>
      <c r="C105" s="65">
        <v>-38</v>
      </c>
      <c r="D105" s="65">
        <v>-17</v>
      </c>
      <c r="E105" s="64">
        <v>50</v>
      </c>
      <c r="F105" s="65">
        <v>33</v>
      </c>
      <c r="G105" s="66">
        <v>17</v>
      </c>
      <c r="H105" s="65">
        <v>20</v>
      </c>
      <c r="I105" s="65">
        <v>10</v>
      </c>
      <c r="J105" s="65">
        <v>10</v>
      </c>
      <c r="K105" s="64">
        <v>25</v>
      </c>
      <c r="L105" s="77">
        <v>15</v>
      </c>
      <c r="M105" s="78">
        <v>10</v>
      </c>
    </row>
    <row r="106" spans="1:13">
      <c r="A106" s="27" t="s">
        <v>65</v>
      </c>
      <c r="B106" s="67">
        <v>-12</v>
      </c>
      <c r="C106" s="68">
        <v>-9</v>
      </c>
      <c r="D106" s="68">
        <v>-3</v>
      </c>
      <c r="E106" s="67">
        <v>10</v>
      </c>
      <c r="F106" s="68">
        <v>6</v>
      </c>
      <c r="G106" s="69">
        <v>4</v>
      </c>
      <c r="H106" s="68">
        <v>6</v>
      </c>
      <c r="I106" s="68">
        <v>3</v>
      </c>
      <c r="J106" s="68">
        <v>3</v>
      </c>
      <c r="K106" s="67">
        <v>8</v>
      </c>
      <c r="L106" s="79">
        <v>6</v>
      </c>
      <c r="M106" s="80">
        <v>2</v>
      </c>
    </row>
    <row r="107" spans="1:13">
      <c r="A107" s="27" t="s">
        <v>67</v>
      </c>
      <c r="B107" s="67">
        <v>-8</v>
      </c>
      <c r="C107" s="68">
        <v>-3</v>
      </c>
      <c r="D107" s="68">
        <v>-5</v>
      </c>
      <c r="E107" s="67">
        <v>8</v>
      </c>
      <c r="F107" s="68">
        <v>5</v>
      </c>
      <c r="G107" s="69">
        <v>3</v>
      </c>
      <c r="H107" s="68">
        <v>3</v>
      </c>
      <c r="I107" s="68">
        <v>2</v>
      </c>
      <c r="J107" s="68">
        <v>1</v>
      </c>
      <c r="K107" s="67">
        <v>3</v>
      </c>
      <c r="L107" s="79">
        <v>0</v>
      </c>
      <c r="M107" s="80">
        <v>3</v>
      </c>
    </row>
    <row r="108" spans="1:13">
      <c r="A108" s="27" t="s">
        <v>69</v>
      </c>
      <c r="B108" s="67">
        <v>-8</v>
      </c>
      <c r="C108" s="68">
        <v>-7</v>
      </c>
      <c r="D108" s="68">
        <v>-1</v>
      </c>
      <c r="E108" s="67">
        <v>9</v>
      </c>
      <c r="F108" s="68">
        <v>6</v>
      </c>
      <c r="G108" s="69">
        <v>3</v>
      </c>
      <c r="H108" s="68">
        <v>2</v>
      </c>
      <c r="I108" s="68">
        <v>0</v>
      </c>
      <c r="J108" s="68">
        <v>2</v>
      </c>
      <c r="K108" s="67">
        <v>1</v>
      </c>
      <c r="L108" s="79">
        <v>1</v>
      </c>
      <c r="M108" s="80">
        <v>0</v>
      </c>
    </row>
    <row r="109" spans="1:13">
      <c r="A109" s="27" t="s">
        <v>71</v>
      </c>
      <c r="B109" s="67">
        <v>-13</v>
      </c>
      <c r="C109" s="68">
        <v>-12</v>
      </c>
      <c r="D109" s="68">
        <v>-1</v>
      </c>
      <c r="E109" s="67">
        <v>11</v>
      </c>
      <c r="F109" s="68">
        <v>9</v>
      </c>
      <c r="G109" s="69">
        <v>2</v>
      </c>
      <c r="H109" s="68">
        <v>3</v>
      </c>
      <c r="I109" s="68">
        <v>1</v>
      </c>
      <c r="J109" s="68">
        <v>2</v>
      </c>
      <c r="K109" s="67">
        <v>5</v>
      </c>
      <c r="L109" s="79">
        <v>4</v>
      </c>
      <c r="M109" s="80">
        <v>1</v>
      </c>
    </row>
    <row r="110" spans="1:13">
      <c r="A110" s="27" t="s">
        <v>73</v>
      </c>
      <c r="B110" s="67">
        <v>-14</v>
      </c>
      <c r="C110" s="68">
        <v>-7</v>
      </c>
      <c r="D110" s="68">
        <v>-7</v>
      </c>
      <c r="E110" s="67">
        <v>12</v>
      </c>
      <c r="F110" s="68">
        <v>7</v>
      </c>
      <c r="G110" s="69">
        <v>5</v>
      </c>
      <c r="H110" s="68">
        <v>6</v>
      </c>
      <c r="I110" s="68">
        <v>4</v>
      </c>
      <c r="J110" s="68">
        <v>2</v>
      </c>
      <c r="K110" s="67">
        <v>8</v>
      </c>
      <c r="L110" s="79">
        <v>4</v>
      </c>
      <c r="M110" s="80">
        <v>4</v>
      </c>
    </row>
    <row r="111" spans="1:13" ht="21" customHeight="1">
      <c r="A111" s="38" t="s">
        <v>75</v>
      </c>
      <c r="B111" s="64">
        <v>-82</v>
      </c>
      <c r="C111" s="65">
        <v>-52</v>
      </c>
      <c r="D111" s="65">
        <v>-30</v>
      </c>
      <c r="E111" s="64">
        <v>70</v>
      </c>
      <c r="F111" s="65">
        <v>44</v>
      </c>
      <c r="G111" s="66">
        <v>26</v>
      </c>
      <c r="H111" s="65">
        <v>13</v>
      </c>
      <c r="I111" s="65">
        <v>3</v>
      </c>
      <c r="J111" s="65">
        <v>10</v>
      </c>
      <c r="K111" s="64">
        <v>25</v>
      </c>
      <c r="L111" s="77">
        <v>11</v>
      </c>
      <c r="M111" s="78">
        <v>14</v>
      </c>
    </row>
    <row r="112" spans="1:13">
      <c r="A112" s="27" t="s">
        <v>77</v>
      </c>
      <c r="B112" s="67">
        <v>-17</v>
      </c>
      <c r="C112" s="68">
        <v>-14</v>
      </c>
      <c r="D112" s="68">
        <v>-3</v>
      </c>
      <c r="E112" s="67">
        <v>12</v>
      </c>
      <c r="F112" s="68">
        <v>9</v>
      </c>
      <c r="G112" s="69">
        <v>3</v>
      </c>
      <c r="H112" s="68">
        <v>3</v>
      </c>
      <c r="I112" s="68">
        <v>0</v>
      </c>
      <c r="J112" s="68">
        <v>3</v>
      </c>
      <c r="K112" s="67">
        <v>8</v>
      </c>
      <c r="L112" s="79">
        <v>5</v>
      </c>
      <c r="M112" s="80">
        <v>3</v>
      </c>
    </row>
    <row r="113" spans="1:13">
      <c r="A113" s="27" t="s">
        <v>79</v>
      </c>
      <c r="B113" s="67">
        <v>-9</v>
      </c>
      <c r="C113" s="68">
        <v>-4</v>
      </c>
      <c r="D113" s="68">
        <v>-5</v>
      </c>
      <c r="E113" s="67">
        <v>11</v>
      </c>
      <c r="F113" s="68">
        <v>6</v>
      </c>
      <c r="G113" s="69">
        <v>5</v>
      </c>
      <c r="H113" s="68">
        <v>4</v>
      </c>
      <c r="I113" s="68">
        <v>3</v>
      </c>
      <c r="J113" s="68">
        <v>1</v>
      </c>
      <c r="K113" s="67">
        <v>2</v>
      </c>
      <c r="L113" s="79">
        <v>1</v>
      </c>
      <c r="M113" s="80">
        <v>1</v>
      </c>
    </row>
    <row r="114" spans="1:13">
      <c r="A114" s="27" t="s">
        <v>81</v>
      </c>
      <c r="B114" s="67">
        <v>-28</v>
      </c>
      <c r="C114" s="68">
        <v>-17</v>
      </c>
      <c r="D114" s="68">
        <v>-11</v>
      </c>
      <c r="E114" s="67">
        <v>22</v>
      </c>
      <c r="F114" s="68">
        <v>15</v>
      </c>
      <c r="G114" s="69">
        <v>7</v>
      </c>
      <c r="H114" s="68">
        <v>1</v>
      </c>
      <c r="I114" s="68">
        <v>0</v>
      </c>
      <c r="J114" s="68">
        <v>1</v>
      </c>
      <c r="K114" s="67">
        <v>7</v>
      </c>
      <c r="L114" s="79">
        <v>2</v>
      </c>
      <c r="M114" s="80">
        <v>5</v>
      </c>
    </row>
    <row r="115" spans="1:13">
      <c r="A115" s="27" t="s">
        <v>83</v>
      </c>
      <c r="B115" s="67">
        <v>-19</v>
      </c>
      <c r="C115" s="68">
        <v>-10</v>
      </c>
      <c r="D115" s="68">
        <v>-9</v>
      </c>
      <c r="E115" s="67">
        <v>14</v>
      </c>
      <c r="F115" s="68">
        <v>7</v>
      </c>
      <c r="G115" s="69">
        <v>7</v>
      </c>
      <c r="H115" s="68">
        <v>3</v>
      </c>
      <c r="I115" s="68">
        <v>0</v>
      </c>
      <c r="J115" s="68">
        <v>3</v>
      </c>
      <c r="K115" s="67">
        <v>8</v>
      </c>
      <c r="L115" s="79">
        <v>3</v>
      </c>
      <c r="M115" s="80">
        <v>5</v>
      </c>
    </row>
    <row r="116" spans="1:13">
      <c r="A116" s="27" t="s">
        <v>85</v>
      </c>
      <c r="B116" s="67">
        <v>-9</v>
      </c>
      <c r="C116" s="68">
        <v>-7</v>
      </c>
      <c r="D116" s="68">
        <v>-2</v>
      </c>
      <c r="E116" s="67">
        <v>11</v>
      </c>
      <c r="F116" s="68">
        <v>7</v>
      </c>
      <c r="G116" s="69">
        <v>4</v>
      </c>
      <c r="H116" s="68">
        <v>2</v>
      </c>
      <c r="I116" s="68">
        <v>0</v>
      </c>
      <c r="J116" s="68">
        <v>2</v>
      </c>
      <c r="K116" s="67">
        <v>0</v>
      </c>
      <c r="L116" s="79">
        <v>0</v>
      </c>
      <c r="M116" s="80">
        <v>0</v>
      </c>
    </row>
    <row r="117" spans="1:13" ht="21" customHeight="1">
      <c r="A117" s="38" t="s">
        <v>87</v>
      </c>
      <c r="B117" s="64">
        <v>-95</v>
      </c>
      <c r="C117" s="65">
        <v>-50</v>
      </c>
      <c r="D117" s="65">
        <v>-45</v>
      </c>
      <c r="E117" s="64">
        <v>94</v>
      </c>
      <c r="F117" s="65">
        <v>47</v>
      </c>
      <c r="G117" s="66">
        <v>47</v>
      </c>
      <c r="H117" s="65">
        <v>18</v>
      </c>
      <c r="I117" s="65">
        <v>2</v>
      </c>
      <c r="J117" s="65">
        <v>16</v>
      </c>
      <c r="K117" s="64">
        <v>19</v>
      </c>
      <c r="L117" s="77">
        <v>5</v>
      </c>
      <c r="M117" s="78">
        <v>14</v>
      </c>
    </row>
    <row r="118" spans="1:13">
      <c r="A118" s="27" t="s">
        <v>89</v>
      </c>
      <c r="B118" s="67">
        <v>-21</v>
      </c>
      <c r="C118" s="68">
        <v>-9</v>
      </c>
      <c r="D118" s="68">
        <v>-12</v>
      </c>
      <c r="E118" s="67">
        <v>22</v>
      </c>
      <c r="F118" s="68">
        <v>9</v>
      </c>
      <c r="G118" s="69">
        <v>13</v>
      </c>
      <c r="H118" s="68">
        <v>6</v>
      </c>
      <c r="I118" s="68">
        <v>0</v>
      </c>
      <c r="J118" s="68">
        <v>6</v>
      </c>
      <c r="K118" s="67">
        <v>5</v>
      </c>
      <c r="L118" s="79">
        <v>0</v>
      </c>
      <c r="M118" s="80">
        <v>5</v>
      </c>
    </row>
    <row r="119" spans="1:13">
      <c r="A119" s="27" t="s">
        <v>91</v>
      </c>
      <c r="B119" s="67">
        <v>-17</v>
      </c>
      <c r="C119" s="68">
        <v>-9</v>
      </c>
      <c r="D119" s="68">
        <v>-8</v>
      </c>
      <c r="E119" s="67">
        <v>15</v>
      </c>
      <c r="F119" s="68">
        <v>8</v>
      </c>
      <c r="G119" s="69">
        <v>7</v>
      </c>
      <c r="H119" s="68">
        <v>4</v>
      </c>
      <c r="I119" s="68">
        <v>0</v>
      </c>
      <c r="J119" s="68">
        <v>4</v>
      </c>
      <c r="K119" s="67">
        <v>6</v>
      </c>
      <c r="L119" s="79">
        <v>1</v>
      </c>
      <c r="M119" s="80">
        <v>5</v>
      </c>
    </row>
    <row r="120" spans="1:13">
      <c r="A120" s="27" t="s">
        <v>93</v>
      </c>
      <c r="B120" s="67">
        <v>-16</v>
      </c>
      <c r="C120" s="68">
        <v>-7</v>
      </c>
      <c r="D120" s="68">
        <v>-9</v>
      </c>
      <c r="E120" s="67">
        <v>17</v>
      </c>
      <c r="F120" s="68">
        <v>8</v>
      </c>
      <c r="G120" s="69">
        <v>9</v>
      </c>
      <c r="H120" s="68">
        <v>4</v>
      </c>
      <c r="I120" s="68">
        <v>1</v>
      </c>
      <c r="J120" s="68">
        <v>3</v>
      </c>
      <c r="K120" s="67">
        <v>3</v>
      </c>
      <c r="L120" s="79">
        <v>0</v>
      </c>
      <c r="M120" s="80">
        <v>3</v>
      </c>
    </row>
    <row r="121" spans="1:13">
      <c r="A121" s="27" t="s">
        <v>95</v>
      </c>
      <c r="B121" s="67">
        <v>-14</v>
      </c>
      <c r="C121" s="68">
        <v>-7</v>
      </c>
      <c r="D121" s="68">
        <v>-7</v>
      </c>
      <c r="E121" s="67">
        <v>13</v>
      </c>
      <c r="F121" s="68">
        <v>5</v>
      </c>
      <c r="G121" s="69">
        <v>8</v>
      </c>
      <c r="H121" s="68">
        <v>2</v>
      </c>
      <c r="I121" s="68">
        <v>0</v>
      </c>
      <c r="J121" s="68">
        <v>2</v>
      </c>
      <c r="K121" s="67">
        <v>3</v>
      </c>
      <c r="L121" s="79">
        <v>2</v>
      </c>
      <c r="M121" s="80">
        <v>1</v>
      </c>
    </row>
    <row r="122" spans="1:13">
      <c r="A122" s="27" t="s">
        <v>97</v>
      </c>
      <c r="B122" s="67">
        <v>-27</v>
      </c>
      <c r="C122" s="68">
        <v>-18</v>
      </c>
      <c r="D122" s="68">
        <v>-9</v>
      </c>
      <c r="E122" s="67">
        <v>27</v>
      </c>
      <c r="F122" s="68">
        <v>17</v>
      </c>
      <c r="G122" s="69">
        <v>10</v>
      </c>
      <c r="H122" s="68">
        <v>2</v>
      </c>
      <c r="I122" s="68">
        <v>1</v>
      </c>
      <c r="J122" s="68">
        <v>1</v>
      </c>
      <c r="K122" s="67">
        <v>2</v>
      </c>
      <c r="L122" s="79">
        <v>2</v>
      </c>
      <c r="M122" s="80">
        <v>0</v>
      </c>
    </row>
    <row r="123" spans="1:13" ht="21" customHeight="1">
      <c r="A123" s="38" t="s">
        <v>99</v>
      </c>
      <c r="B123" s="64">
        <v>-104</v>
      </c>
      <c r="C123" s="65">
        <v>-48</v>
      </c>
      <c r="D123" s="65">
        <v>-56</v>
      </c>
      <c r="E123" s="64">
        <v>106</v>
      </c>
      <c r="F123" s="65">
        <v>50</v>
      </c>
      <c r="G123" s="66">
        <v>56</v>
      </c>
      <c r="H123" s="65">
        <v>11</v>
      </c>
      <c r="I123" s="65">
        <v>5</v>
      </c>
      <c r="J123" s="65">
        <v>6</v>
      </c>
      <c r="K123" s="64">
        <v>9</v>
      </c>
      <c r="L123" s="77">
        <v>3</v>
      </c>
      <c r="M123" s="78">
        <v>6</v>
      </c>
    </row>
    <row r="124" spans="1:13">
      <c r="A124" s="27" t="s">
        <v>101</v>
      </c>
      <c r="B124" s="67">
        <v>-28</v>
      </c>
      <c r="C124" s="68">
        <v>-17</v>
      </c>
      <c r="D124" s="68">
        <v>-11</v>
      </c>
      <c r="E124" s="67">
        <v>29</v>
      </c>
      <c r="F124" s="68">
        <v>19</v>
      </c>
      <c r="G124" s="69">
        <v>10</v>
      </c>
      <c r="H124" s="68">
        <v>3</v>
      </c>
      <c r="I124" s="68">
        <v>2</v>
      </c>
      <c r="J124" s="68">
        <v>1</v>
      </c>
      <c r="K124" s="67">
        <v>2</v>
      </c>
      <c r="L124" s="79">
        <v>0</v>
      </c>
      <c r="M124" s="80">
        <v>2</v>
      </c>
    </row>
    <row r="125" spans="1:13">
      <c r="A125" s="27" t="s">
        <v>103</v>
      </c>
      <c r="B125" s="67">
        <v>-23</v>
      </c>
      <c r="C125" s="68">
        <v>-11</v>
      </c>
      <c r="D125" s="68">
        <v>-12</v>
      </c>
      <c r="E125" s="67">
        <v>22</v>
      </c>
      <c r="F125" s="68">
        <v>9</v>
      </c>
      <c r="G125" s="69">
        <v>13</v>
      </c>
      <c r="H125" s="68">
        <v>1</v>
      </c>
      <c r="I125" s="68">
        <v>0</v>
      </c>
      <c r="J125" s="68">
        <v>1</v>
      </c>
      <c r="K125" s="67">
        <v>2</v>
      </c>
      <c r="L125" s="79">
        <v>2</v>
      </c>
      <c r="M125" s="80">
        <v>0</v>
      </c>
    </row>
    <row r="126" spans="1:13">
      <c r="A126" s="27" t="s">
        <v>105</v>
      </c>
      <c r="B126" s="67">
        <v>-18</v>
      </c>
      <c r="C126" s="68">
        <v>-6</v>
      </c>
      <c r="D126" s="68">
        <v>-12</v>
      </c>
      <c r="E126" s="67">
        <v>18</v>
      </c>
      <c r="F126" s="68">
        <v>6</v>
      </c>
      <c r="G126" s="69">
        <v>12</v>
      </c>
      <c r="H126" s="68">
        <v>3</v>
      </c>
      <c r="I126" s="68">
        <v>1</v>
      </c>
      <c r="J126" s="68">
        <v>2</v>
      </c>
      <c r="K126" s="67">
        <v>3</v>
      </c>
      <c r="L126" s="79">
        <v>1</v>
      </c>
      <c r="M126" s="80">
        <v>2</v>
      </c>
    </row>
    <row r="127" spans="1:13">
      <c r="A127" s="27" t="s">
        <v>107</v>
      </c>
      <c r="B127" s="67">
        <v>-22</v>
      </c>
      <c r="C127" s="68">
        <v>-9</v>
      </c>
      <c r="D127" s="68">
        <v>-13</v>
      </c>
      <c r="E127" s="67">
        <v>22</v>
      </c>
      <c r="F127" s="68">
        <v>10</v>
      </c>
      <c r="G127" s="69">
        <v>12</v>
      </c>
      <c r="H127" s="68">
        <v>1</v>
      </c>
      <c r="I127" s="68">
        <v>1</v>
      </c>
      <c r="J127" s="68">
        <v>0</v>
      </c>
      <c r="K127" s="67">
        <v>1</v>
      </c>
      <c r="L127" s="79">
        <v>0</v>
      </c>
      <c r="M127" s="80">
        <v>1</v>
      </c>
    </row>
    <row r="128" spans="1:13">
      <c r="A128" s="27" t="s">
        <v>109</v>
      </c>
      <c r="B128" s="67">
        <v>-13</v>
      </c>
      <c r="C128" s="68">
        <v>-5</v>
      </c>
      <c r="D128" s="68">
        <v>-8</v>
      </c>
      <c r="E128" s="67">
        <v>15</v>
      </c>
      <c r="F128" s="68">
        <v>6</v>
      </c>
      <c r="G128" s="69">
        <v>9</v>
      </c>
      <c r="H128" s="68">
        <v>3</v>
      </c>
      <c r="I128" s="68">
        <v>1</v>
      </c>
      <c r="J128" s="68">
        <v>2</v>
      </c>
      <c r="K128" s="67">
        <v>1</v>
      </c>
      <c r="L128" s="79">
        <v>0</v>
      </c>
      <c r="M128" s="80">
        <v>1</v>
      </c>
    </row>
    <row r="129" spans="1:14" ht="21" customHeight="1">
      <c r="A129" s="38" t="s">
        <v>111</v>
      </c>
      <c r="B129" s="64">
        <v>-50</v>
      </c>
      <c r="C129" s="65">
        <v>-14</v>
      </c>
      <c r="D129" s="65">
        <v>-36</v>
      </c>
      <c r="E129" s="64">
        <v>45</v>
      </c>
      <c r="F129" s="65">
        <v>12</v>
      </c>
      <c r="G129" s="66">
        <v>33</v>
      </c>
      <c r="H129" s="65">
        <v>0</v>
      </c>
      <c r="I129" s="65">
        <v>0</v>
      </c>
      <c r="J129" s="65">
        <v>0</v>
      </c>
      <c r="K129" s="64">
        <v>5</v>
      </c>
      <c r="L129" s="77">
        <v>2</v>
      </c>
      <c r="M129" s="78">
        <v>3</v>
      </c>
    </row>
    <row r="130" spans="1:14">
      <c r="A130" s="27" t="s">
        <v>113</v>
      </c>
      <c r="B130" s="67">
        <v>-13</v>
      </c>
      <c r="C130" s="68">
        <v>-6</v>
      </c>
      <c r="D130" s="68">
        <v>-7</v>
      </c>
      <c r="E130" s="67">
        <v>12</v>
      </c>
      <c r="F130" s="68">
        <v>5</v>
      </c>
      <c r="G130" s="69">
        <v>7</v>
      </c>
      <c r="H130" s="68">
        <v>0</v>
      </c>
      <c r="I130" s="68">
        <v>0</v>
      </c>
      <c r="J130" s="68">
        <v>0</v>
      </c>
      <c r="K130" s="67">
        <v>1</v>
      </c>
      <c r="L130" s="79">
        <v>1</v>
      </c>
      <c r="M130" s="80">
        <v>0</v>
      </c>
    </row>
    <row r="131" spans="1:14">
      <c r="A131" s="27" t="s">
        <v>115</v>
      </c>
      <c r="B131" s="67">
        <v>-16</v>
      </c>
      <c r="C131" s="68">
        <v>-4</v>
      </c>
      <c r="D131" s="68">
        <v>-12</v>
      </c>
      <c r="E131" s="67">
        <v>15</v>
      </c>
      <c r="F131" s="68">
        <v>3</v>
      </c>
      <c r="G131" s="69">
        <v>12</v>
      </c>
      <c r="H131" s="68">
        <v>0</v>
      </c>
      <c r="I131" s="68">
        <v>0</v>
      </c>
      <c r="J131" s="68">
        <v>0</v>
      </c>
      <c r="K131" s="67">
        <v>1</v>
      </c>
      <c r="L131" s="79">
        <v>1</v>
      </c>
      <c r="M131" s="80">
        <v>0</v>
      </c>
    </row>
    <row r="132" spans="1:14">
      <c r="A132" s="27" t="s">
        <v>117</v>
      </c>
      <c r="B132" s="67">
        <v>-10</v>
      </c>
      <c r="C132" s="68">
        <v>-2</v>
      </c>
      <c r="D132" s="68">
        <v>-8</v>
      </c>
      <c r="E132" s="67">
        <v>8</v>
      </c>
      <c r="F132" s="68">
        <v>2</v>
      </c>
      <c r="G132" s="69">
        <v>6</v>
      </c>
      <c r="H132" s="68">
        <v>0</v>
      </c>
      <c r="I132" s="68">
        <v>0</v>
      </c>
      <c r="J132" s="68">
        <v>0</v>
      </c>
      <c r="K132" s="67">
        <v>2</v>
      </c>
      <c r="L132" s="79">
        <v>0</v>
      </c>
      <c r="M132" s="80">
        <v>2</v>
      </c>
    </row>
    <row r="133" spans="1:14">
      <c r="A133" s="27" t="s">
        <v>119</v>
      </c>
      <c r="B133" s="67">
        <v>-6</v>
      </c>
      <c r="C133" s="68">
        <v>-1</v>
      </c>
      <c r="D133" s="68">
        <v>-5</v>
      </c>
      <c r="E133" s="67">
        <v>5</v>
      </c>
      <c r="F133" s="68">
        <v>1</v>
      </c>
      <c r="G133" s="69">
        <v>4</v>
      </c>
      <c r="H133" s="68">
        <v>0</v>
      </c>
      <c r="I133" s="68">
        <v>0</v>
      </c>
      <c r="J133" s="68">
        <v>0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5</v>
      </c>
      <c r="C134" s="68">
        <v>-1</v>
      </c>
      <c r="D134" s="68">
        <v>-4</v>
      </c>
      <c r="E134" s="67">
        <v>5</v>
      </c>
      <c r="F134" s="68">
        <v>1</v>
      </c>
      <c r="G134" s="69">
        <v>4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16</v>
      </c>
      <c r="C135" s="40">
        <v>-1</v>
      </c>
      <c r="D135" s="40">
        <v>-15</v>
      </c>
      <c r="E135" s="42">
        <v>15</v>
      </c>
      <c r="F135" s="40">
        <v>1</v>
      </c>
      <c r="G135" s="43">
        <v>14</v>
      </c>
      <c r="H135" s="40">
        <v>0</v>
      </c>
      <c r="I135" s="40">
        <v>0</v>
      </c>
      <c r="J135" s="40">
        <v>0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7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1</v>
      </c>
      <c r="F3" s="54"/>
      <c r="G3" s="55"/>
      <c r="H3" s="53" t="s">
        <v>222</v>
      </c>
      <c r="I3" s="54"/>
      <c r="J3" s="55"/>
      <c r="K3" s="53" t="s">
        <v>228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258</v>
      </c>
      <c r="C5" s="62">
        <v>-119</v>
      </c>
      <c r="D5" s="62">
        <v>-139</v>
      </c>
      <c r="E5" s="61">
        <v>407</v>
      </c>
      <c r="F5" s="62">
        <v>207</v>
      </c>
      <c r="G5" s="63">
        <v>200</v>
      </c>
      <c r="H5" s="62">
        <v>951</v>
      </c>
      <c r="I5" s="62">
        <v>496</v>
      </c>
      <c r="J5" s="62">
        <v>455</v>
      </c>
      <c r="K5" s="61">
        <v>908</v>
      </c>
      <c r="L5" s="75">
        <v>461</v>
      </c>
      <c r="M5" s="76">
        <v>447</v>
      </c>
    </row>
    <row r="6" spans="1:13" ht="23.25" customHeight="1">
      <c r="A6" s="36" t="s">
        <v>2</v>
      </c>
      <c r="B6" s="64">
        <v>136</v>
      </c>
      <c r="C6" s="65">
        <v>79</v>
      </c>
      <c r="D6" s="65">
        <v>57</v>
      </c>
      <c r="E6" s="64">
        <v>0</v>
      </c>
      <c r="F6" s="65">
        <v>0</v>
      </c>
      <c r="G6" s="66">
        <v>0</v>
      </c>
      <c r="H6" s="65">
        <v>69</v>
      </c>
      <c r="I6" s="65">
        <v>41</v>
      </c>
      <c r="J6" s="65">
        <v>28</v>
      </c>
      <c r="K6" s="64">
        <v>39</v>
      </c>
      <c r="L6" s="77">
        <v>15</v>
      </c>
      <c r="M6" s="78">
        <v>24</v>
      </c>
    </row>
    <row r="7" spans="1:13">
      <c r="A7" s="15" t="s">
        <v>4</v>
      </c>
      <c r="B7" s="67">
        <v>112</v>
      </c>
      <c r="C7" s="68">
        <v>66</v>
      </c>
      <c r="D7" s="68">
        <v>46</v>
      </c>
      <c r="E7" s="67">
        <v>0</v>
      </c>
      <c r="F7" s="68">
        <v>0</v>
      </c>
      <c r="G7" s="69">
        <v>0</v>
      </c>
      <c r="H7" s="68">
        <v>18</v>
      </c>
      <c r="I7" s="68">
        <v>15</v>
      </c>
      <c r="J7" s="68">
        <v>3</v>
      </c>
      <c r="K7" s="67">
        <v>12</v>
      </c>
      <c r="L7" s="79">
        <v>2</v>
      </c>
      <c r="M7" s="80">
        <v>10</v>
      </c>
    </row>
    <row r="8" spans="1:13">
      <c r="A8" s="15" t="s">
        <v>6</v>
      </c>
      <c r="B8" s="67">
        <v>2</v>
      </c>
      <c r="C8" s="68">
        <v>-1</v>
      </c>
      <c r="D8" s="68">
        <v>3</v>
      </c>
      <c r="E8" s="67">
        <v>0</v>
      </c>
      <c r="F8" s="68">
        <v>0</v>
      </c>
      <c r="G8" s="69">
        <v>0</v>
      </c>
      <c r="H8" s="68">
        <v>11</v>
      </c>
      <c r="I8" s="68">
        <v>7</v>
      </c>
      <c r="J8" s="68">
        <v>4</v>
      </c>
      <c r="K8" s="67">
        <v>9</v>
      </c>
      <c r="L8" s="79">
        <v>8</v>
      </c>
      <c r="M8" s="80">
        <v>1</v>
      </c>
    </row>
    <row r="9" spans="1:13">
      <c r="A9" s="15" t="s">
        <v>8</v>
      </c>
      <c r="B9" s="67">
        <v>7</v>
      </c>
      <c r="C9" s="68">
        <v>2</v>
      </c>
      <c r="D9" s="68">
        <v>5</v>
      </c>
      <c r="E9" s="67">
        <v>0</v>
      </c>
      <c r="F9" s="68">
        <v>0</v>
      </c>
      <c r="G9" s="69">
        <v>0</v>
      </c>
      <c r="H9" s="68">
        <v>16</v>
      </c>
      <c r="I9" s="68">
        <v>6</v>
      </c>
      <c r="J9" s="68">
        <v>10</v>
      </c>
      <c r="K9" s="67">
        <v>9</v>
      </c>
      <c r="L9" s="79">
        <v>4</v>
      </c>
      <c r="M9" s="80">
        <v>5</v>
      </c>
    </row>
    <row r="10" spans="1:13">
      <c r="A10" s="15" t="s">
        <v>10</v>
      </c>
      <c r="B10" s="67">
        <v>10</v>
      </c>
      <c r="C10" s="68">
        <v>9</v>
      </c>
      <c r="D10" s="68">
        <v>1</v>
      </c>
      <c r="E10" s="67">
        <v>0</v>
      </c>
      <c r="F10" s="68">
        <v>0</v>
      </c>
      <c r="G10" s="69">
        <v>0</v>
      </c>
      <c r="H10" s="68">
        <v>15</v>
      </c>
      <c r="I10" s="68">
        <v>9</v>
      </c>
      <c r="J10" s="68">
        <v>6</v>
      </c>
      <c r="K10" s="67">
        <v>5</v>
      </c>
      <c r="L10" s="79">
        <v>0</v>
      </c>
      <c r="M10" s="80">
        <v>5</v>
      </c>
    </row>
    <row r="11" spans="1:13">
      <c r="A11" s="15" t="s">
        <v>12</v>
      </c>
      <c r="B11" s="67">
        <v>5</v>
      </c>
      <c r="C11" s="68">
        <v>3</v>
      </c>
      <c r="D11" s="68">
        <v>2</v>
      </c>
      <c r="E11" s="67">
        <v>0</v>
      </c>
      <c r="F11" s="68">
        <v>0</v>
      </c>
      <c r="G11" s="69">
        <v>0</v>
      </c>
      <c r="H11" s="68">
        <v>9</v>
      </c>
      <c r="I11" s="68">
        <v>4</v>
      </c>
      <c r="J11" s="68">
        <v>5</v>
      </c>
      <c r="K11" s="67">
        <v>4</v>
      </c>
      <c r="L11" s="79">
        <v>1</v>
      </c>
      <c r="M11" s="80">
        <v>3</v>
      </c>
    </row>
    <row r="12" spans="1:13" ht="21" customHeight="1">
      <c r="A12" s="36" t="s">
        <v>14</v>
      </c>
      <c r="B12" s="64">
        <v>2</v>
      </c>
      <c r="C12" s="65">
        <v>2</v>
      </c>
      <c r="D12" s="65">
        <v>0</v>
      </c>
      <c r="E12" s="64">
        <v>0</v>
      </c>
      <c r="F12" s="65">
        <v>0</v>
      </c>
      <c r="G12" s="66">
        <v>0</v>
      </c>
      <c r="H12" s="65">
        <v>37</v>
      </c>
      <c r="I12" s="65">
        <v>20</v>
      </c>
      <c r="J12" s="65">
        <v>17</v>
      </c>
      <c r="K12" s="64">
        <v>35</v>
      </c>
      <c r="L12" s="77">
        <v>18</v>
      </c>
      <c r="M12" s="78">
        <v>17</v>
      </c>
    </row>
    <row r="13" spans="1:13">
      <c r="A13" s="15" t="s">
        <v>16</v>
      </c>
      <c r="B13" s="67">
        <v>-2</v>
      </c>
      <c r="C13" s="68">
        <v>0</v>
      </c>
      <c r="D13" s="68">
        <v>-2</v>
      </c>
      <c r="E13" s="67">
        <v>0</v>
      </c>
      <c r="F13" s="68">
        <v>0</v>
      </c>
      <c r="G13" s="69">
        <v>0</v>
      </c>
      <c r="H13" s="68">
        <v>10</v>
      </c>
      <c r="I13" s="68">
        <v>7</v>
      </c>
      <c r="J13" s="68">
        <v>3</v>
      </c>
      <c r="K13" s="67">
        <v>12</v>
      </c>
      <c r="L13" s="79">
        <v>7</v>
      </c>
      <c r="M13" s="80">
        <v>5</v>
      </c>
    </row>
    <row r="14" spans="1:13">
      <c r="A14" s="15" t="s">
        <v>18</v>
      </c>
      <c r="B14" s="67">
        <v>3</v>
      </c>
      <c r="C14" s="68">
        <v>2</v>
      </c>
      <c r="D14" s="68">
        <v>1</v>
      </c>
      <c r="E14" s="67">
        <v>0</v>
      </c>
      <c r="F14" s="68">
        <v>0</v>
      </c>
      <c r="G14" s="69">
        <v>0</v>
      </c>
      <c r="H14" s="68">
        <v>8</v>
      </c>
      <c r="I14" s="68">
        <v>5</v>
      </c>
      <c r="J14" s="68">
        <v>3</v>
      </c>
      <c r="K14" s="67">
        <v>5</v>
      </c>
      <c r="L14" s="79">
        <v>3</v>
      </c>
      <c r="M14" s="80">
        <v>2</v>
      </c>
    </row>
    <row r="15" spans="1:13">
      <c r="A15" s="15" t="s">
        <v>20</v>
      </c>
      <c r="B15" s="67">
        <v>5</v>
      </c>
      <c r="C15" s="68">
        <v>1</v>
      </c>
      <c r="D15" s="68">
        <v>4</v>
      </c>
      <c r="E15" s="67">
        <v>0</v>
      </c>
      <c r="F15" s="68">
        <v>0</v>
      </c>
      <c r="G15" s="69">
        <v>0</v>
      </c>
      <c r="H15" s="68">
        <v>7</v>
      </c>
      <c r="I15" s="68">
        <v>2</v>
      </c>
      <c r="J15" s="68">
        <v>5</v>
      </c>
      <c r="K15" s="67">
        <v>2</v>
      </c>
      <c r="L15" s="79">
        <v>1</v>
      </c>
      <c r="M15" s="80">
        <v>1</v>
      </c>
    </row>
    <row r="16" spans="1:13">
      <c r="A16" s="15" t="s">
        <v>22</v>
      </c>
      <c r="B16" s="67">
        <v>-3</v>
      </c>
      <c r="C16" s="68">
        <v>0</v>
      </c>
      <c r="D16" s="68">
        <v>-3</v>
      </c>
      <c r="E16" s="67">
        <v>0</v>
      </c>
      <c r="F16" s="68">
        <v>0</v>
      </c>
      <c r="G16" s="69">
        <v>0</v>
      </c>
      <c r="H16" s="68">
        <v>5</v>
      </c>
      <c r="I16" s="68">
        <v>3</v>
      </c>
      <c r="J16" s="68">
        <v>2</v>
      </c>
      <c r="K16" s="67">
        <v>8</v>
      </c>
      <c r="L16" s="79">
        <v>3</v>
      </c>
      <c r="M16" s="80">
        <v>5</v>
      </c>
    </row>
    <row r="17" spans="1:13">
      <c r="A17" s="15" t="s">
        <v>24</v>
      </c>
      <c r="B17" s="67">
        <v>-1</v>
      </c>
      <c r="C17" s="68">
        <v>-1</v>
      </c>
      <c r="D17" s="68">
        <v>0</v>
      </c>
      <c r="E17" s="67">
        <v>0</v>
      </c>
      <c r="F17" s="68">
        <v>0</v>
      </c>
      <c r="G17" s="69">
        <v>0</v>
      </c>
      <c r="H17" s="68">
        <v>7</v>
      </c>
      <c r="I17" s="68">
        <v>3</v>
      </c>
      <c r="J17" s="68">
        <v>4</v>
      </c>
      <c r="K17" s="67">
        <v>8</v>
      </c>
      <c r="L17" s="79">
        <v>4</v>
      </c>
      <c r="M17" s="80">
        <v>4</v>
      </c>
    </row>
    <row r="18" spans="1:13" ht="21" customHeight="1">
      <c r="A18" s="36" t="s">
        <v>26</v>
      </c>
      <c r="B18" s="64">
        <v>5</v>
      </c>
      <c r="C18" s="65">
        <v>6</v>
      </c>
      <c r="D18" s="65">
        <v>-1</v>
      </c>
      <c r="E18" s="64">
        <v>0</v>
      </c>
      <c r="F18" s="65">
        <v>0</v>
      </c>
      <c r="G18" s="66">
        <v>0</v>
      </c>
      <c r="H18" s="65">
        <v>19</v>
      </c>
      <c r="I18" s="65">
        <v>12</v>
      </c>
      <c r="J18" s="65">
        <v>7</v>
      </c>
      <c r="K18" s="64">
        <v>14</v>
      </c>
      <c r="L18" s="77">
        <v>6</v>
      </c>
      <c r="M18" s="78">
        <v>8</v>
      </c>
    </row>
    <row r="19" spans="1:13">
      <c r="A19" s="15" t="s">
        <v>28</v>
      </c>
      <c r="B19" s="67">
        <v>1</v>
      </c>
      <c r="C19" s="68">
        <v>1</v>
      </c>
      <c r="D19" s="68">
        <v>0</v>
      </c>
      <c r="E19" s="67">
        <v>0</v>
      </c>
      <c r="F19" s="68">
        <v>0</v>
      </c>
      <c r="G19" s="69">
        <v>0</v>
      </c>
      <c r="H19" s="68">
        <v>2</v>
      </c>
      <c r="I19" s="68">
        <v>2</v>
      </c>
      <c r="J19" s="68">
        <v>0</v>
      </c>
      <c r="K19" s="67">
        <v>1</v>
      </c>
      <c r="L19" s="79">
        <v>1</v>
      </c>
      <c r="M19" s="80">
        <v>0</v>
      </c>
    </row>
    <row r="20" spans="1:13">
      <c r="A20" s="15" t="s">
        <v>30</v>
      </c>
      <c r="B20" s="67">
        <v>0</v>
      </c>
      <c r="C20" s="68">
        <v>1</v>
      </c>
      <c r="D20" s="68">
        <v>-1</v>
      </c>
      <c r="E20" s="67">
        <v>0</v>
      </c>
      <c r="F20" s="68">
        <v>0</v>
      </c>
      <c r="G20" s="69">
        <v>0</v>
      </c>
      <c r="H20" s="68">
        <v>3</v>
      </c>
      <c r="I20" s="68">
        <v>2</v>
      </c>
      <c r="J20" s="68">
        <v>1</v>
      </c>
      <c r="K20" s="67">
        <v>3</v>
      </c>
      <c r="L20" s="79">
        <v>1</v>
      </c>
      <c r="M20" s="80">
        <v>2</v>
      </c>
    </row>
    <row r="21" spans="1:13">
      <c r="A21" s="15" t="s">
        <v>32</v>
      </c>
      <c r="B21" s="67">
        <v>1</v>
      </c>
      <c r="C21" s="68">
        <v>1</v>
      </c>
      <c r="D21" s="68">
        <v>0</v>
      </c>
      <c r="E21" s="67">
        <v>0</v>
      </c>
      <c r="F21" s="68">
        <v>0</v>
      </c>
      <c r="G21" s="69">
        <v>0</v>
      </c>
      <c r="H21" s="68">
        <v>5</v>
      </c>
      <c r="I21" s="68">
        <v>3</v>
      </c>
      <c r="J21" s="68">
        <v>2</v>
      </c>
      <c r="K21" s="67">
        <v>4</v>
      </c>
      <c r="L21" s="79">
        <v>2</v>
      </c>
      <c r="M21" s="80">
        <v>2</v>
      </c>
    </row>
    <row r="22" spans="1:13">
      <c r="A22" s="15" t="s">
        <v>34</v>
      </c>
      <c r="B22" s="67">
        <v>-1</v>
      </c>
      <c r="C22" s="68">
        <v>0</v>
      </c>
      <c r="D22" s="68">
        <v>-1</v>
      </c>
      <c r="E22" s="67">
        <v>0</v>
      </c>
      <c r="F22" s="68">
        <v>0</v>
      </c>
      <c r="G22" s="69">
        <v>0</v>
      </c>
      <c r="H22" s="68">
        <v>4</v>
      </c>
      <c r="I22" s="68">
        <v>2</v>
      </c>
      <c r="J22" s="68">
        <v>2</v>
      </c>
      <c r="K22" s="67">
        <v>5</v>
      </c>
      <c r="L22" s="79">
        <v>2</v>
      </c>
      <c r="M22" s="80">
        <v>3</v>
      </c>
    </row>
    <row r="23" spans="1:13">
      <c r="A23" s="15" t="s">
        <v>36</v>
      </c>
      <c r="B23" s="67">
        <v>4</v>
      </c>
      <c r="C23" s="68">
        <v>3</v>
      </c>
      <c r="D23" s="68">
        <v>1</v>
      </c>
      <c r="E23" s="67">
        <v>0</v>
      </c>
      <c r="F23" s="68">
        <v>0</v>
      </c>
      <c r="G23" s="69">
        <v>0</v>
      </c>
      <c r="H23" s="68">
        <v>5</v>
      </c>
      <c r="I23" s="68">
        <v>3</v>
      </c>
      <c r="J23" s="68">
        <v>2</v>
      </c>
      <c r="K23" s="67">
        <v>1</v>
      </c>
      <c r="L23" s="79">
        <v>0</v>
      </c>
      <c r="M23" s="80">
        <v>1</v>
      </c>
    </row>
    <row r="24" spans="1:13" ht="21" customHeight="1">
      <c r="A24" s="36" t="s">
        <v>38</v>
      </c>
      <c r="B24" s="64">
        <v>-23</v>
      </c>
      <c r="C24" s="65">
        <v>-12</v>
      </c>
      <c r="D24" s="65">
        <v>-11</v>
      </c>
      <c r="E24" s="64">
        <v>1</v>
      </c>
      <c r="F24" s="65">
        <v>1</v>
      </c>
      <c r="G24" s="66">
        <v>0</v>
      </c>
      <c r="H24" s="65">
        <v>32</v>
      </c>
      <c r="I24" s="65">
        <v>22</v>
      </c>
      <c r="J24" s="65">
        <v>10</v>
      </c>
      <c r="K24" s="64">
        <v>54</v>
      </c>
      <c r="L24" s="77">
        <v>33</v>
      </c>
      <c r="M24" s="78">
        <v>21</v>
      </c>
    </row>
    <row r="25" spans="1:13">
      <c r="A25" s="15" t="s">
        <v>40</v>
      </c>
      <c r="B25" s="67">
        <v>-9</v>
      </c>
      <c r="C25" s="68">
        <v>-5</v>
      </c>
      <c r="D25" s="68">
        <v>-4</v>
      </c>
      <c r="E25" s="67">
        <v>0</v>
      </c>
      <c r="F25" s="68">
        <v>0</v>
      </c>
      <c r="G25" s="69">
        <v>0</v>
      </c>
      <c r="H25" s="68">
        <v>3</v>
      </c>
      <c r="I25" s="68">
        <v>3</v>
      </c>
      <c r="J25" s="68">
        <v>0</v>
      </c>
      <c r="K25" s="67">
        <v>12</v>
      </c>
      <c r="L25" s="79">
        <v>8</v>
      </c>
      <c r="M25" s="80">
        <v>4</v>
      </c>
    </row>
    <row r="26" spans="1:13">
      <c r="A26" s="15" t="s">
        <v>42</v>
      </c>
      <c r="B26" s="67">
        <v>0</v>
      </c>
      <c r="C26" s="68">
        <v>-1</v>
      </c>
      <c r="D26" s="68">
        <v>1</v>
      </c>
      <c r="E26" s="67">
        <v>0</v>
      </c>
      <c r="F26" s="68">
        <v>0</v>
      </c>
      <c r="G26" s="69">
        <v>0</v>
      </c>
      <c r="H26" s="68">
        <v>4</v>
      </c>
      <c r="I26" s="68">
        <v>2</v>
      </c>
      <c r="J26" s="68">
        <v>2</v>
      </c>
      <c r="K26" s="67">
        <v>4</v>
      </c>
      <c r="L26" s="79">
        <v>3</v>
      </c>
      <c r="M26" s="80">
        <v>1</v>
      </c>
    </row>
    <row r="27" spans="1:13">
      <c r="A27" s="15" t="s">
        <v>44</v>
      </c>
      <c r="B27" s="67">
        <v>0</v>
      </c>
      <c r="C27" s="68">
        <v>-1</v>
      </c>
      <c r="D27" s="68">
        <v>1</v>
      </c>
      <c r="E27" s="67">
        <v>1</v>
      </c>
      <c r="F27" s="68">
        <v>1</v>
      </c>
      <c r="G27" s="69">
        <v>0</v>
      </c>
      <c r="H27" s="68">
        <v>6</v>
      </c>
      <c r="I27" s="68">
        <v>4</v>
      </c>
      <c r="J27" s="68">
        <v>2</v>
      </c>
      <c r="K27" s="67">
        <v>5</v>
      </c>
      <c r="L27" s="79">
        <v>4</v>
      </c>
      <c r="M27" s="80">
        <v>1</v>
      </c>
    </row>
    <row r="28" spans="1:13">
      <c r="A28" s="15" t="s">
        <v>46</v>
      </c>
      <c r="B28" s="67">
        <v>-14</v>
      </c>
      <c r="C28" s="68">
        <v>-5</v>
      </c>
      <c r="D28" s="68">
        <v>-9</v>
      </c>
      <c r="E28" s="67">
        <v>0</v>
      </c>
      <c r="F28" s="68">
        <v>0</v>
      </c>
      <c r="G28" s="69">
        <v>0</v>
      </c>
      <c r="H28" s="68">
        <v>9</v>
      </c>
      <c r="I28" s="68">
        <v>6</v>
      </c>
      <c r="J28" s="68">
        <v>3</v>
      </c>
      <c r="K28" s="67">
        <v>23</v>
      </c>
      <c r="L28" s="79">
        <v>11</v>
      </c>
      <c r="M28" s="80">
        <v>12</v>
      </c>
    </row>
    <row r="29" spans="1:13">
      <c r="A29" s="15" t="s">
        <v>48</v>
      </c>
      <c r="B29" s="67">
        <v>0</v>
      </c>
      <c r="C29" s="68">
        <v>0</v>
      </c>
      <c r="D29" s="68">
        <v>0</v>
      </c>
      <c r="E29" s="67">
        <v>0</v>
      </c>
      <c r="F29" s="68">
        <v>0</v>
      </c>
      <c r="G29" s="69">
        <v>0</v>
      </c>
      <c r="H29" s="68">
        <v>10</v>
      </c>
      <c r="I29" s="68">
        <v>7</v>
      </c>
      <c r="J29" s="68">
        <v>3</v>
      </c>
      <c r="K29" s="67">
        <v>10</v>
      </c>
      <c r="L29" s="79">
        <v>7</v>
      </c>
      <c r="M29" s="80">
        <v>3</v>
      </c>
    </row>
    <row r="30" spans="1:13" ht="21" customHeight="1">
      <c r="A30" s="36" t="s">
        <v>50</v>
      </c>
      <c r="B30" s="64">
        <v>-55</v>
      </c>
      <c r="C30" s="65">
        <v>-33</v>
      </c>
      <c r="D30" s="65">
        <v>-22</v>
      </c>
      <c r="E30" s="64">
        <v>0</v>
      </c>
      <c r="F30" s="65">
        <v>0</v>
      </c>
      <c r="G30" s="66">
        <v>0</v>
      </c>
      <c r="H30" s="65">
        <v>98</v>
      </c>
      <c r="I30" s="65">
        <v>55</v>
      </c>
      <c r="J30" s="65">
        <v>43</v>
      </c>
      <c r="K30" s="64">
        <v>153</v>
      </c>
      <c r="L30" s="77">
        <v>88</v>
      </c>
      <c r="M30" s="78">
        <v>65</v>
      </c>
    </row>
    <row r="31" spans="1:13">
      <c r="A31" s="15" t="s">
        <v>52</v>
      </c>
      <c r="B31" s="67">
        <v>-12</v>
      </c>
      <c r="C31" s="68">
        <v>-8</v>
      </c>
      <c r="D31" s="68">
        <v>-4</v>
      </c>
      <c r="E31" s="67">
        <v>0</v>
      </c>
      <c r="F31" s="68">
        <v>0</v>
      </c>
      <c r="G31" s="69">
        <v>0</v>
      </c>
      <c r="H31" s="68">
        <v>10</v>
      </c>
      <c r="I31" s="68">
        <v>4</v>
      </c>
      <c r="J31" s="68">
        <v>6</v>
      </c>
      <c r="K31" s="67">
        <v>22</v>
      </c>
      <c r="L31" s="79">
        <v>12</v>
      </c>
      <c r="M31" s="80">
        <v>10</v>
      </c>
    </row>
    <row r="32" spans="1:13">
      <c r="A32" s="15" t="s">
        <v>54</v>
      </c>
      <c r="B32" s="67">
        <v>-2</v>
      </c>
      <c r="C32" s="68">
        <v>-2</v>
      </c>
      <c r="D32" s="68">
        <v>0</v>
      </c>
      <c r="E32" s="67">
        <v>0</v>
      </c>
      <c r="F32" s="68">
        <v>0</v>
      </c>
      <c r="G32" s="69">
        <v>0</v>
      </c>
      <c r="H32" s="68">
        <v>18</v>
      </c>
      <c r="I32" s="68">
        <v>10</v>
      </c>
      <c r="J32" s="68">
        <v>8</v>
      </c>
      <c r="K32" s="67">
        <v>20</v>
      </c>
      <c r="L32" s="79">
        <v>12</v>
      </c>
      <c r="M32" s="80">
        <v>8</v>
      </c>
    </row>
    <row r="33" spans="1:13">
      <c r="A33" s="15" t="s">
        <v>56</v>
      </c>
      <c r="B33" s="67">
        <v>-27</v>
      </c>
      <c r="C33" s="68">
        <v>-18</v>
      </c>
      <c r="D33" s="68">
        <v>-9</v>
      </c>
      <c r="E33" s="67">
        <v>0</v>
      </c>
      <c r="F33" s="68">
        <v>0</v>
      </c>
      <c r="G33" s="69">
        <v>0</v>
      </c>
      <c r="H33" s="68">
        <v>15</v>
      </c>
      <c r="I33" s="68">
        <v>7</v>
      </c>
      <c r="J33" s="68">
        <v>8</v>
      </c>
      <c r="K33" s="67">
        <v>42</v>
      </c>
      <c r="L33" s="79">
        <v>25</v>
      </c>
      <c r="M33" s="80">
        <v>17</v>
      </c>
    </row>
    <row r="34" spans="1:13">
      <c r="A34" s="15" t="s">
        <v>58</v>
      </c>
      <c r="B34" s="67">
        <v>-1</v>
      </c>
      <c r="C34" s="68">
        <v>0</v>
      </c>
      <c r="D34" s="68">
        <v>-1</v>
      </c>
      <c r="E34" s="67">
        <v>0</v>
      </c>
      <c r="F34" s="68">
        <v>0</v>
      </c>
      <c r="G34" s="69">
        <v>0</v>
      </c>
      <c r="H34" s="68">
        <v>27</v>
      </c>
      <c r="I34" s="68">
        <v>18</v>
      </c>
      <c r="J34" s="68">
        <v>9</v>
      </c>
      <c r="K34" s="67">
        <v>28</v>
      </c>
      <c r="L34" s="79">
        <v>18</v>
      </c>
      <c r="M34" s="80">
        <v>10</v>
      </c>
    </row>
    <row r="35" spans="1:13">
      <c r="A35" s="15" t="s">
        <v>60</v>
      </c>
      <c r="B35" s="67">
        <v>-13</v>
      </c>
      <c r="C35" s="68">
        <v>-5</v>
      </c>
      <c r="D35" s="68">
        <v>-8</v>
      </c>
      <c r="E35" s="67">
        <v>0</v>
      </c>
      <c r="F35" s="68">
        <v>0</v>
      </c>
      <c r="G35" s="69">
        <v>0</v>
      </c>
      <c r="H35" s="68">
        <v>28</v>
      </c>
      <c r="I35" s="68">
        <v>16</v>
      </c>
      <c r="J35" s="68">
        <v>12</v>
      </c>
      <c r="K35" s="67">
        <v>41</v>
      </c>
      <c r="L35" s="79">
        <v>21</v>
      </c>
      <c r="M35" s="80">
        <v>20</v>
      </c>
    </row>
    <row r="36" spans="1:13" ht="21" customHeight="1">
      <c r="A36" s="36" t="s">
        <v>62</v>
      </c>
      <c r="B36" s="64">
        <v>-50</v>
      </c>
      <c r="C36" s="65">
        <v>-28</v>
      </c>
      <c r="D36" s="65">
        <v>-22</v>
      </c>
      <c r="E36" s="64">
        <v>0</v>
      </c>
      <c r="F36" s="65">
        <v>0</v>
      </c>
      <c r="G36" s="66">
        <v>0</v>
      </c>
      <c r="H36" s="65">
        <v>112</v>
      </c>
      <c r="I36" s="65">
        <v>56</v>
      </c>
      <c r="J36" s="65">
        <v>56</v>
      </c>
      <c r="K36" s="64">
        <v>162</v>
      </c>
      <c r="L36" s="77">
        <v>84</v>
      </c>
      <c r="M36" s="78">
        <v>78</v>
      </c>
    </row>
    <row r="37" spans="1:13">
      <c r="A37" s="15" t="s">
        <v>64</v>
      </c>
      <c r="B37" s="67">
        <v>-11</v>
      </c>
      <c r="C37" s="68">
        <v>-8</v>
      </c>
      <c r="D37" s="68">
        <v>-3</v>
      </c>
      <c r="E37" s="67">
        <v>0</v>
      </c>
      <c r="F37" s="68">
        <v>0</v>
      </c>
      <c r="G37" s="69">
        <v>0</v>
      </c>
      <c r="H37" s="68">
        <v>22</v>
      </c>
      <c r="I37" s="68">
        <v>11</v>
      </c>
      <c r="J37" s="68">
        <v>11</v>
      </c>
      <c r="K37" s="67">
        <v>33</v>
      </c>
      <c r="L37" s="79">
        <v>19</v>
      </c>
      <c r="M37" s="80">
        <v>14</v>
      </c>
    </row>
    <row r="38" spans="1:13">
      <c r="A38" s="15" t="s">
        <v>66</v>
      </c>
      <c r="B38" s="67">
        <v>-21</v>
      </c>
      <c r="C38" s="68">
        <v>-9</v>
      </c>
      <c r="D38" s="68">
        <v>-12</v>
      </c>
      <c r="E38" s="67">
        <v>0</v>
      </c>
      <c r="F38" s="68">
        <v>0</v>
      </c>
      <c r="G38" s="69">
        <v>0</v>
      </c>
      <c r="H38" s="68">
        <v>21</v>
      </c>
      <c r="I38" s="68">
        <v>11</v>
      </c>
      <c r="J38" s="68">
        <v>10</v>
      </c>
      <c r="K38" s="67">
        <v>42</v>
      </c>
      <c r="L38" s="79">
        <v>20</v>
      </c>
      <c r="M38" s="80">
        <v>22</v>
      </c>
    </row>
    <row r="39" spans="1:13">
      <c r="A39" s="15" t="s">
        <v>68</v>
      </c>
      <c r="B39" s="67">
        <v>-14</v>
      </c>
      <c r="C39" s="68">
        <v>-9</v>
      </c>
      <c r="D39" s="68">
        <v>-5</v>
      </c>
      <c r="E39" s="67">
        <v>0</v>
      </c>
      <c r="F39" s="68">
        <v>0</v>
      </c>
      <c r="G39" s="69">
        <v>0</v>
      </c>
      <c r="H39" s="68">
        <v>25</v>
      </c>
      <c r="I39" s="68">
        <v>10</v>
      </c>
      <c r="J39" s="68">
        <v>15</v>
      </c>
      <c r="K39" s="67">
        <v>39</v>
      </c>
      <c r="L39" s="79">
        <v>19</v>
      </c>
      <c r="M39" s="80">
        <v>20</v>
      </c>
    </row>
    <row r="40" spans="1:13">
      <c r="A40" s="15" t="s">
        <v>70</v>
      </c>
      <c r="B40" s="67">
        <v>-2</v>
      </c>
      <c r="C40" s="68">
        <v>2</v>
      </c>
      <c r="D40" s="68">
        <v>-4</v>
      </c>
      <c r="E40" s="67">
        <v>0</v>
      </c>
      <c r="F40" s="68">
        <v>0</v>
      </c>
      <c r="G40" s="69">
        <v>0</v>
      </c>
      <c r="H40" s="68">
        <v>24</v>
      </c>
      <c r="I40" s="68">
        <v>15</v>
      </c>
      <c r="J40" s="68">
        <v>9</v>
      </c>
      <c r="K40" s="67">
        <v>26</v>
      </c>
      <c r="L40" s="79">
        <v>13</v>
      </c>
      <c r="M40" s="80">
        <v>13</v>
      </c>
    </row>
    <row r="41" spans="1:13">
      <c r="A41" s="15" t="s">
        <v>72</v>
      </c>
      <c r="B41" s="67">
        <v>-2</v>
      </c>
      <c r="C41" s="68">
        <v>-4</v>
      </c>
      <c r="D41" s="68">
        <v>2</v>
      </c>
      <c r="E41" s="67">
        <v>0</v>
      </c>
      <c r="F41" s="68">
        <v>0</v>
      </c>
      <c r="G41" s="69">
        <v>0</v>
      </c>
      <c r="H41" s="68">
        <v>20</v>
      </c>
      <c r="I41" s="68">
        <v>9</v>
      </c>
      <c r="J41" s="68">
        <v>11</v>
      </c>
      <c r="K41" s="67">
        <v>22</v>
      </c>
      <c r="L41" s="79">
        <v>13</v>
      </c>
      <c r="M41" s="80">
        <v>9</v>
      </c>
    </row>
    <row r="42" spans="1:13" ht="21" customHeight="1">
      <c r="A42" s="36" t="s">
        <v>74</v>
      </c>
      <c r="B42" s="64">
        <v>3</v>
      </c>
      <c r="C42" s="65">
        <v>13</v>
      </c>
      <c r="D42" s="65">
        <v>-10</v>
      </c>
      <c r="E42" s="64">
        <v>0</v>
      </c>
      <c r="F42" s="65">
        <v>0</v>
      </c>
      <c r="G42" s="66">
        <v>0</v>
      </c>
      <c r="H42" s="65">
        <v>110</v>
      </c>
      <c r="I42" s="65">
        <v>69</v>
      </c>
      <c r="J42" s="65">
        <v>41</v>
      </c>
      <c r="K42" s="64">
        <v>107</v>
      </c>
      <c r="L42" s="77">
        <v>56</v>
      </c>
      <c r="M42" s="78">
        <v>51</v>
      </c>
    </row>
    <row r="43" spans="1:13">
      <c r="A43" s="15" t="s">
        <v>76</v>
      </c>
      <c r="B43" s="67">
        <v>4</v>
      </c>
      <c r="C43" s="68">
        <v>7</v>
      </c>
      <c r="D43" s="68">
        <v>-3</v>
      </c>
      <c r="E43" s="67">
        <v>0</v>
      </c>
      <c r="F43" s="68">
        <v>0</v>
      </c>
      <c r="G43" s="69">
        <v>0</v>
      </c>
      <c r="H43" s="68">
        <v>28</v>
      </c>
      <c r="I43" s="68">
        <v>21</v>
      </c>
      <c r="J43" s="68">
        <v>7</v>
      </c>
      <c r="K43" s="67">
        <v>24</v>
      </c>
      <c r="L43" s="79">
        <v>14</v>
      </c>
      <c r="M43" s="80">
        <v>10</v>
      </c>
    </row>
    <row r="44" spans="1:13">
      <c r="A44" s="15" t="s">
        <v>78</v>
      </c>
      <c r="B44" s="67">
        <v>-5</v>
      </c>
      <c r="C44" s="68">
        <v>-5</v>
      </c>
      <c r="D44" s="68">
        <v>0</v>
      </c>
      <c r="E44" s="67">
        <v>0</v>
      </c>
      <c r="F44" s="68">
        <v>0</v>
      </c>
      <c r="G44" s="69">
        <v>0</v>
      </c>
      <c r="H44" s="68">
        <v>17</v>
      </c>
      <c r="I44" s="68">
        <v>10</v>
      </c>
      <c r="J44" s="68">
        <v>7</v>
      </c>
      <c r="K44" s="67">
        <v>22</v>
      </c>
      <c r="L44" s="79">
        <v>15</v>
      </c>
      <c r="M44" s="80">
        <v>7</v>
      </c>
    </row>
    <row r="45" spans="1:13">
      <c r="A45" s="15" t="s">
        <v>80</v>
      </c>
      <c r="B45" s="67">
        <v>-5</v>
      </c>
      <c r="C45" s="68">
        <v>0</v>
      </c>
      <c r="D45" s="68">
        <v>-5</v>
      </c>
      <c r="E45" s="67">
        <v>0</v>
      </c>
      <c r="F45" s="68">
        <v>0</v>
      </c>
      <c r="G45" s="69">
        <v>0</v>
      </c>
      <c r="H45" s="68">
        <v>17</v>
      </c>
      <c r="I45" s="68">
        <v>10</v>
      </c>
      <c r="J45" s="68">
        <v>7</v>
      </c>
      <c r="K45" s="67">
        <v>22</v>
      </c>
      <c r="L45" s="79">
        <v>10</v>
      </c>
      <c r="M45" s="80">
        <v>12</v>
      </c>
    </row>
    <row r="46" spans="1:13">
      <c r="A46" s="15" t="s">
        <v>82</v>
      </c>
      <c r="B46" s="67">
        <v>7</v>
      </c>
      <c r="C46" s="68">
        <v>12</v>
      </c>
      <c r="D46" s="68">
        <v>-5</v>
      </c>
      <c r="E46" s="67">
        <v>0</v>
      </c>
      <c r="F46" s="68">
        <v>0</v>
      </c>
      <c r="G46" s="69">
        <v>0</v>
      </c>
      <c r="H46" s="68">
        <v>26</v>
      </c>
      <c r="I46" s="68">
        <v>18</v>
      </c>
      <c r="J46" s="68">
        <v>8</v>
      </c>
      <c r="K46" s="67">
        <v>19</v>
      </c>
      <c r="L46" s="79">
        <v>6</v>
      </c>
      <c r="M46" s="80">
        <v>13</v>
      </c>
    </row>
    <row r="47" spans="1:13">
      <c r="A47" s="15" t="s">
        <v>84</v>
      </c>
      <c r="B47" s="67">
        <v>2</v>
      </c>
      <c r="C47" s="68">
        <v>-1</v>
      </c>
      <c r="D47" s="68">
        <v>3</v>
      </c>
      <c r="E47" s="67">
        <v>0</v>
      </c>
      <c r="F47" s="68">
        <v>0</v>
      </c>
      <c r="G47" s="69">
        <v>0</v>
      </c>
      <c r="H47" s="68">
        <v>22</v>
      </c>
      <c r="I47" s="68">
        <v>10</v>
      </c>
      <c r="J47" s="68">
        <v>12</v>
      </c>
      <c r="K47" s="67">
        <v>20</v>
      </c>
      <c r="L47" s="79">
        <v>11</v>
      </c>
      <c r="M47" s="80">
        <v>9</v>
      </c>
    </row>
    <row r="48" spans="1:13" ht="21" customHeight="1">
      <c r="A48" s="36" t="s">
        <v>86</v>
      </c>
      <c r="B48" s="64">
        <v>16</v>
      </c>
      <c r="C48" s="65">
        <v>12</v>
      </c>
      <c r="D48" s="65">
        <v>4</v>
      </c>
      <c r="E48" s="64">
        <v>1</v>
      </c>
      <c r="F48" s="65">
        <v>1</v>
      </c>
      <c r="G48" s="66">
        <v>0</v>
      </c>
      <c r="H48" s="65">
        <v>84</v>
      </c>
      <c r="I48" s="65">
        <v>39</v>
      </c>
      <c r="J48" s="65">
        <v>45</v>
      </c>
      <c r="K48" s="64">
        <v>67</v>
      </c>
      <c r="L48" s="77">
        <v>26</v>
      </c>
      <c r="M48" s="78">
        <v>41</v>
      </c>
    </row>
    <row r="49" spans="1:13">
      <c r="A49" s="15" t="s">
        <v>88</v>
      </c>
      <c r="B49" s="67">
        <v>-3</v>
      </c>
      <c r="C49" s="68">
        <v>-1</v>
      </c>
      <c r="D49" s="68">
        <v>-2</v>
      </c>
      <c r="E49" s="67">
        <v>0</v>
      </c>
      <c r="F49" s="68">
        <v>0</v>
      </c>
      <c r="G49" s="69">
        <v>0</v>
      </c>
      <c r="H49" s="68">
        <v>14</v>
      </c>
      <c r="I49" s="68">
        <v>8</v>
      </c>
      <c r="J49" s="68">
        <v>6</v>
      </c>
      <c r="K49" s="67">
        <v>17</v>
      </c>
      <c r="L49" s="79">
        <v>9</v>
      </c>
      <c r="M49" s="80">
        <v>8</v>
      </c>
    </row>
    <row r="50" spans="1:13">
      <c r="A50" s="15" t="s">
        <v>90</v>
      </c>
      <c r="B50" s="67">
        <v>3</v>
      </c>
      <c r="C50" s="68">
        <v>3</v>
      </c>
      <c r="D50" s="68">
        <v>0</v>
      </c>
      <c r="E50" s="67">
        <v>0</v>
      </c>
      <c r="F50" s="68">
        <v>0</v>
      </c>
      <c r="G50" s="69">
        <v>0</v>
      </c>
      <c r="H50" s="68">
        <v>19</v>
      </c>
      <c r="I50" s="68">
        <v>10</v>
      </c>
      <c r="J50" s="68">
        <v>9</v>
      </c>
      <c r="K50" s="67">
        <v>16</v>
      </c>
      <c r="L50" s="79">
        <v>7</v>
      </c>
      <c r="M50" s="80">
        <v>9</v>
      </c>
    </row>
    <row r="51" spans="1:13">
      <c r="A51" s="15" t="s">
        <v>92</v>
      </c>
      <c r="B51" s="67">
        <v>7</v>
      </c>
      <c r="C51" s="68">
        <v>0</v>
      </c>
      <c r="D51" s="68">
        <v>7</v>
      </c>
      <c r="E51" s="67">
        <v>0</v>
      </c>
      <c r="F51" s="68">
        <v>0</v>
      </c>
      <c r="G51" s="69">
        <v>0</v>
      </c>
      <c r="H51" s="68">
        <v>17</v>
      </c>
      <c r="I51" s="68">
        <v>3</v>
      </c>
      <c r="J51" s="68">
        <v>14</v>
      </c>
      <c r="K51" s="67">
        <v>10</v>
      </c>
      <c r="L51" s="79">
        <v>3</v>
      </c>
      <c r="M51" s="80">
        <v>7</v>
      </c>
    </row>
    <row r="52" spans="1:13">
      <c r="A52" s="15" t="s">
        <v>94</v>
      </c>
      <c r="B52" s="67">
        <v>0</v>
      </c>
      <c r="C52" s="68">
        <v>4</v>
      </c>
      <c r="D52" s="68">
        <v>-4</v>
      </c>
      <c r="E52" s="67">
        <v>1</v>
      </c>
      <c r="F52" s="68">
        <v>1</v>
      </c>
      <c r="G52" s="69">
        <v>0</v>
      </c>
      <c r="H52" s="68">
        <v>16</v>
      </c>
      <c r="I52" s="68">
        <v>10</v>
      </c>
      <c r="J52" s="68">
        <v>6</v>
      </c>
      <c r="K52" s="67">
        <v>15</v>
      </c>
      <c r="L52" s="79">
        <v>5</v>
      </c>
      <c r="M52" s="80">
        <v>10</v>
      </c>
    </row>
    <row r="53" spans="1:13">
      <c r="A53" s="15" t="s">
        <v>96</v>
      </c>
      <c r="B53" s="67">
        <v>9</v>
      </c>
      <c r="C53" s="68">
        <v>6</v>
      </c>
      <c r="D53" s="68">
        <v>3</v>
      </c>
      <c r="E53" s="67">
        <v>0</v>
      </c>
      <c r="F53" s="68">
        <v>0</v>
      </c>
      <c r="G53" s="69">
        <v>0</v>
      </c>
      <c r="H53" s="68">
        <v>18</v>
      </c>
      <c r="I53" s="68">
        <v>8</v>
      </c>
      <c r="J53" s="68">
        <v>10</v>
      </c>
      <c r="K53" s="67">
        <v>9</v>
      </c>
      <c r="L53" s="79">
        <v>2</v>
      </c>
      <c r="M53" s="80">
        <v>7</v>
      </c>
    </row>
    <row r="54" spans="1:13" ht="21" customHeight="1">
      <c r="A54" s="36" t="s">
        <v>98</v>
      </c>
      <c r="B54" s="64">
        <v>29</v>
      </c>
      <c r="C54" s="65">
        <v>14</v>
      </c>
      <c r="D54" s="65">
        <v>15</v>
      </c>
      <c r="E54" s="64">
        <v>1</v>
      </c>
      <c r="F54" s="65">
        <v>0</v>
      </c>
      <c r="G54" s="66">
        <v>1</v>
      </c>
      <c r="H54" s="65">
        <v>73</v>
      </c>
      <c r="I54" s="65">
        <v>37</v>
      </c>
      <c r="J54" s="65">
        <v>36</v>
      </c>
      <c r="K54" s="64">
        <v>43</v>
      </c>
      <c r="L54" s="77">
        <v>23</v>
      </c>
      <c r="M54" s="78">
        <v>20</v>
      </c>
    </row>
    <row r="55" spans="1:13">
      <c r="A55" s="15" t="s">
        <v>100</v>
      </c>
      <c r="B55" s="67">
        <v>14</v>
      </c>
      <c r="C55" s="68">
        <v>7</v>
      </c>
      <c r="D55" s="68">
        <v>7</v>
      </c>
      <c r="E55" s="67">
        <v>0</v>
      </c>
      <c r="F55" s="68">
        <v>0</v>
      </c>
      <c r="G55" s="69">
        <v>0</v>
      </c>
      <c r="H55" s="68">
        <v>20</v>
      </c>
      <c r="I55" s="68">
        <v>11</v>
      </c>
      <c r="J55" s="68">
        <v>9</v>
      </c>
      <c r="K55" s="67">
        <v>6</v>
      </c>
      <c r="L55" s="79">
        <v>4</v>
      </c>
      <c r="M55" s="80">
        <v>2</v>
      </c>
    </row>
    <row r="56" spans="1:13">
      <c r="A56" s="15" t="s">
        <v>102</v>
      </c>
      <c r="B56" s="67">
        <v>11</v>
      </c>
      <c r="C56" s="68">
        <v>3</v>
      </c>
      <c r="D56" s="68">
        <v>8</v>
      </c>
      <c r="E56" s="67">
        <v>0</v>
      </c>
      <c r="F56" s="68">
        <v>0</v>
      </c>
      <c r="G56" s="69">
        <v>0</v>
      </c>
      <c r="H56" s="68">
        <v>20</v>
      </c>
      <c r="I56" s="68">
        <v>9</v>
      </c>
      <c r="J56" s="68">
        <v>11</v>
      </c>
      <c r="K56" s="67">
        <v>9</v>
      </c>
      <c r="L56" s="79">
        <v>6</v>
      </c>
      <c r="M56" s="80">
        <v>3</v>
      </c>
    </row>
    <row r="57" spans="1:13">
      <c r="A57" s="15" t="s">
        <v>104</v>
      </c>
      <c r="B57" s="67">
        <v>3</v>
      </c>
      <c r="C57" s="68">
        <v>5</v>
      </c>
      <c r="D57" s="68">
        <v>-2</v>
      </c>
      <c r="E57" s="67">
        <v>1</v>
      </c>
      <c r="F57" s="68">
        <v>0</v>
      </c>
      <c r="G57" s="69">
        <v>1</v>
      </c>
      <c r="H57" s="68">
        <v>10</v>
      </c>
      <c r="I57" s="68">
        <v>6</v>
      </c>
      <c r="J57" s="68">
        <v>4</v>
      </c>
      <c r="K57" s="67">
        <v>6</v>
      </c>
      <c r="L57" s="79">
        <v>1</v>
      </c>
      <c r="M57" s="80">
        <v>5</v>
      </c>
    </row>
    <row r="58" spans="1:13">
      <c r="A58" s="15" t="s">
        <v>106</v>
      </c>
      <c r="B58" s="67">
        <v>3</v>
      </c>
      <c r="C58" s="68">
        <v>0</v>
      </c>
      <c r="D58" s="68">
        <v>3</v>
      </c>
      <c r="E58" s="67">
        <v>0</v>
      </c>
      <c r="F58" s="68">
        <v>0</v>
      </c>
      <c r="G58" s="69">
        <v>0</v>
      </c>
      <c r="H58" s="68">
        <v>15</v>
      </c>
      <c r="I58" s="68">
        <v>7</v>
      </c>
      <c r="J58" s="68">
        <v>8</v>
      </c>
      <c r="K58" s="67">
        <v>12</v>
      </c>
      <c r="L58" s="79">
        <v>7</v>
      </c>
      <c r="M58" s="80">
        <v>5</v>
      </c>
    </row>
    <row r="59" spans="1:13">
      <c r="A59" s="15" t="s">
        <v>108</v>
      </c>
      <c r="B59" s="67">
        <v>-2</v>
      </c>
      <c r="C59" s="68">
        <v>-1</v>
      </c>
      <c r="D59" s="68">
        <v>-1</v>
      </c>
      <c r="E59" s="67">
        <v>0</v>
      </c>
      <c r="F59" s="68">
        <v>0</v>
      </c>
      <c r="G59" s="69">
        <v>0</v>
      </c>
      <c r="H59" s="68">
        <v>8</v>
      </c>
      <c r="I59" s="68">
        <v>4</v>
      </c>
      <c r="J59" s="68">
        <v>4</v>
      </c>
      <c r="K59" s="67">
        <v>10</v>
      </c>
      <c r="L59" s="79">
        <v>5</v>
      </c>
      <c r="M59" s="80">
        <v>5</v>
      </c>
    </row>
    <row r="60" spans="1:13" ht="21" customHeight="1">
      <c r="A60" s="36" t="s">
        <v>110</v>
      </c>
      <c r="B60" s="64">
        <v>9</v>
      </c>
      <c r="C60" s="65">
        <v>1</v>
      </c>
      <c r="D60" s="65">
        <v>8</v>
      </c>
      <c r="E60" s="64">
        <v>5</v>
      </c>
      <c r="F60" s="65">
        <v>2</v>
      </c>
      <c r="G60" s="66">
        <v>3</v>
      </c>
      <c r="H60" s="65">
        <v>50</v>
      </c>
      <c r="I60" s="65">
        <v>21</v>
      </c>
      <c r="J60" s="65">
        <v>29</v>
      </c>
      <c r="K60" s="64">
        <v>36</v>
      </c>
      <c r="L60" s="77">
        <v>18</v>
      </c>
      <c r="M60" s="78">
        <v>18</v>
      </c>
    </row>
    <row r="61" spans="1:13">
      <c r="A61" s="15" t="s">
        <v>112</v>
      </c>
      <c r="B61" s="67">
        <v>-4</v>
      </c>
      <c r="C61" s="68">
        <v>-2</v>
      </c>
      <c r="D61" s="68">
        <v>-2</v>
      </c>
      <c r="E61" s="67">
        <v>2</v>
      </c>
      <c r="F61" s="68">
        <v>1</v>
      </c>
      <c r="G61" s="69">
        <v>1</v>
      </c>
      <c r="H61" s="68">
        <v>6</v>
      </c>
      <c r="I61" s="68">
        <v>4</v>
      </c>
      <c r="J61" s="68">
        <v>2</v>
      </c>
      <c r="K61" s="67">
        <v>8</v>
      </c>
      <c r="L61" s="79">
        <v>5</v>
      </c>
      <c r="M61" s="80">
        <v>3</v>
      </c>
    </row>
    <row r="62" spans="1:13">
      <c r="A62" s="15" t="s">
        <v>114</v>
      </c>
      <c r="B62" s="67">
        <v>3</v>
      </c>
      <c r="C62" s="68">
        <v>1</v>
      </c>
      <c r="D62" s="68">
        <v>2</v>
      </c>
      <c r="E62" s="67">
        <v>0</v>
      </c>
      <c r="F62" s="68">
        <v>0</v>
      </c>
      <c r="G62" s="69">
        <v>0</v>
      </c>
      <c r="H62" s="68">
        <v>11</v>
      </c>
      <c r="I62" s="68">
        <v>6</v>
      </c>
      <c r="J62" s="68">
        <v>5</v>
      </c>
      <c r="K62" s="67">
        <v>8</v>
      </c>
      <c r="L62" s="79">
        <v>5</v>
      </c>
      <c r="M62" s="80">
        <v>3</v>
      </c>
    </row>
    <row r="63" spans="1:13">
      <c r="A63" s="15" t="s">
        <v>116</v>
      </c>
      <c r="B63" s="67">
        <v>1</v>
      </c>
      <c r="C63" s="68">
        <v>-2</v>
      </c>
      <c r="D63" s="68">
        <v>3</v>
      </c>
      <c r="E63" s="67">
        <v>1</v>
      </c>
      <c r="F63" s="68">
        <v>0</v>
      </c>
      <c r="G63" s="69">
        <v>1</v>
      </c>
      <c r="H63" s="68">
        <v>8</v>
      </c>
      <c r="I63" s="68">
        <v>2</v>
      </c>
      <c r="J63" s="68">
        <v>6</v>
      </c>
      <c r="K63" s="67">
        <v>6</v>
      </c>
      <c r="L63" s="79">
        <v>4</v>
      </c>
      <c r="M63" s="80">
        <v>2</v>
      </c>
    </row>
    <row r="64" spans="1:13">
      <c r="A64" s="15" t="s">
        <v>118</v>
      </c>
      <c r="B64" s="67">
        <v>2</v>
      </c>
      <c r="C64" s="68">
        <v>1</v>
      </c>
      <c r="D64" s="68">
        <v>1</v>
      </c>
      <c r="E64" s="67">
        <v>1</v>
      </c>
      <c r="F64" s="68">
        <v>1</v>
      </c>
      <c r="G64" s="69">
        <v>0</v>
      </c>
      <c r="H64" s="68">
        <v>10</v>
      </c>
      <c r="I64" s="68">
        <v>4</v>
      </c>
      <c r="J64" s="68">
        <v>6</v>
      </c>
      <c r="K64" s="67">
        <v>7</v>
      </c>
      <c r="L64" s="79">
        <v>2</v>
      </c>
      <c r="M64" s="80">
        <v>5</v>
      </c>
    </row>
    <row r="65" spans="1:13">
      <c r="A65" s="19" t="s">
        <v>120</v>
      </c>
      <c r="B65" s="70">
        <v>7</v>
      </c>
      <c r="C65" s="71">
        <v>3</v>
      </c>
      <c r="D65" s="71">
        <v>4</v>
      </c>
      <c r="E65" s="70">
        <v>1</v>
      </c>
      <c r="F65" s="71">
        <v>0</v>
      </c>
      <c r="G65" s="72">
        <v>1</v>
      </c>
      <c r="H65" s="71">
        <v>15</v>
      </c>
      <c r="I65" s="71">
        <v>5</v>
      </c>
      <c r="J65" s="71">
        <v>10</v>
      </c>
      <c r="K65" s="70">
        <v>7</v>
      </c>
      <c r="L65" s="81">
        <v>2</v>
      </c>
      <c r="M65" s="82">
        <v>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06</v>
      </c>
      <c r="C69" s="50">
        <v>53</v>
      </c>
      <c r="D69" s="84">
        <v>53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7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23</v>
      </c>
      <c r="C75" s="65">
        <v>8</v>
      </c>
      <c r="D75" s="65">
        <v>15</v>
      </c>
      <c r="E75" s="64">
        <v>5</v>
      </c>
      <c r="F75" s="65">
        <v>4</v>
      </c>
      <c r="G75" s="66">
        <v>1</v>
      </c>
      <c r="H75" s="65">
        <v>75</v>
      </c>
      <c r="I75" s="65">
        <v>36</v>
      </c>
      <c r="J75" s="65">
        <v>39</v>
      </c>
      <c r="K75" s="64">
        <v>47</v>
      </c>
      <c r="L75" s="77">
        <v>24</v>
      </c>
      <c r="M75" s="78">
        <v>23</v>
      </c>
    </row>
    <row r="76" spans="1:13">
      <c r="A76" s="27" t="s">
        <v>5</v>
      </c>
      <c r="B76" s="67">
        <v>13</v>
      </c>
      <c r="C76" s="68">
        <v>5</v>
      </c>
      <c r="D76" s="68">
        <v>8</v>
      </c>
      <c r="E76" s="67">
        <v>0</v>
      </c>
      <c r="F76" s="68">
        <v>0</v>
      </c>
      <c r="G76" s="69">
        <v>0</v>
      </c>
      <c r="H76" s="68">
        <v>21</v>
      </c>
      <c r="I76" s="68">
        <v>9</v>
      </c>
      <c r="J76" s="68">
        <v>12</v>
      </c>
      <c r="K76" s="67">
        <v>8</v>
      </c>
      <c r="L76" s="79">
        <v>4</v>
      </c>
      <c r="M76" s="80">
        <v>4</v>
      </c>
    </row>
    <row r="77" spans="1:13">
      <c r="A77" s="27" t="s">
        <v>7</v>
      </c>
      <c r="B77" s="67">
        <v>4</v>
      </c>
      <c r="C77" s="68">
        <v>1</v>
      </c>
      <c r="D77" s="68">
        <v>3</v>
      </c>
      <c r="E77" s="67">
        <v>1</v>
      </c>
      <c r="F77" s="68">
        <v>1</v>
      </c>
      <c r="G77" s="69">
        <v>0</v>
      </c>
      <c r="H77" s="68">
        <v>16</v>
      </c>
      <c r="I77" s="68">
        <v>6</v>
      </c>
      <c r="J77" s="68">
        <v>10</v>
      </c>
      <c r="K77" s="67">
        <v>11</v>
      </c>
      <c r="L77" s="79">
        <v>4</v>
      </c>
      <c r="M77" s="80">
        <v>7</v>
      </c>
    </row>
    <row r="78" spans="1:13">
      <c r="A78" s="27" t="s">
        <v>9</v>
      </c>
      <c r="B78" s="67">
        <v>5</v>
      </c>
      <c r="C78" s="68">
        <v>3</v>
      </c>
      <c r="D78" s="68">
        <v>2</v>
      </c>
      <c r="E78" s="67">
        <v>1</v>
      </c>
      <c r="F78" s="68">
        <v>0</v>
      </c>
      <c r="G78" s="69">
        <v>1</v>
      </c>
      <c r="H78" s="68">
        <v>14</v>
      </c>
      <c r="I78" s="68">
        <v>7</v>
      </c>
      <c r="J78" s="68">
        <v>7</v>
      </c>
      <c r="K78" s="67">
        <v>8</v>
      </c>
      <c r="L78" s="79">
        <v>4</v>
      </c>
      <c r="M78" s="80">
        <v>4</v>
      </c>
    </row>
    <row r="79" spans="1:13">
      <c r="A79" s="27" t="s">
        <v>11</v>
      </c>
      <c r="B79" s="67">
        <v>3</v>
      </c>
      <c r="C79" s="68">
        <v>-2</v>
      </c>
      <c r="D79" s="68">
        <v>5</v>
      </c>
      <c r="E79" s="67">
        <v>1</v>
      </c>
      <c r="F79" s="68">
        <v>1</v>
      </c>
      <c r="G79" s="69">
        <v>0</v>
      </c>
      <c r="H79" s="68">
        <v>14</v>
      </c>
      <c r="I79" s="68">
        <v>5</v>
      </c>
      <c r="J79" s="68">
        <v>9</v>
      </c>
      <c r="K79" s="67">
        <v>10</v>
      </c>
      <c r="L79" s="79">
        <v>6</v>
      </c>
      <c r="M79" s="80">
        <v>4</v>
      </c>
    </row>
    <row r="80" spans="1:13">
      <c r="A80" s="27" t="s">
        <v>13</v>
      </c>
      <c r="B80" s="67">
        <v>-2</v>
      </c>
      <c r="C80" s="68">
        <v>1</v>
      </c>
      <c r="D80" s="68">
        <v>-3</v>
      </c>
      <c r="E80" s="67">
        <v>2</v>
      </c>
      <c r="F80" s="68">
        <v>2</v>
      </c>
      <c r="G80" s="69">
        <v>0</v>
      </c>
      <c r="H80" s="68">
        <v>10</v>
      </c>
      <c r="I80" s="68">
        <v>9</v>
      </c>
      <c r="J80" s="68">
        <v>1</v>
      </c>
      <c r="K80" s="67">
        <v>10</v>
      </c>
      <c r="L80" s="79">
        <v>6</v>
      </c>
      <c r="M80" s="80">
        <v>4</v>
      </c>
    </row>
    <row r="81" spans="1:13" ht="21" customHeight="1">
      <c r="A81" s="38" t="s">
        <v>15</v>
      </c>
      <c r="B81" s="64">
        <v>14</v>
      </c>
      <c r="C81" s="65">
        <v>3</v>
      </c>
      <c r="D81" s="65">
        <v>11</v>
      </c>
      <c r="E81" s="64">
        <v>9</v>
      </c>
      <c r="F81" s="65">
        <v>7</v>
      </c>
      <c r="G81" s="66">
        <v>2</v>
      </c>
      <c r="H81" s="65">
        <v>52</v>
      </c>
      <c r="I81" s="65">
        <v>24</v>
      </c>
      <c r="J81" s="65">
        <v>28</v>
      </c>
      <c r="K81" s="64">
        <v>29</v>
      </c>
      <c r="L81" s="77">
        <v>14</v>
      </c>
      <c r="M81" s="78">
        <v>15</v>
      </c>
    </row>
    <row r="82" spans="1:13">
      <c r="A82" s="27" t="s">
        <v>17</v>
      </c>
      <c r="B82" s="67">
        <v>6</v>
      </c>
      <c r="C82" s="68">
        <v>1</v>
      </c>
      <c r="D82" s="68">
        <v>5</v>
      </c>
      <c r="E82" s="67">
        <v>1</v>
      </c>
      <c r="F82" s="68">
        <v>1</v>
      </c>
      <c r="G82" s="69">
        <v>0</v>
      </c>
      <c r="H82" s="68">
        <v>10</v>
      </c>
      <c r="I82" s="68">
        <v>3</v>
      </c>
      <c r="J82" s="68">
        <v>7</v>
      </c>
      <c r="K82" s="67">
        <v>3</v>
      </c>
      <c r="L82" s="79">
        <v>1</v>
      </c>
      <c r="M82" s="80">
        <v>2</v>
      </c>
    </row>
    <row r="83" spans="1:13">
      <c r="A83" s="27" t="s">
        <v>19</v>
      </c>
      <c r="B83" s="67">
        <v>2</v>
      </c>
      <c r="C83" s="68">
        <v>-1</v>
      </c>
      <c r="D83" s="68">
        <v>3</v>
      </c>
      <c r="E83" s="67">
        <v>0</v>
      </c>
      <c r="F83" s="68">
        <v>0</v>
      </c>
      <c r="G83" s="69">
        <v>0</v>
      </c>
      <c r="H83" s="68">
        <v>11</v>
      </c>
      <c r="I83" s="68">
        <v>6</v>
      </c>
      <c r="J83" s="68">
        <v>5</v>
      </c>
      <c r="K83" s="67">
        <v>9</v>
      </c>
      <c r="L83" s="79">
        <v>7</v>
      </c>
      <c r="M83" s="80">
        <v>2</v>
      </c>
    </row>
    <row r="84" spans="1:13">
      <c r="A84" s="27" t="s">
        <v>21</v>
      </c>
      <c r="B84" s="67">
        <v>12</v>
      </c>
      <c r="C84" s="68">
        <v>7</v>
      </c>
      <c r="D84" s="68">
        <v>5</v>
      </c>
      <c r="E84" s="67">
        <v>1</v>
      </c>
      <c r="F84" s="68">
        <v>1</v>
      </c>
      <c r="G84" s="69">
        <v>0</v>
      </c>
      <c r="H84" s="68">
        <v>16</v>
      </c>
      <c r="I84" s="68">
        <v>8</v>
      </c>
      <c r="J84" s="68">
        <v>8</v>
      </c>
      <c r="K84" s="67">
        <v>3</v>
      </c>
      <c r="L84" s="79">
        <v>0</v>
      </c>
      <c r="M84" s="80">
        <v>3</v>
      </c>
    </row>
    <row r="85" spans="1:13">
      <c r="A85" s="27" t="s">
        <v>23</v>
      </c>
      <c r="B85" s="67">
        <v>-2</v>
      </c>
      <c r="C85" s="68">
        <v>-3</v>
      </c>
      <c r="D85" s="68">
        <v>1</v>
      </c>
      <c r="E85" s="67">
        <v>4</v>
      </c>
      <c r="F85" s="68">
        <v>3</v>
      </c>
      <c r="G85" s="69">
        <v>1</v>
      </c>
      <c r="H85" s="68">
        <v>8</v>
      </c>
      <c r="I85" s="68">
        <v>3</v>
      </c>
      <c r="J85" s="68">
        <v>5</v>
      </c>
      <c r="K85" s="67">
        <v>6</v>
      </c>
      <c r="L85" s="79">
        <v>3</v>
      </c>
      <c r="M85" s="80">
        <v>3</v>
      </c>
    </row>
    <row r="86" spans="1:13">
      <c r="A86" s="27" t="s">
        <v>25</v>
      </c>
      <c r="B86" s="67">
        <v>-4</v>
      </c>
      <c r="C86" s="68">
        <v>-1</v>
      </c>
      <c r="D86" s="68">
        <v>-3</v>
      </c>
      <c r="E86" s="67">
        <v>3</v>
      </c>
      <c r="F86" s="68">
        <v>2</v>
      </c>
      <c r="G86" s="69">
        <v>1</v>
      </c>
      <c r="H86" s="68">
        <v>7</v>
      </c>
      <c r="I86" s="68">
        <v>4</v>
      </c>
      <c r="J86" s="68">
        <v>3</v>
      </c>
      <c r="K86" s="67">
        <v>8</v>
      </c>
      <c r="L86" s="79">
        <v>3</v>
      </c>
      <c r="M86" s="80">
        <v>5</v>
      </c>
    </row>
    <row r="87" spans="1:13" ht="21" customHeight="1">
      <c r="A87" s="38" t="s">
        <v>27</v>
      </c>
      <c r="B87" s="64">
        <v>3</v>
      </c>
      <c r="C87" s="65">
        <v>5</v>
      </c>
      <c r="D87" s="65">
        <v>-2</v>
      </c>
      <c r="E87" s="64">
        <v>9</v>
      </c>
      <c r="F87" s="65">
        <v>4</v>
      </c>
      <c r="G87" s="66">
        <v>5</v>
      </c>
      <c r="H87" s="65">
        <v>43</v>
      </c>
      <c r="I87" s="65">
        <v>26</v>
      </c>
      <c r="J87" s="65">
        <v>17</v>
      </c>
      <c r="K87" s="64">
        <v>31</v>
      </c>
      <c r="L87" s="77">
        <v>17</v>
      </c>
      <c r="M87" s="78">
        <v>14</v>
      </c>
    </row>
    <row r="88" spans="1:13">
      <c r="A88" s="27" t="s">
        <v>29</v>
      </c>
      <c r="B88" s="67">
        <v>-1</v>
      </c>
      <c r="C88" s="68">
        <v>-2</v>
      </c>
      <c r="D88" s="68">
        <v>1</v>
      </c>
      <c r="E88" s="67">
        <v>4</v>
      </c>
      <c r="F88" s="68">
        <v>2</v>
      </c>
      <c r="G88" s="69">
        <v>2</v>
      </c>
      <c r="H88" s="68">
        <v>8</v>
      </c>
      <c r="I88" s="68">
        <v>3</v>
      </c>
      <c r="J88" s="68">
        <v>5</v>
      </c>
      <c r="K88" s="67">
        <v>5</v>
      </c>
      <c r="L88" s="79">
        <v>3</v>
      </c>
      <c r="M88" s="80">
        <v>2</v>
      </c>
    </row>
    <row r="89" spans="1:13">
      <c r="A89" s="27" t="s">
        <v>31</v>
      </c>
      <c r="B89" s="67">
        <v>13</v>
      </c>
      <c r="C89" s="68">
        <v>7</v>
      </c>
      <c r="D89" s="68">
        <v>6</v>
      </c>
      <c r="E89" s="67">
        <v>1</v>
      </c>
      <c r="F89" s="68">
        <v>1</v>
      </c>
      <c r="G89" s="69">
        <v>0</v>
      </c>
      <c r="H89" s="68">
        <v>16</v>
      </c>
      <c r="I89" s="68">
        <v>9</v>
      </c>
      <c r="J89" s="68">
        <v>7</v>
      </c>
      <c r="K89" s="67">
        <v>2</v>
      </c>
      <c r="L89" s="79">
        <v>1</v>
      </c>
      <c r="M89" s="80">
        <v>1</v>
      </c>
    </row>
    <row r="90" spans="1:13">
      <c r="A90" s="27" t="s">
        <v>33</v>
      </c>
      <c r="B90" s="67">
        <v>0</v>
      </c>
      <c r="C90" s="68">
        <v>3</v>
      </c>
      <c r="D90" s="68">
        <v>-3</v>
      </c>
      <c r="E90" s="67">
        <v>2</v>
      </c>
      <c r="F90" s="68">
        <v>0</v>
      </c>
      <c r="G90" s="69">
        <v>2</v>
      </c>
      <c r="H90" s="68">
        <v>8</v>
      </c>
      <c r="I90" s="68">
        <v>6</v>
      </c>
      <c r="J90" s="68">
        <v>2</v>
      </c>
      <c r="K90" s="67">
        <v>6</v>
      </c>
      <c r="L90" s="79">
        <v>3</v>
      </c>
      <c r="M90" s="80">
        <v>3</v>
      </c>
    </row>
    <row r="91" spans="1:13">
      <c r="A91" s="27" t="s">
        <v>35</v>
      </c>
      <c r="B91" s="67">
        <v>1</v>
      </c>
      <c r="C91" s="68">
        <v>2</v>
      </c>
      <c r="D91" s="68">
        <v>-1</v>
      </c>
      <c r="E91" s="67">
        <v>1</v>
      </c>
      <c r="F91" s="68">
        <v>1</v>
      </c>
      <c r="G91" s="69">
        <v>0</v>
      </c>
      <c r="H91" s="68">
        <v>7</v>
      </c>
      <c r="I91" s="68">
        <v>5</v>
      </c>
      <c r="J91" s="68">
        <v>2</v>
      </c>
      <c r="K91" s="67">
        <v>5</v>
      </c>
      <c r="L91" s="79">
        <v>2</v>
      </c>
      <c r="M91" s="80">
        <v>3</v>
      </c>
    </row>
    <row r="92" spans="1:13">
      <c r="A92" s="27" t="s">
        <v>37</v>
      </c>
      <c r="B92" s="67">
        <v>-10</v>
      </c>
      <c r="C92" s="68">
        <v>-5</v>
      </c>
      <c r="D92" s="68">
        <v>-5</v>
      </c>
      <c r="E92" s="67">
        <v>1</v>
      </c>
      <c r="F92" s="68">
        <v>0</v>
      </c>
      <c r="G92" s="69">
        <v>1</v>
      </c>
      <c r="H92" s="68">
        <v>4</v>
      </c>
      <c r="I92" s="68">
        <v>3</v>
      </c>
      <c r="J92" s="68">
        <v>1</v>
      </c>
      <c r="K92" s="67">
        <v>13</v>
      </c>
      <c r="L92" s="79">
        <v>8</v>
      </c>
      <c r="M92" s="80">
        <v>5</v>
      </c>
    </row>
    <row r="93" spans="1:13" ht="21" customHeight="1">
      <c r="A93" s="38" t="s">
        <v>39</v>
      </c>
      <c r="B93" s="64">
        <v>-12</v>
      </c>
      <c r="C93" s="65">
        <v>-9</v>
      </c>
      <c r="D93" s="65">
        <v>-3</v>
      </c>
      <c r="E93" s="64">
        <v>11</v>
      </c>
      <c r="F93" s="65">
        <v>8</v>
      </c>
      <c r="G93" s="66">
        <v>3</v>
      </c>
      <c r="H93" s="65">
        <v>20</v>
      </c>
      <c r="I93" s="65">
        <v>12</v>
      </c>
      <c r="J93" s="65">
        <v>8</v>
      </c>
      <c r="K93" s="64">
        <v>21</v>
      </c>
      <c r="L93" s="77">
        <v>13</v>
      </c>
      <c r="M93" s="78">
        <v>8</v>
      </c>
    </row>
    <row r="94" spans="1:13">
      <c r="A94" s="27" t="s">
        <v>41</v>
      </c>
      <c r="B94" s="67">
        <v>-5</v>
      </c>
      <c r="C94" s="68">
        <v>-2</v>
      </c>
      <c r="D94" s="68">
        <v>-3</v>
      </c>
      <c r="E94" s="67">
        <v>1</v>
      </c>
      <c r="F94" s="68">
        <v>1</v>
      </c>
      <c r="G94" s="69">
        <v>0</v>
      </c>
      <c r="H94" s="68">
        <v>3</v>
      </c>
      <c r="I94" s="68">
        <v>2</v>
      </c>
      <c r="J94" s="68">
        <v>1</v>
      </c>
      <c r="K94" s="67">
        <v>7</v>
      </c>
      <c r="L94" s="79">
        <v>3</v>
      </c>
      <c r="M94" s="80">
        <v>4</v>
      </c>
    </row>
    <row r="95" spans="1:13">
      <c r="A95" s="27" t="s">
        <v>43</v>
      </c>
      <c r="B95" s="67">
        <v>-5</v>
      </c>
      <c r="C95" s="68">
        <v>-4</v>
      </c>
      <c r="D95" s="68">
        <v>-1</v>
      </c>
      <c r="E95" s="67">
        <v>5</v>
      </c>
      <c r="F95" s="68">
        <v>4</v>
      </c>
      <c r="G95" s="69">
        <v>1</v>
      </c>
      <c r="H95" s="68">
        <v>3</v>
      </c>
      <c r="I95" s="68">
        <v>2</v>
      </c>
      <c r="J95" s="68">
        <v>1</v>
      </c>
      <c r="K95" s="67">
        <v>3</v>
      </c>
      <c r="L95" s="79">
        <v>2</v>
      </c>
      <c r="M95" s="80">
        <v>1</v>
      </c>
    </row>
    <row r="96" spans="1:13">
      <c r="A96" s="27" t="s">
        <v>45</v>
      </c>
      <c r="B96" s="67">
        <v>-3</v>
      </c>
      <c r="C96" s="68">
        <v>-4</v>
      </c>
      <c r="D96" s="68">
        <v>1</v>
      </c>
      <c r="E96" s="67">
        <v>1</v>
      </c>
      <c r="F96" s="68">
        <v>1</v>
      </c>
      <c r="G96" s="69">
        <v>0</v>
      </c>
      <c r="H96" s="68">
        <v>4</v>
      </c>
      <c r="I96" s="68">
        <v>3</v>
      </c>
      <c r="J96" s="68">
        <v>1</v>
      </c>
      <c r="K96" s="67">
        <v>6</v>
      </c>
      <c r="L96" s="79">
        <v>6</v>
      </c>
      <c r="M96" s="80">
        <v>0</v>
      </c>
    </row>
    <row r="97" spans="1:13">
      <c r="A97" s="27" t="s">
        <v>47</v>
      </c>
      <c r="B97" s="67">
        <v>1</v>
      </c>
      <c r="C97" s="68">
        <v>2</v>
      </c>
      <c r="D97" s="68">
        <v>-1</v>
      </c>
      <c r="E97" s="67">
        <v>2</v>
      </c>
      <c r="F97" s="68">
        <v>0</v>
      </c>
      <c r="G97" s="69">
        <v>2</v>
      </c>
      <c r="H97" s="68">
        <v>4</v>
      </c>
      <c r="I97" s="68">
        <v>2</v>
      </c>
      <c r="J97" s="68">
        <v>2</v>
      </c>
      <c r="K97" s="67">
        <v>1</v>
      </c>
      <c r="L97" s="79">
        <v>0</v>
      </c>
      <c r="M97" s="80">
        <v>1</v>
      </c>
    </row>
    <row r="98" spans="1:13">
      <c r="A98" s="27" t="s">
        <v>49</v>
      </c>
      <c r="B98" s="67">
        <v>0</v>
      </c>
      <c r="C98" s="68">
        <v>-1</v>
      </c>
      <c r="D98" s="68">
        <v>1</v>
      </c>
      <c r="E98" s="67">
        <v>2</v>
      </c>
      <c r="F98" s="68">
        <v>2</v>
      </c>
      <c r="G98" s="69">
        <v>0</v>
      </c>
      <c r="H98" s="68">
        <v>6</v>
      </c>
      <c r="I98" s="68">
        <v>3</v>
      </c>
      <c r="J98" s="68">
        <v>3</v>
      </c>
      <c r="K98" s="67">
        <v>4</v>
      </c>
      <c r="L98" s="79">
        <v>2</v>
      </c>
      <c r="M98" s="80">
        <v>2</v>
      </c>
    </row>
    <row r="99" spans="1:13" ht="21" customHeight="1">
      <c r="A99" s="38" t="s">
        <v>51</v>
      </c>
      <c r="B99" s="64">
        <v>-19</v>
      </c>
      <c r="C99" s="65">
        <v>-13</v>
      </c>
      <c r="D99" s="65">
        <v>-6</v>
      </c>
      <c r="E99" s="64">
        <v>27</v>
      </c>
      <c r="F99" s="65">
        <v>19</v>
      </c>
      <c r="G99" s="66">
        <v>8</v>
      </c>
      <c r="H99" s="65">
        <v>25</v>
      </c>
      <c r="I99" s="65">
        <v>12</v>
      </c>
      <c r="J99" s="65">
        <v>13</v>
      </c>
      <c r="K99" s="64">
        <v>17</v>
      </c>
      <c r="L99" s="77">
        <v>6</v>
      </c>
      <c r="M99" s="78">
        <v>11</v>
      </c>
    </row>
    <row r="100" spans="1:13">
      <c r="A100" s="27" t="s">
        <v>53</v>
      </c>
      <c r="B100" s="67">
        <v>-4</v>
      </c>
      <c r="C100" s="68">
        <v>-3</v>
      </c>
      <c r="D100" s="68">
        <v>-1</v>
      </c>
      <c r="E100" s="67">
        <v>3</v>
      </c>
      <c r="F100" s="68">
        <v>3</v>
      </c>
      <c r="G100" s="69">
        <v>0</v>
      </c>
      <c r="H100" s="68">
        <v>3</v>
      </c>
      <c r="I100" s="68">
        <v>2</v>
      </c>
      <c r="J100" s="68">
        <v>1</v>
      </c>
      <c r="K100" s="67">
        <v>4</v>
      </c>
      <c r="L100" s="79">
        <v>2</v>
      </c>
      <c r="M100" s="80">
        <v>2</v>
      </c>
    </row>
    <row r="101" spans="1:13">
      <c r="A101" s="27" t="s">
        <v>55</v>
      </c>
      <c r="B101" s="67">
        <v>-2</v>
      </c>
      <c r="C101" s="68">
        <v>-1</v>
      </c>
      <c r="D101" s="68">
        <v>-1</v>
      </c>
      <c r="E101" s="67">
        <v>4</v>
      </c>
      <c r="F101" s="68">
        <v>3</v>
      </c>
      <c r="G101" s="69">
        <v>1</v>
      </c>
      <c r="H101" s="68">
        <v>7</v>
      </c>
      <c r="I101" s="68">
        <v>3</v>
      </c>
      <c r="J101" s="68">
        <v>4</v>
      </c>
      <c r="K101" s="67">
        <v>5</v>
      </c>
      <c r="L101" s="79">
        <v>1</v>
      </c>
      <c r="M101" s="80">
        <v>4</v>
      </c>
    </row>
    <row r="102" spans="1:13">
      <c r="A102" s="27" t="s">
        <v>57</v>
      </c>
      <c r="B102" s="67">
        <v>-2</v>
      </c>
      <c r="C102" s="68">
        <v>-1</v>
      </c>
      <c r="D102" s="68">
        <v>-1</v>
      </c>
      <c r="E102" s="67">
        <v>3</v>
      </c>
      <c r="F102" s="68">
        <v>1</v>
      </c>
      <c r="G102" s="69">
        <v>2</v>
      </c>
      <c r="H102" s="68">
        <v>2</v>
      </c>
      <c r="I102" s="68">
        <v>1</v>
      </c>
      <c r="J102" s="68">
        <v>1</v>
      </c>
      <c r="K102" s="67">
        <v>1</v>
      </c>
      <c r="L102" s="79">
        <v>1</v>
      </c>
      <c r="M102" s="80">
        <v>0</v>
      </c>
    </row>
    <row r="103" spans="1:13">
      <c r="A103" s="27" t="s">
        <v>59</v>
      </c>
      <c r="B103" s="67">
        <v>-6</v>
      </c>
      <c r="C103" s="68">
        <v>-7</v>
      </c>
      <c r="D103" s="68">
        <v>1</v>
      </c>
      <c r="E103" s="67">
        <v>7</v>
      </c>
      <c r="F103" s="68">
        <v>7</v>
      </c>
      <c r="G103" s="69">
        <v>0</v>
      </c>
      <c r="H103" s="68">
        <v>6</v>
      </c>
      <c r="I103" s="68">
        <v>2</v>
      </c>
      <c r="J103" s="68">
        <v>4</v>
      </c>
      <c r="K103" s="67">
        <v>5</v>
      </c>
      <c r="L103" s="79">
        <v>2</v>
      </c>
      <c r="M103" s="80">
        <v>3</v>
      </c>
    </row>
    <row r="104" spans="1:13">
      <c r="A104" s="27" t="s">
        <v>61</v>
      </c>
      <c r="B104" s="67">
        <v>-5</v>
      </c>
      <c r="C104" s="68">
        <v>-1</v>
      </c>
      <c r="D104" s="68">
        <v>-4</v>
      </c>
      <c r="E104" s="67">
        <v>10</v>
      </c>
      <c r="F104" s="68">
        <v>5</v>
      </c>
      <c r="G104" s="69">
        <v>5</v>
      </c>
      <c r="H104" s="68">
        <v>7</v>
      </c>
      <c r="I104" s="68">
        <v>4</v>
      </c>
      <c r="J104" s="68">
        <v>3</v>
      </c>
      <c r="K104" s="67">
        <v>2</v>
      </c>
      <c r="L104" s="79">
        <v>0</v>
      </c>
      <c r="M104" s="80">
        <v>2</v>
      </c>
    </row>
    <row r="105" spans="1:13" ht="21" customHeight="1">
      <c r="A105" s="38" t="s">
        <v>63</v>
      </c>
      <c r="B105" s="64">
        <v>-50</v>
      </c>
      <c r="C105" s="65">
        <v>-28</v>
      </c>
      <c r="D105" s="65">
        <v>-22</v>
      </c>
      <c r="E105" s="64">
        <v>48</v>
      </c>
      <c r="F105" s="65">
        <v>28</v>
      </c>
      <c r="G105" s="66">
        <v>20</v>
      </c>
      <c r="H105" s="65">
        <v>16</v>
      </c>
      <c r="I105" s="65">
        <v>6</v>
      </c>
      <c r="J105" s="65">
        <v>10</v>
      </c>
      <c r="K105" s="64">
        <v>18</v>
      </c>
      <c r="L105" s="77">
        <v>6</v>
      </c>
      <c r="M105" s="78">
        <v>12</v>
      </c>
    </row>
    <row r="106" spans="1:13">
      <c r="A106" s="27" t="s">
        <v>65</v>
      </c>
      <c r="B106" s="67">
        <v>-10</v>
      </c>
      <c r="C106" s="68">
        <v>-8</v>
      </c>
      <c r="D106" s="68">
        <v>-2</v>
      </c>
      <c r="E106" s="67">
        <v>11</v>
      </c>
      <c r="F106" s="68">
        <v>8</v>
      </c>
      <c r="G106" s="69">
        <v>3</v>
      </c>
      <c r="H106" s="68">
        <v>5</v>
      </c>
      <c r="I106" s="68">
        <v>1</v>
      </c>
      <c r="J106" s="68">
        <v>4</v>
      </c>
      <c r="K106" s="67">
        <v>4</v>
      </c>
      <c r="L106" s="79">
        <v>1</v>
      </c>
      <c r="M106" s="80">
        <v>3</v>
      </c>
    </row>
    <row r="107" spans="1:13">
      <c r="A107" s="27" t="s">
        <v>67</v>
      </c>
      <c r="B107" s="67">
        <v>-6</v>
      </c>
      <c r="C107" s="68">
        <v>-4</v>
      </c>
      <c r="D107" s="68">
        <v>-2</v>
      </c>
      <c r="E107" s="67">
        <v>6</v>
      </c>
      <c r="F107" s="68">
        <v>3</v>
      </c>
      <c r="G107" s="69">
        <v>3</v>
      </c>
      <c r="H107" s="68">
        <v>3</v>
      </c>
      <c r="I107" s="68">
        <v>1</v>
      </c>
      <c r="J107" s="68">
        <v>2</v>
      </c>
      <c r="K107" s="67">
        <v>3</v>
      </c>
      <c r="L107" s="79">
        <v>2</v>
      </c>
      <c r="M107" s="80">
        <v>1</v>
      </c>
    </row>
    <row r="108" spans="1:13">
      <c r="A108" s="27" t="s">
        <v>69</v>
      </c>
      <c r="B108" s="67">
        <v>-12</v>
      </c>
      <c r="C108" s="68">
        <v>-6</v>
      </c>
      <c r="D108" s="68">
        <v>-6</v>
      </c>
      <c r="E108" s="67">
        <v>11</v>
      </c>
      <c r="F108" s="68">
        <v>6</v>
      </c>
      <c r="G108" s="69">
        <v>5</v>
      </c>
      <c r="H108" s="68">
        <v>3</v>
      </c>
      <c r="I108" s="68">
        <v>2</v>
      </c>
      <c r="J108" s="68">
        <v>1</v>
      </c>
      <c r="K108" s="67">
        <v>4</v>
      </c>
      <c r="L108" s="79">
        <v>2</v>
      </c>
      <c r="M108" s="80">
        <v>2</v>
      </c>
    </row>
    <row r="109" spans="1:13">
      <c r="A109" s="27" t="s">
        <v>71</v>
      </c>
      <c r="B109" s="67">
        <v>-7</v>
      </c>
      <c r="C109" s="68">
        <v>-2</v>
      </c>
      <c r="D109" s="68">
        <v>-5</v>
      </c>
      <c r="E109" s="67">
        <v>7</v>
      </c>
      <c r="F109" s="68">
        <v>2</v>
      </c>
      <c r="G109" s="69">
        <v>5</v>
      </c>
      <c r="H109" s="68">
        <v>4</v>
      </c>
      <c r="I109" s="68">
        <v>1</v>
      </c>
      <c r="J109" s="68">
        <v>3</v>
      </c>
      <c r="K109" s="67">
        <v>4</v>
      </c>
      <c r="L109" s="79">
        <v>1</v>
      </c>
      <c r="M109" s="80">
        <v>3</v>
      </c>
    </row>
    <row r="110" spans="1:13">
      <c r="A110" s="27" t="s">
        <v>73</v>
      </c>
      <c r="B110" s="67">
        <v>-15</v>
      </c>
      <c r="C110" s="68">
        <v>-8</v>
      </c>
      <c r="D110" s="68">
        <v>-7</v>
      </c>
      <c r="E110" s="67">
        <v>13</v>
      </c>
      <c r="F110" s="68">
        <v>9</v>
      </c>
      <c r="G110" s="69">
        <v>4</v>
      </c>
      <c r="H110" s="68">
        <v>1</v>
      </c>
      <c r="I110" s="68">
        <v>1</v>
      </c>
      <c r="J110" s="68">
        <v>0</v>
      </c>
      <c r="K110" s="67">
        <v>3</v>
      </c>
      <c r="L110" s="79">
        <v>0</v>
      </c>
      <c r="M110" s="80">
        <v>3</v>
      </c>
    </row>
    <row r="111" spans="1:13" ht="21" customHeight="1">
      <c r="A111" s="38" t="s">
        <v>75</v>
      </c>
      <c r="B111" s="64">
        <v>-65</v>
      </c>
      <c r="C111" s="65">
        <v>-32</v>
      </c>
      <c r="D111" s="65">
        <v>-33</v>
      </c>
      <c r="E111" s="64">
        <v>65</v>
      </c>
      <c r="F111" s="65">
        <v>29</v>
      </c>
      <c r="G111" s="66">
        <v>36</v>
      </c>
      <c r="H111" s="65">
        <v>14</v>
      </c>
      <c r="I111" s="65">
        <v>3</v>
      </c>
      <c r="J111" s="65">
        <v>11</v>
      </c>
      <c r="K111" s="64">
        <v>14</v>
      </c>
      <c r="L111" s="77">
        <v>6</v>
      </c>
      <c r="M111" s="78">
        <v>8</v>
      </c>
    </row>
    <row r="112" spans="1:13">
      <c r="A112" s="27" t="s">
        <v>77</v>
      </c>
      <c r="B112" s="67">
        <v>-12</v>
      </c>
      <c r="C112" s="68">
        <v>-3</v>
      </c>
      <c r="D112" s="68">
        <v>-9</v>
      </c>
      <c r="E112" s="67">
        <v>10</v>
      </c>
      <c r="F112" s="68">
        <v>3</v>
      </c>
      <c r="G112" s="69">
        <v>7</v>
      </c>
      <c r="H112" s="68">
        <v>0</v>
      </c>
      <c r="I112" s="68">
        <v>0</v>
      </c>
      <c r="J112" s="68">
        <v>0</v>
      </c>
      <c r="K112" s="67">
        <v>2</v>
      </c>
      <c r="L112" s="79">
        <v>0</v>
      </c>
      <c r="M112" s="80">
        <v>2</v>
      </c>
    </row>
    <row r="113" spans="1:13">
      <c r="A113" s="27" t="s">
        <v>79</v>
      </c>
      <c r="B113" s="67">
        <v>-14</v>
      </c>
      <c r="C113" s="68">
        <v>-7</v>
      </c>
      <c r="D113" s="68">
        <v>-7</v>
      </c>
      <c r="E113" s="67">
        <v>17</v>
      </c>
      <c r="F113" s="68">
        <v>8</v>
      </c>
      <c r="G113" s="69">
        <v>9</v>
      </c>
      <c r="H113" s="68">
        <v>5</v>
      </c>
      <c r="I113" s="68">
        <v>2</v>
      </c>
      <c r="J113" s="68">
        <v>3</v>
      </c>
      <c r="K113" s="67">
        <v>2</v>
      </c>
      <c r="L113" s="79">
        <v>1</v>
      </c>
      <c r="M113" s="80">
        <v>1</v>
      </c>
    </row>
    <row r="114" spans="1:13">
      <c r="A114" s="27" t="s">
        <v>81</v>
      </c>
      <c r="B114" s="67">
        <v>-15</v>
      </c>
      <c r="C114" s="68">
        <v>-10</v>
      </c>
      <c r="D114" s="68">
        <v>-5</v>
      </c>
      <c r="E114" s="67">
        <v>13</v>
      </c>
      <c r="F114" s="68">
        <v>7</v>
      </c>
      <c r="G114" s="69">
        <v>6</v>
      </c>
      <c r="H114" s="68">
        <v>3</v>
      </c>
      <c r="I114" s="68">
        <v>0</v>
      </c>
      <c r="J114" s="68">
        <v>3</v>
      </c>
      <c r="K114" s="67">
        <v>5</v>
      </c>
      <c r="L114" s="79">
        <v>3</v>
      </c>
      <c r="M114" s="80">
        <v>2</v>
      </c>
    </row>
    <row r="115" spans="1:13">
      <c r="A115" s="27" t="s">
        <v>83</v>
      </c>
      <c r="B115" s="67">
        <v>-9</v>
      </c>
      <c r="C115" s="68">
        <v>-3</v>
      </c>
      <c r="D115" s="68">
        <v>-6</v>
      </c>
      <c r="E115" s="67">
        <v>10</v>
      </c>
      <c r="F115" s="68">
        <v>4</v>
      </c>
      <c r="G115" s="69">
        <v>6</v>
      </c>
      <c r="H115" s="68">
        <v>3</v>
      </c>
      <c r="I115" s="68">
        <v>1</v>
      </c>
      <c r="J115" s="68">
        <v>2</v>
      </c>
      <c r="K115" s="67">
        <v>2</v>
      </c>
      <c r="L115" s="79">
        <v>0</v>
      </c>
      <c r="M115" s="80">
        <v>2</v>
      </c>
    </row>
    <row r="116" spans="1:13">
      <c r="A116" s="27" t="s">
        <v>85</v>
      </c>
      <c r="B116" s="67">
        <v>-15</v>
      </c>
      <c r="C116" s="68">
        <v>-9</v>
      </c>
      <c r="D116" s="68">
        <v>-6</v>
      </c>
      <c r="E116" s="67">
        <v>15</v>
      </c>
      <c r="F116" s="68">
        <v>7</v>
      </c>
      <c r="G116" s="69">
        <v>8</v>
      </c>
      <c r="H116" s="68">
        <v>3</v>
      </c>
      <c r="I116" s="68">
        <v>0</v>
      </c>
      <c r="J116" s="68">
        <v>3</v>
      </c>
      <c r="K116" s="67">
        <v>3</v>
      </c>
      <c r="L116" s="79">
        <v>2</v>
      </c>
      <c r="M116" s="80">
        <v>1</v>
      </c>
    </row>
    <row r="117" spans="1:13" ht="21" customHeight="1">
      <c r="A117" s="38" t="s">
        <v>87</v>
      </c>
      <c r="B117" s="64">
        <v>-101</v>
      </c>
      <c r="C117" s="65">
        <v>-55</v>
      </c>
      <c r="D117" s="65">
        <v>-46</v>
      </c>
      <c r="E117" s="64">
        <v>102</v>
      </c>
      <c r="F117" s="65">
        <v>54</v>
      </c>
      <c r="G117" s="66">
        <v>48</v>
      </c>
      <c r="H117" s="65">
        <v>14</v>
      </c>
      <c r="I117" s="65">
        <v>4</v>
      </c>
      <c r="J117" s="65">
        <v>10</v>
      </c>
      <c r="K117" s="64">
        <v>13</v>
      </c>
      <c r="L117" s="77">
        <v>5</v>
      </c>
      <c r="M117" s="78">
        <v>8</v>
      </c>
    </row>
    <row r="118" spans="1:13">
      <c r="A118" s="27" t="s">
        <v>89</v>
      </c>
      <c r="B118" s="67">
        <v>-16</v>
      </c>
      <c r="C118" s="68">
        <v>-11</v>
      </c>
      <c r="D118" s="68">
        <v>-5</v>
      </c>
      <c r="E118" s="67">
        <v>15</v>
      </c>
      <c r="F118" s="68">
        <v>11</v>
      </c>
      <c r="G118" s="69">
        <v>4</v>
      </c>
      <c r="H118" s="68">
        <v>3</v>
      </c>
      <c r="I118" s="68">
        <v>2</v>
      </c>
      <c r="J118" s="68">
        <v>1</v>
      </c>
      <c r="K118" s="67">
        <v>4</v>
      </c>
      <c r="L118" s="79">
        <v>2</v>
      </c>
      <c r="M118" s="80">
        <v>2</v>
      </c>
    </row>
    <row r="119" spans="1:13">
      <c r="A119" s="27" t="s">
        <v>91</v>
      </c>
      <c r="B119" s="67">
        <v>-20</v>
      </c>
      <c r="C119" s="68">
        <v>-10</v>
      </c>
      <c r="D119" s="68">
        <v>-10</v>
      </c>
      <c r="E119" s="67">
        <v>21</v>
      </c>
      <c r="F119" s="68">
        <v>10</v>
      </c>
      <c r="G119" s="69">
        <v>11</v>
      </c>
      <c r="H119" s="68">
        <v>3</v>
      </c>
      <c r="I119" s="68">
        <v>0</v>
      </c>
      <c r="J119" s="68">
        <v>3</v>
      </c>
      <c r="K119" s="67">
        <v>2</v>
      </c>
      <c r="L119" s="79">
        <v>0</v>
      </c>
      <c r="M119" s="80">
        <v>2</v>
      </c>
    </row>
    <row r="120" spans="1:13">
      <c r="A120" s="27" t="s">
        <v>93</v>
      </c>
      <c r="B120" s="67">
        <v>-19</v>
      </c>
      <c r="C120" s="68">
        <v>-11</v>
      </c>
      <c r="D120" s="68">
        <v>-8</v>
      </c>
      <c r="E120" s="67">
        <v>18</v>
      </c>
      <c r="F120" s="68">
        <v>9</v>
      </c>
      <c r="G120" s="69">
        <v>9</v>
      </c>
      <c r="H120" s="68">
        <v>3</v>
      </c>
      <c r="I120" s="68">
        <v>0</v>
      </c>
      <c r="J120" s="68">
        <v>3</v>
      </c>
      <c r="K120" s="67">
        <v>4</v>
      </c>
      <c r="L120" s="79">
        <v>2</v>
      </c>
      <c r="M120" s="80">
        <v>2</v>
      </c>
    </row>
    <row r="121" spans="1:13">
      <c r="A121" s="27" t="s">
        <v>95</v>
      </c>
      <c r="B121" s="67">
        <v>-24</v>
      </c>
      <c r="C121" s="68">
        <v>-12</v>
      </c>
      <c r="D121" s="68">
        <v>-12</v>
      </c>
      <c r="E121" s="67">
        <v>26</v>
      </c>
      <c r="F121" s="68">
        <v>13</v>
      </c>
      <c r="G121" s="69">
        <v>13</v>
      </c>
      <c r="H121" s="68">
        <v>4</v>
      </c>
      <c r="I121" s="68">
        <v>2</v>
      </c>
      <c r="J121" s="68">
        <v>2</v>
      </c>
      <c r="K121" s="67">
        <v>2</v>
      </c>
      <c r="L121" s="79">
        <v>1</v>
      </c>
      <c r="M121" s="80">
        <v>1</v>
      </c>
    </row>
    <row r="122" spans="1:13">
      <c r="A122" s="27" t="s">
        <v>97</v>
      </c>
      <c r="B122" s="67">
        <v>-22</v>
      </c>
      <c r="C122" s="68">
        <v>-11</v>
      </c>
      <c r="D122" s="68">
        <v>-11</v>
      </c>
      <c r="E122" s="67">
        <v>22</v>
      </c>
      <c r="F122" s="68">
        <v>11</v>
      </c>
      <c r="G122" s="69">
        <v>11</v>
      </c>
      <c r="H122" s="68">
        <v>1</v>
      </c>
      <c r="I122" s="68">
        <v>0</v>
      </c>
      <c r="J122" s="68">
        <v>1</v>
      </c>
      <c r="K122" s="67">
        <v>1</v>
      </c>
      <c r="L122" s="79">
        <v>0</v>
      </c>
      <c r="M122" s="80">
        <v>1</v>
      </c>
    </row>
    <row r="123" spans="1:13" ht="21" customHeight="1">
      <c r="A123" s="38" t="s">
        <v>99</v>
      </c>
      <c r="B123" s="64">
        <v>-76</v>
      </c>
      <c r="C123" s="65">
        <v>-35</v>
      </c>
      <c r="D123" s="65">
        <v>-41</v>
      </c>
      <c r="E123" s="64">
        <v>77</v>
      </c>
      <c r="F123" s="65">
        <v>34</v>
      </c>
      <c r="G123" s="66">
        <v>43</v>
      </c>
      <c r="H123" s="65">
        <v>7</v>
      </c>
      <c r="I123" s="65">
        <v>1</v>
      </c>
      <c r="J123" s="65">
        <v>6</v>
      </c>
      <c r="K123" s="64">
        <v>6</v>
      </c>
      <c r="L123" s="77">
        <v>2</v>
      </c>
      <c r="M123" s="78">
        <v>4</v>
      </c>
    </row>
    <row r="124" spans="1:13">
      <c r="A124" s="27" t="s">
        <v>101</v>
      </c>
      <c r="B124" s="67">
        <v>-15</v>
      </c>
      <c r="C124" s="68">
        <v>-10</v>
      </c>
      <c r="D124" s="68">
        <v>-5</v>
      </c>
      <c r="E124" s="67">
        <v>18</v>
      </c>
      <c r="F124" s="68">
        <v>10</v>
      </c>
      <c r="G124" s="69">
        <v>8</v>
      </c>
      <c r="H124" s="68">
        <v>5</v>
      </c>
      <c r="I124" s="68">
        <v>1</v>
      </c>
      <c r="J124" s="68">
        <v>4</v>
      </c>
      <c r="K124" s="67">
        <v>2</v>
      </c>
      <c r="L124" s="79">
        <v>1</v>
      </c>
      <c r="M124" s="80">
        <v>1</v>
      </c>
    </row>
    <row r="125" spans="1:13">
      <c r="A125" s="27" t="s">
        <v>103</v>
      </c>
      <c r="B125" s="67">
        <v>-19</v>
      </c>
      <c r="C125" s="68">
        <v>-9</v>
      </c>
      <c r="D125" s="68">
        <v>-10</v>
      </c>
      <c r="E125" s="67">
        <v>17</v>
      </c>
      <c r="F125" s="68">
        <v>9</v>
      </c>
      <c r="G125" s="69">
        <v>8</v>
      </c>
      <c r="H125" s="68">
        <v>0</v>
      </c>
      <c r="I125" s="68">
        <v>0</v>
      </c>
      <c r="J125" s="68">
        <v>0</v>
      </c>
      <c r="K125" s="67">
        <v>2</v>
      </c>
      <c r="L125" s="79">
        <v>0</v>
      </c>
      <c r="M125" s="80">
        <v>2</v>
      </c>
    </row>
    <row r="126" spans="1:13">
      <c r="A126" s="27" t="s">
        <v>105</v>
      </c>
      <c r="B126" s="67">
        <v>-13</v>
      </c>
      <c r="C126" s="68">
        <v>-6</v>
      </c>
      <c r="D126" s="68">
        <v>-7</v>
      </c>
      <c r="E126" s="67">
        <v>12</v>
      </c>
      <c r="F126" s="68">
        <v>5</v>
      </c>
      <c r="G126" s="69">
        <v>7</v>
      </c>
      <c r="H126" s="68">
        <v>1</v>
      </c>
      <c r="I126" s="68">
        <v>0</v>
      </c>
      <c r="J126" s="68">
        <v>1</v>
      </c>
      <c r="K126" s="67">
        <v>2</v>
      </c>
      <c r="L126" s="79">
        <v>1</v>
      </c>
      <c r="M126" s="80">
        <v>1</v>
      </c>
    </row>
    <row r="127" spans="1:13">
      <c r="A127" s="27" t="s">
        <v>107</v>
      </c>
      <c r="B127" s="67">
        <v>-18</v>
      </c>
      <c r="C127" s="68">
        <v>-4</v>
      </c>
      <c r="D127" s="68">
        <v>-14</v>
      </c>
      <c r="E127" s="67">
        <v>18</v>
      </c>
      <c r="F127" s="68">
        <v>4</v>
      </c>
      <c r="G127" s="69">
        <v>14</v>
      </c>
      <c r="H127" s="68">
        <v>0</v>
      </c>
      <c r="I127" s="68">
        <v>0</v>
      </c>
      <c r="J127" s="68">
        <v>0</v>
      </c>
      <c r="K127" s="67">
        <v>0</v>
      </c>
      <c r="L127" s="79">
        <v>0</v>
      </c>
      <c r="M127" s="80">
        <v>0</v>
      </c>
    </row>
    <row r="128" spans="1:13">
      <c r="A128" s="27" t="s">
        <v>109</v>
      </c>
      <c r="B128" s="67">
        <v>-11</v>
      </c>
      <c r="C128" s="68">
        <v>-6</v>
      </c>
      <c r="D128" s="68">
        <v>-5</v>
      </c>
      <c r="E128" s="67">
        <v>12</v>
      </c>
      <c r="F128" s="68">
        <v>6</v>
      </c>
      <c r="G128" s="69">
        <v>6</v>
      </c>
      <c r="H128" s="68">
        <v>1</v>
      </c>
      <c r="I128" s="68">
        <v>0</v>
      </c>
      <c r="J128" s="68">
        <v>1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41</v>
      </c>
      <c r="C129" s="65">
        <v>-16</v>
      </c>
      <c r="D129" s="65">
        <v>-25</v>
      </c>
      <c r="E129" s="64">
        <v>40</v>
      </c>
      <c r="F129" s="65">
        <v>15</v>
      </c>
      <c r="G129" s="66">
        <v>25</v>
      </c>
      <c r="H129" s="65">
        <v>1</v>
      </c>
      <c r="I129" s="65">
        <v>0</v>
      </c>
      <c r="J129" s="65">
        <v>1</v>
      </c>
      <c r="K129" s="64">
        <v>2</v>
      </c>
      <c r="L129" s="77">
        <v>1</v>
      </c>
      <c r="M129" s="78">
        <v>1</v>
      </c>
    </row>
    <row r="130" spans="1:14">
      <c r="A130" s="27" t="s">
        <v>113</v>
      </c>
      <c r="B130" s="67">
        <v>-8</v>
      </c>
      <c r="C130" s="68">
        <v>-4</v>
      </c>
      <c r="D130" s="68">
        <v>-4</v>
      </c>
      <c r="E130" s="67">
        <v>9</v>
      </c>
      <c r="F130" s="68">
        <v>4</v>
      </c>
      <c r="G130" s="69">
        <v>5</v>
      </c>
      <c r="H130" s="68">
        <v>1</v>
      </c>
      <c r="I130" s="68">
        <v>0</v>
      </c>
      <c r="J130" s="68">
        <v>1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10</v>
      </c>
      <c r="C131" s="68">
        <v>-3</v>
      </c>
      <c r="D131" s="68">
        <v>-7</v>
      </c>
      <c r="E131" s="67">
        <v>8</v>
      </c>
      <c r="F131" s="68">
        <v>2</v>
      </c>
      <c r="G131" s="69">
        <v>6</v>
      </c>
      <c r="H131" s="68">
        <v>0</v>
      </c>
      <c r="I131" s="68">
        <v>0</v>
      </c>
      <c r="J131" s="68">
        <v>0</v>
      </c>
      <c r="K131" s="67">
        <v>2</v>
      </c>
      <c r="L131" s="79">
        <v>1</v>
      </c>
      <c r="M131" s="80">
        <v>1</v>
      </c>
    </row>
    <row r="132" spans="1:14">
      <c r="A132" s="27" t="s">
        <v>117</v>
      </c>
      <c r="B132" s="67">
        <v>-9</v>
      </c>
      <c r="C132" s="68">
        <v>-4</v>
      </c>
      <c r="D132" s="68">
        <v>-5</v>
      </c>
      <c r="E132" s="67">
        <v>9</v>
      </c>
      <c r="F132" s="68">
        <v>4</v>
      </c>
      <c r="G132" s="69">
        <v>5</v>
      </c>
      <c r="H132" s="68">
        <v>0</v>
      </c>
      <c r="I132" s="68">
        <v>0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5</v>
      </c>
      <c r="C133" s="68">
        <v>-1</v>
      </c>
      <c r="D133" s="68">
        <v>-4</v>
      </c>
      <c r="E133" s="67">
        <v>5</v>
      </c>
      <c r="F133" s="68">
        <v>1</v>
      </c>
      <c r="G133" s="69">
        <v>4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9</v>
      </c>
      <c r="C134" s="68">
        <v>-4</v>
      </c>
      <c r="D134" s="68">
        <v>-5</v>
      </c>
      <c r="E134" s="67">
        <v>9</v>
      </c>
      <c r="F134" s="68">
        <v>4</v>
      </c>
      <c r="G134" s="69">
        <v>5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6</v>
      </c>
      <c r="C135" s="40">
        <v>-1</v>
      </c>
      <c r="D135" s="40">
        <v>-5</v>
      </c>
      <c r="E135" s="42">
        <v>6</v>
      </c>
      <c r="F135" s="40">
        <v>1</v>
      </c>
      <c r="G135" s="43">
        <v>5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17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219</v>
      </c>
      <c r="C3" s="54"/>
      <c r="D3" s="55"/>
      <c r="E3" s="53" t="s">
        <v>221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1793</v>
      </c>
      <c r="C5" s="62">
        <v>-775</v>
      </c>
      <c r="D5" s="63">
        <v>-1018</v>
      </c>
      <c r="E5" s="61">
        <v>4850</v>
      </c>
      <c r="F5" s="62">
        <v>2465</v>
      </c>
      <c r="G5" s="63">
        <v>2385</v>
      </c>
      <c r="H5" s="61">
        <v>15080</v>
      </c>
      <c r="I5" s="62">
        <v>7551</v>
      </c>
      <c r="J5" s="63">
        <v>7529</v>
      </c>
      <c r="K5" s="61">
        <v>13657</v>
      </c>
      <c r="L5" s="62">
        <v>6684</v>
      </c>
      <c r="M5" s="63">
        <v>6973</v>
      </c>
    </row>
    <row r="6" spans="1:13" ht="23.25" customHeight="1">
      <c r="A6" s="36" t="s">
        <v>2</v>
      </c>
      <c r="B6" s="64">
        <v>1837</v>
      </c>
      <c r="C6" s="65">
        <v>925</v>
      </c>
      <c r="D6" s="66">
        <v>912</v>
      </c>
      <c r="E6" s="64">
        <v>3</v>
      </c>
      <c r="F6" s="65">
        <v>1</v>
      </c>
      <c r="G6" s="66">
        <v>2</v>
      </c>
      <c r="H6" s="64">
        <v>705</v>
      </c>
      <c r="I6" s="65">
        <v>368</v>
      </c>
      <c r="J6" s="66">
        <v>337</v>
      </c>
      <c r="K6" s="64">
        <v>499</v>
      </c>
      <c r="L6" s="65">
        <v>265</v>
      </c>
      <c r="M6" s="66">
        <v>234</v>
      </c>
    </row>
    <row r="7" spans="1:13">
      <c r="A7" s="15" t="s">
        <v>4</v>
      </c>
      <c r="B7" s="67">
        <v>1667</v>
      </c>
      <c r="C7" s="68">
        <v>839</v>
      </c>
      <c r="D7" s="69">
        <v>828</v>
      </c>
      <c r="E7" s="67">
        <v>3</v>
      </c>
      <c r="F7" s="68">
        <v>1</v>
      </c>
      <c r="G7" s="69">
        <v>2</v>
      </c>
      <c r="H7" s="67">
        <v>102</v>
      </c>
      <c r="I7" s="68">
        <v>53</v>
      </c>
      <c r="J7" s="69">
        <v>49</v>
      </c>
      <c r="K7" s="67">
        <v>66</v>
      </c>
      <c r="L7" s="68">
        <v>36</v>
      </c>
      <c r="M7" s="69">
        <v>30</v>
      </c>
    </row>
    <row r="8" spans="1:13">
      <c r="A8" s="15" t="s">
        <v>6</v>
      </c>
      <c r="B8" s="67">
        <v>46</v>
      </c>
      <c r="C8" s="68">
        <v>20</v>
      </c>
      <c r="D8" s="69">
        <v>26</v>
      </c>
      <c r="E8" s="67">
        <v>0</v>
      </c>
      <c r="F8" s="68">
        <v>0</v>
      </c>
      <c r="G8" s="69">
        <v>0</v>
      </c>
      <c r="H8" s="67">
        <v>194</v>
      </c>
      <c r="I8" s="68">
        <v>95</v>
      </c>
      <c r="J8" s="69">
        <v>99</v>
      </c>
      <c r="K8" s="67">
        <v>148</v>
      </c>
      <c r="L8" s="68">
        <v>75</v>
      </c>
      <c r="M8" s="69">
        <v>73</v>
      </c>
    </row>
    <row r="9" spans="1:13">
      <c r="A9" s="15" t="s">
        <v>8</v>
      </c>
      <c r="B9" s="67">
        <v>50</v>
      </c>
      <c r="C9" s="68">
        <v>24</v>
      </c>
      <c r="D9" s="69">
        <v>26</v>
      </c>
      <c r="E9" s="67">
        <v>0</v>
      </c>
      <c r="F9" s="68">
        <v>0</v>
      </c>
      <c r="G9" s="69">
        <v>0</v>
      </c>
      <c r="H9" s="67">
        <v>150</v>
      </c>
      <c r="I9" s="68">
        <v>81</v>
      </c>
      <c r="J9" s="69">
        <v>69</v>
      </c>
      <c r="K9" s="67">
        <v>100</v>
      </c>
      <c r="L9" s="68">
        <v>57</v>
      </c>
      <c r="M9" s="69">
        <v>43</v>
      </c>
    </row>
    <row r="10" spans="1:13">
      <c r="A10" s="15" t="s">
        <v>10</v>
      </c>
      <c r="B10" s="67">
        <v>49</v>
      </c>
      <c r="C10" s="68">
        <v>27</v>
      </c>
      <c r="D10" s="69">
        <v>22</v>
      </c>
      <c r="E10" s="67">
        <v>0</v>
      </c>
      <c r="F10" s="68">
        <v>0</v>
      </c>
      <c r="G10" s="69">
        <v>0</v>
      </c>
      <c r="H10" s="67">
        <v>147</v>
      </c>
      <c r="I10" s="68">
        <v>79</v>
      </c>
      <c r="J10" s="69">
        <v>68</v>
      </c>
      <c r="K10" s="67">
        <v>98</v>
      </c>
      <c r="L10" s="68">
        <v>52</v>
      </c>
      <c r="M10" s="69">
        <v>46</v>
      </c>
    </row>
    <row r="11" spans="1:13">
      <c r="A11" s="15" t="s">
        <v>12</v>
      </c>
      <c r="B11" s="67">
        <v>25</v>
      </c>
      <c r="C11" s="68">
        <v>15</v>
      </c>
      <c r="D11" s="69">
        <v>10</v>
      </c>
      <c r="E11" s="67">
        <v>0</v>
      </c>
      <c r="F11" s="68">
        <v>0</v>
      </c>
      <c r="G11" s="69">
        <v>0</v>
      </c>
      <c r="H11" s="67">
        <v>112</v>
      </c>
      <c r="I11" s="68">
        <v>60</v>
      </c>
      <c r="J11" s="69">
        <v>52</v>
      </c>
      <c r="K11" s="67">
        <v>87</v>
      </c>
      <c r="L11" s="68">
        <v>45</v>
      </c>
      <c r="M11" s="69">
        <v>42</v>
      </c>
    </row>
    <row r="12" spans="1:13" ht="21" customHeight="1">
      <c r="A12" s="36" t="s">
        <v>14</v>
      </c>
      <c r="B12" s="64">
        <v>70</v>
      </c>
      <c r="C12" s="65">
        <v>29</v>
      </c>
      <c r="D12" s="66">
        <v>41</v>
      </c>
      <c r="E12" s="64">
        <v>2</v>
      </c>
      <c r="F12" s="65">
        <v>1</v>
      </c>
      <c r="G12" s="66">
        <v>1</v>
      </c>
      <c r="H12" s="64">
        <v>387</v>
      </c>
      <c r="I12" s="65">
        <v>191</v>
      </c>
      <c r="J12" s="66">
        <v>196</v>
      </c>
      <c r="K12" s="64">
        <v>315</v>
      </c>
      <c r="L12" s="65">
        <v>161</v>
      </c>
      <c r="M12" s="66">
        <v>154</v>
      </c>
    </row>
    <row r="13" spans="1:13">
      <c r="A13" s="15" t="s">
        <v>16</v>
      </c>
      <c r="B13" s="67">
        <v>11</v>
      </c>
      <c r="C13" s="68">
        <v>3</v>
      </c>
      <c r="D13" s="69">
        <v>8</v>
      </c>
      <c r="E13" s="67">
        <v>0</v>
      </c>
      <c r="F13" s="68">
        <v>0</v>
      </c>
      <c r="G13" s="69">
        <v>0</v>
      </c>
      <c r="H13" s="67">
        <v>93</v>
      </c>
      <c r="I13" s="68">
        <v>38</v>
      </c>
      <c r="J13" s="69">
        <v>55</v>
      </c>
      <c r="K13" s="67">
        <v>82</v>
      </c>
      <c r="L13" s="68">
        <v>35</v>
      </c>
      <c r="M13" s="69">
        <v>47</v>
      </c>
    </row>
    <row r="14" spans="1:13">
      <c r="A14" s="15" t="s">
        <v>18</v>
      </c>
      <c r="B14" s="67">
        <v>28</v>
      </c>
      <c r="C14" s="68">
        <v>12</v>
      </c>
      <c r="D14" s="69">
        <v>16</v>
      </c>
      <c r="E14" s="67">
        <v>0</v>
      </c>
      <c r="F14" s="68">
        <v>0</v>
      </c>
      <c r="G14" s="69">
        <v>0</v>
      </c>
      <c r="H14" s="67">
        <v>98</v>
      </c>
      <c r="I14" s="68">
        <v>43</v>
      </c>
      <c r="J14" s="69">
        <v>55</v>
      </c>
      <c r="K14" s="67">
        <v>70</v>
      </c>
      <c r="L14" s="68">
        <v>31</v>
      </c>
      <c r="M14" s="69">
        <v>39</v>
      </c>
    </row>
    <row r="15" spans="1:13">
      <c r="A15" s="15" t="s">
        <v>20</v>
      </c>
      <c r="B15" s="67">
        <v>9</v>
      </c>
      <c r="C15" s="68">
        <v>10</v>
      </c>
      <c r="D15" s="69">
        <v>-1</v>
      </c>
      <c r="E15" s="67">
        <v>2</v>
      </c>
      <c r="F15" s="68">
        <v>1</v>
      </c>
      <c r="G15" s="69">
        <v>1</v>
      </c>
      <c r="H15" s="67">
        <v>82</v>
      </c>
      <c r="I15" s="68">
        <v>53</v>
      </c>
      <c r="J15" s="69">
        <v>29</v>
      </c>
      <c r="K15" s="67">
        <v>71</v>
      </c>
      <c r="L15" s="68">
        <v>42</v>
      </c>
      <c r="M15" s="69">
        <v>29</v>
      </c>
    </row>
    <row r="16" spans="1:13">
      <c r="A16" s="15" t="s">
        <v>22</v>
      </c>
      <c r="B16" s="67">
        <v>14</v>
      </c>
      <c r="C16" s="68">
        <v>2</v>
      </c>
      <c r="D16" s="69">
        <v>12</v>
      </c>
      <c r="E16" s="67">
        <v>0</v>
      </c>
      <c r="F16" s="68">
        <v>0</v>
      </c>
      <c r="G16" s="69">
        <v>0</v>
      </c>
      <c r="H16" s="67">
        <v>55</v>
      </c>
      <c r="I16" s="68">
        <v>26</v>
      </c>
      <c r="J16" s="69">
        <v>29</v>
      </c>
      <c r="K16" s="67">
        <v>41</v>
      </c>
      <c r="L16" s="68">
        <v>24</v>
      </c>
      <c r="M16" s="69">
        <v>17</v>
      </c>
    </row>
    <row r="17" spans="1:13">
      <c r="A17" s="15" t="s">
        <v>24</v>
      </c>
      <c r="B17" s="67">
        <v>8</v>
      </c>
      <c r="C17" s="68">
        <v>2</v>
      </c>
      <c r="D17" s="69">
        <v>6</v>
      </c>
      <c r="E17" s="67">
        <v>0</v>
      </c>
      <c r="F17" s="68">
        <v>0</v>
      </c>
      <c r="G17" s="69">
        <v>0</v>
      </c>
      <c r="H17" s="67">
        <v>59</v>
      </c>
      <c r="I17" s="68">
        <v>31</v>
      </c>
      <c r="J17" s="69">
        <v>28</v>
      </c>
      <c r="K17" s="67">
        <v>51</v>
      </c>
      <c r="L17" s="68">
        <v>29</v>
      </c>
      <c r="M17" s="69">
        <v>22</v>
      </c>
    </row>
    <row r="18" spans="1:13" ht="21" customHeight="1">
      <c r="A18" s="36" t="s">
        <v>26</v>
      </c>
      <c r="B18" s="64">
        <v>31</v>
      </c>
      <c r="C18" s="65">
        <v>17</v>
      </c>
      <c r="D18" s="66">
        <v>14</v>
      </c>
      <c r="E18" s="64">
        <v>1</v>
      </c>
      <c r="F18" s="65">
        <v>0</v>
      </c>
      <c r="G18" s="66">
        <v>1</v>
      </c>
      <c r="H18" s="64">
        <v>211</v>
      </c>
      <c r="I18" s="65">
        <v>104</v>
      </c>
      <c r="J18" s="66">
        <v>107</v>
      </c>
      <c r="K18" s="64">
        <v>179</v>
      </c>
      <c r="L18" s="65">
        <v>87</v>
      </c>
      <c r="M18" s="66">
        <v>92</v>
      </c>
    </row>
    <row r="19" spans="1:13">
      <c r="A19" s="15" t="s">
        <v>28</v>
      </c>
      <c r="B19" s="67">
        <v>13</v>
      </c>
      <c r="C19" s="68">
        <v>8</v>
      </c>
      <c r="D19" s="69">
        <v>5</v>
      </c>
      <c r="E19" s="67">
        <v>0</v>
      </c>
      <c r="F19" s="68">
        <v>0</v>
      </c>
      <c r="G19" s="69">
        <v>0</v>
      </c>
      <c r="H19" s="67">
        <v>51</v>
      </c>
      <c r="I19" s="68">
        <v>28</v>
      </c>
      <c r="J19" s="69">
        <v>23</v>
      </c>
      <c r="K19" s="67">
        <v>38</v>
      </c>
      <c r="L19" s="68">
        <v>20</v>
      </c>
      <c r="M19" s="69">
        <v>18</v>
      </c>
    </row>
    <row r="20" spans="1:13">
      <c r="A20" s="15" t="s">
        <v>30</v>
      </c>
      <c r="B20" s="67">
        <v>16</v>
      </c>
      <c r="C20" s="68">
        <v>8</v>
      </c>
      <c r="D20" s="69">
        <v>8</v>
      </c>
      <c r="E20" s="67">
        <v>0</v>
      </c>
      <c r="F20" s="68">
        <v>0</v>
      </c>
      <c r="G20" s="69">
        <v>0</v>
      </c>
      <c r="H20" s="67">
        <v>51</v>
      </c>
      <c r="I20" s="68">
        <v>28</v>
      </c>
      <c r="J20" s="69">
        <v>23</v>
      </c>
      <c r="K20" s="67">
        <v>35</v>
      </c>
      <c r="L20" s="68">
        <v>20</v>
      </c>
      <c r="M20" s="69">
        <v>15</v>
      </c>
    </row>
    <row r="21" spans="1:13">
      <c r="A21" s="15" t="s">
        <v>32</v>
      </c>
      <c r="B21" s="67">
        <v>0</v>
      </c>
      <c r="C21" s="68">
        <v>0</v>
      </c>
      <c r="D21" s="69">
        <v>0</v>
      </c>
      <c r="E21" s="67">
        <v>1</v>
      </c>
      <c r="F21" s="68">
        <v>0</v>
      </c>
      <c r="G21" s="69">
        <v>1</v>
      </c>
      <c r="H21" s="67">
        <v>37</v>
      </c>
      <c r="I21" s="68">
        <v>16</v>
      </c>
      <c r="J21" s="69">
        <v>21</v>
      </c>
      <c r="K21" s="67">
        <v>36</v>
      </c>
      <c r="L21" s="68">
        <v>16</v>
      </c>
      <c r="M21" s="69">
        <v>20</v>
      </c>
    </row>
    <row r="22" spans="1:13">
      <c r="A22" s="15" t="s">
        <v>34</v>
      </c>
      <c r="B22" s="67">
        <v>0</v>
      </c>
      <c r="C22" s="68">
        <v>-3</v>
      </c>
      <c r="D22" s="69">
        <v>3</v>
      </c>
      <c r="E22" s="67">
        <v>0</v>
      </c>
      <c r="F22" s="68">
        <v>0</v>
      </c>
      <c r="G22" s="69">
        <v>0</v>
      </c>
      <c r="H22" s="67">
        <v>44</v>
      </c>
      <c r="I22" s="68">
        <v>15</v>
      </c>
      <c r="J22" s="69">
        <v>29</v>
      </c>
      <c r="K22" s="67">
        <v>44</v>
      </c>
      <c r="L22" s="68">
        <v>18</v>
      </c>
      <c r="M22" s="69">
        <v>26</v>
      </c>
    </row>
    <row r="23" spans="1:13">
      <c r="A23" s="15" t="s">
        <v>36</v>
      </c>
      <c r="B23" s="67">
        <v>2</v>
      </c>
      <c r="C23" s="68">
        <v>4</v>
      </c>
      <c r="D23" s="69">
        <v>-2</v>
      </c>
      <c r="E23" s="67">
        <v>0</v>
      </c>
      <c r="F23" s="68">
        <v>0</v>
      </c>
      <c r="G23" s="69">
        <v>0</v>
      </c>
      <c r="H23" s="67">
        <v>28</v>
      </c>
      <c r="I23" s="68">
        <v>17</v>
      </c>
      <c r="J23" s="69">
        <v>11</v>
      </c>
      <c r="K23" s="67">
        <v>26</v>
      </c>
      <c r="L23" s="68">
        <v>13</v>
      </c>
      <c r="M23" s="69">
        <v>13</v>
      </c>
    </row>
    <row r="24" spans="1:13" ht="21" customHeight="1">
      <c r="A24" s="36" t="s">
        <v>38</v>
      </c>
      <c r="B24" s="64">
        <v>-40</v>
      </c>
      <c r="C24" s="65">
        <v>-37</v>
      </c>
      <c r="D24" s="66">
        <v>-3</v>
      </c>
      <c r="E24" s="64">
        <v>3</v>
      </c>
      <c r="F24" s="65">
        <v>2</v>
      </c>
      <c r="G24" s="66">
        <v>1</v>
      </c>
      <c r="H24" s="64">
        <v>474</v>
      </c>
      <c r="I24" s="65">
        <v>217</v>
      </c>
      <c r="J24" s="66">
        <v>257</v>
      </c>
      <c r="K24" s="64">
        <v>511</v>
      </c>
      <c r="L24" s="65">
        <v>252</v>
      </c>
      <c r="M24" s="66">
        <v>259</v>
      </c>
    </row>
    <row r="25" spans="1:13">
      <c r="A25" s="15" t="s">
        <v>40</v>
      </c>
      <c r="B25" s="67">
        <v>9</v>
      </c>
      <c r="C25" s="68">
        <v>2</v>
      </c>
      <c r="D25" s="69">
        <v>7</v>
      </c>
      <c r="E25" s="67">
        <v>0</v>
      </c>
      <c r="F25" s="68">
        <v>0</v>
      </c>
      <c r="G25" s="69">
        <v>0</v>
      </c>
      <c r="H25" s="67">
        <v>41</v>
      </c>
      <c r="I25" s="68">
        <v>22</v>
      </c>
      <c r="J25" s="69">
        <v>19</v>
      </c>
      <c r="K25" s="67">
        <v>32</v>
      </c>
      <c r="L25" s="68">
        <v>20</v>
      </c>
      <c r="M25" s="69">
        <v>12</v>
      </c>
    </row>
    <row r="26" spans="1:13">
      <c r="A26" s="15" t="s">
        <v>42</v>
      </c>
      <c r="B26" s="67">
        <v>-2</v>
      </c>
      <c r="C26" s="68">
        <v>-5</v>
      </c>
      <c r="D26" s="69">
        <v>3</v>
      </c>
      <c r="E26" s="67">
        <v>0</v>
      </c>
      <c r="F26" s="68">
        <v>0</v>
      </c>
      <c r="G26" s="69">
        <v>0</v>
      </c>
      <c r="H26" s="67">
        <v>48</v>
      </c>
      <c r="I26" s="68">
        <v>25</v>
      </c>
      <c r="J26" s="69">
        <v>23</v>
      </c>
      <c r="K26" s="67">
        <v>50</v>
      </c>
      <c r="L26" s="68">
        <v>30</v>
      </c>
      <c r="M26" s="69">
        <v>20</v>
      </c>
    </row>
    <row r="27" spans="1:13">
      <c r="A27" s="15" t="s">
        <v>44</v>
      </c>
      <c r="B27" s="67">
        <v>5</v>
      </c>
      <c r="C27" s="68">
        <v>4</v>
      </c>
      <c r="D27" s="69">
        <v>1</v>
      </c>
      <c r="E27" s="67">
        <v>3</v>
      </c>
      <c r="F27" s="68">
        <v>2</v>
      </c>
      <c r="G27" s="69">
        <v>1</v>
      </c>
      <c r="H27" s="67">
        <v>47</v>
      </c>
      <c r="I27" s="68">
        <v>26</v>
      </c>
      <c r="J27" s="69">
        <v>21</v>
      </c>
      <c r="K27" s="67">
        <v>39</v>
      </c>
      <c r="L27" s="68">
        <v>20</v>
      </c>
      <c r="M27" s="69">
        <v>19</v>
      </c>
    </row>
    <row r="28" spans="1:13">
      <c r="A28" s="15" t="s">
        <v>46</v>
      </c>
      <c r="B28" s="67">
        <v>1</v>
      </c>
      <c r="C28" s="68">
        <v>-5</v>
      </c>
      <c r="D28" s="69">
        <v>6</v>
      </c>
      <c r="E28" s="67">
        <v>0</v>
      </c>
      <c r="F28" s="68">
        <v>0</v>
      </c>
      <c r="G28" s="69">
        <v>0</v>
      </c>
      <c r="H28" s="67">
        <v>107</v>
      </c>
      <c r="I28" s="68">
        <v>44</v>
      </c>
      <c r="J28" s="69">
        <v>63</v>
      </c>
      <c r="K28" s="67">
        <v>106</v>
      </c>
      <c r="L28" s="68">
        <v>49</v>
      </c>
      <c r="M28" s="69">
        <v>57</v>
      </c>
    </row>
    <row r="29" spans="1:13">
      <c r="A29" s="15" t="s">
        <v>48</v>
      </c>
      <c r="B29" s="67">
        <v>-53</v>
      </c>
      <c r="C29" s="68">
        <v>-33</v>
      </c>
      <c r="D29" s="69">
        <v>-20</v>
      </c>
      <c r="E29" s="67">
        <v>0</v>
      </c>
      <c r="F29" s="68">
        <v>0</v>
      </c>
      <c r="G29" s="69">
        <v>0</v>
      </c>
      <c r="H29" s="67">
        <v>231</v>
      </c>
      <c r="I29" s="68">
        <v>100</v>
      </c>
      <c r="J29" s="69">
        <v>131</v>
      </c>
      <c r="K29" s="67">
        <v>284</v>
      </c>
      <c r="L29" s="68">
        <v>133</v>
      </c>
      <c r="M29" s="69">
        <v>151</v>
      </c>
    </row>
    <row r="30" spans="1:13" ht="21" customHeight="1">
      <c r="A30" s="36" t="s">
        <v>50</v>
      </c>
      <c r="B30" s="64">
        <v>-392</v>
      </c>
      <c r="C30" s="65">
        <v>-154</v>
      </c>
      <c r="D30" s="66">
        <v>-238</v>
      </c>
      <c r="E30" s="64">
        <v>5</v>
      </c>
      <c r="F30" s="65">
        <v>3</v>
      </c>
      <c r="G30" s="66">
        <v>2</v>
      </c>
      <c r="H30" s="64">
        <v>2605</v>
      </c>
      <c r="I30" s="65">
        <v>1133</v>
      </c>
      <c r="J30" s="66">
        <v>1472</v>
      </c>
      <c r="K30" s="64">
        <v>2992</v>
      </c>
      <c r="L30" s="65">
        <v>1284</v>
      </c>
      <c r="M30" s="66">
        <v>1708</v>
      </c>
    </row>
    <row r="31" spans="1:13">
      <c r="A31" s="15" t="s">
        <v>52</v>
      </c>
      <c r="B31" s="67">
        <v>68</v>
      </c>
      <c r="C31" s="68">
        <v>51</v>
      </c>
      <c r="D31" s="69">
        <v>17</v>
      </c>
      <c r="E31" s="67">
        <v>0</v>
      </c>
      <c r="F31" s="68">
        <v>0</v>
      </c>
      <c r="G31" s="69">
        <v>0</v>
      </c>
      <c r="H31" s="67">
        <v>471</v>
      </c>
      <c r="I31" s="68">
        <v>161</v>
      </c>
      <c r="J31" s="69">
        <v>310</v>
      </c>
      <c r="K31" s="67">
        <v>403</v>
      </c>
      <c r="L31" s="68">
        <v>110</v>
      </c>
      <c r="M31" s="69">
        <v>293</v>
      </c>
    </row>
    <row r="32" spans="1:13">
      <c r="A32" s="15" t="s">
        <v>54</v>
      </c>
      <c r="B32" s="67">
        <v>-62</v>
      </c>
      <c r="C32" s="68">
        <v>-4</v>
      </c>
      <c r="D32" s="69">
        <v>-58</v>
      </c>
      <c r="E32" s="67">
        <v>2</v>
      </c>
      <c r="F32" s="68">
        <v>2</v>
      </c>
      <c r="G32" s="69">
        <v>0</v>
      </c>
      <c r="H32" s="67">
        <v>442</v>
      </c>
      <c r="I32" s="68">
        <v>186</v>
      </c>
      <c r="J32" s="69">
        <v>256</v>
      </c>
      <c r="K32" s="67">
        <v>502</v>
      </c>
      <c r="L32" s="68">
        <v>188</v>
      </c>
      <c r="M32" s="69">
        <v>314</v>
      </c>
    </row>
    <row r="33" spans="1:13">
      <c r="A33" s="15" t="s">
        <v>56</v>
      </c>
      <c r="B33" s="67">
        <v>-73</v>
      </c>
      <c r="C33" s="68">
        <v>-45</v>
      </c>
      <c r="D33" s="69">
        <v>-28</v>
      </c>
      <c r="E33" s="67">
        <v>1</v>
      </c>
      <c r="F33" s="68">
        <v>0</v>
      </c>
      <c r="G33" s="69">
        <v>1</v>
      </c>
      <c r="H33" s="67">
        <v>487</v>
      </c>
      <c r="I33" s="68">
        <v>186</v>
      </c>
      <c r="J33" s="69">
        <v>301</v>
      </c>
      <c r="K33" s="67">
        <v>559</v>
      </c>
      <c r="L33" s="68">
        <v>231</v>
      </c>
      <c r="M33" s="69">
        <v>328</v>
      </c>
    </row>
    <row r="34" spans="1:13">
      <c r="A34" s="15" t="s">
        <v>58</v>
      </c>
      <c r="B34" s="67">
        <v>-254</v>
      </c>
      <c r="C34" s="68">
        <v>-128</v>
      </c>
      <c r="D34" s="69">
        <v>-126</v>
      </c>
      <c r="E34" s="67">
        <v>2</v>
      </c>
      <c r="F34" s="68">
        <v>1</v>
      </c>
      <c r="G34" s="69">
        <v>1</v>
      </c>
      <c r="H34" s="67">
        <v>628</v>
      </c>
      <c r="I34" s="68">
        <v>300</v>
      </c>
      <c r="J34" s="69">
        <v>328</v>
      </c>
      <c r="K34" s="67">
        <v>880</v>
      </c>
      <c r="L34" s="68">
        <v>427</v>
      </c>
      <c r="M34" s="69">
        <v>453</v>
      </c>
    </row>
    <row r="35" spans="1:13">
      <c r="A35" s="15" t="s">
        <v>60</v>
      </c>
      <c r="B35" s="67">
        <v>-71</v>
      </c>
      <c r="C35" s="68">
        <v>-28</v>
      </c>
      <c r="D35" s="69">
        <v>-43</v>
      </c>
      <c r="E35" s="67">
        <v>0</v>
      </c>
      <c r="F35" s="68">
        <v>0</v>
      </c>
      <c r="G35" s="69">
        <v>0</v>
      </c>
      <c r="H35" s="67">
        <v>577</v>
      </c>
      <c r="I35" s="68">
        <v>300</v>
      </c>
      <c r="J35" s="69">
        <v>277</v>
      </c>
      <c r="K35" s="67">
        <v>648</v>
      </c>
      <c r="L35" s="68">
        <v>328</v>
      </c>
      <c r="M35" s="69">
        <v>320</v>
      </c>
    </row>
    <row r="36" spans="1:13" ht="21" customHeight="1">
      <c r="A36" s="36" t="s">
        <v>62</v>
      </c>
      <c r="B36" s="64">
        <v>-162</v>
      </c>
      <c r="C36" s="65">
        <v>2</v>
      </c>
      <c r="D36" s="66">
        <v>-164</v>
      </c>
      <c r="E36" s="64">
        <v>9</v>
      </c>
      <c r="F36" s="65">
        <v>5</v>
      </c>
      <c r="G36" s="66">
        <v>4</v>
      </c>
      <c r="H36" s="64">
        <v>2707</v>
      </c>
      <c r="I36" s="65">
        <v>1419</v>
      </c>
      <c r="J36" s="66">
        <v>1288</v>
      </c>
      <c r="K36" s="64">
        <v>2860</v>
      </c>
      <c r="L36" s="65">
        <v>1412</v>
      </c>
      <c r="M36" s="66">
        <v>1448</v>
      </c>
    </row>
    <row r="37" spans="1:13">
      <c r="A37" s="15" t="s">
        <v>64</v>
      </c>
      <c r="B37" s="67">
        <v>-45</v>
      </c>
      <c r="C37" s="68">
        <v>-16</v>
      </c>
      <c r="D37" s="69">
        <v>-29</v>
      </c>
      <c r="E37" s="67">
        <v>0</v>
      </c>
      <c r="F37" s="68">
        <v>0</v>
      </c>
      <c r="G37" s="69">
        <v>0</v>
      </c>
      <c r="H37" s="67">
        <v>613</v>
      </c>
      <c r="I37" s="68">
        <v>320</v>
      </c>
      <c r="J37" s="69">
        <v>293</v>
      </c>
      <c r="K37" s="67">
        <v>658</v>
      </c>
      <c r="L37" s="68">
        <v>336</v>
      </c>
      <c r="M37" s="69">
        <v>322</v>
      </c>
    </row>
    <row r="38" spans="1:13">
      <c r="A38" s="15" t="s">
        <v>66</v>
      </c>
      <c r="B38" s="67">
        <v>-67</v>
      </c>
      <c r="C38" s="68">
        <v>-4</v>
      </c>
      <c r="D38" s="69">
        <v>-63</v>
      </c>
      <c r="E38" s="67">
        <v>0</v>
      </c>
      <c r="F38" s="68">
        <v>0</v>
      </c>
      <c r="G38" s="69">
        <v>0</v>
      </c>
      <c r="H38" s="67">
        <v>556</v>
      </c>
      <c r="I38" s="68">
        <v>289</v>
      </c>
      <c r="J38" s="69">
        <v>267</v>
      </c>
      <c r="K38" s="67">
        <v>623</v>
      </c>
      <c r="L38" s="68">
        <v>293</v>
      </c>
      <c r="M38" s="69">
        <v>330</v>
      </c>
    </row>
    <row r="39" spans="1:13">
      <c r="A39" s="15" t="s">
        <v>68</v>
      </c>
      <c r="B39" s="67">
        <v>-19</v>
      </c>
      <c r="C39" s="68">
        <v>-8</v>
      </c>
      <c r="D39" s="69">
        <v>-11</v>
      </c>
      <c r="E39" s="67">
        <v>3</v>
      </c>
      <c r="F39" s="68">
        <v>1</v>
      </c>
      <c r="G39" s="69">
        <v>2</v>
      </c>
      <c r="H39" s="67">
        <v>543</v>
      </c>
      <c r="I39" s="68">
        <v>282</v>
      </c>
      <c r="J39" s="69">
        <v>261</v>
      </c>
      <c r="K39" s="67">
        <v>559</v>
      </c>
      <c r="L39" s="68">
        <v>289</v>
      </c>
      <c r="M39" s="69">
        <v>270</v>
      </c>
    </row>
    <row r="40" spans="1:13">
      <c r="A40" s="15" t="s">
        <v>70</v>
      </c>
      <c r="B40" s="67">
        <v>0</v>
      </c>
      <c r="C40" s="68">
        <v>39</v>
      </c>
      <c r="D40" s="69">
        <v>-39</v>
      </c>
      <c r="E40" s="67">
        <v>3</v>
      </c>
      <c r="F40" s="68">
        <v>2</v>
      </c>
      <c r="G40" s="69">
        <v>1</v>
      </c>
      <c r="H40" s="67">
        <v>543</v>
      </c>
      <c r="I40" s="68">
        <v>288</v>
      </c>
      <c r="J40" s="69">
        <v>255</v>
      </c>
      <c r="K40" s="67">
        <v>540</v>
      </c>
      <c r="L40" s="68">
        <v>247</v>
      </c>
      <c r="M40" s="69">
        <v>293</v>
      </c>
    </row>
    <row r="41" spans="1:13">
      <c r="A41" s="15" t="s">
        <v>72</v>
      </c>
      <c r="B41" s="67">
        <v>-31</v>
      </c>
      <c r="C41" s="68">
        <v>-9</v>
      </c>
      <c r="D41" s="69">
        <v>-22</v>
      </c>
      <c r="E41" s="67">
        <v>3</v>
      </c>
      <c r="F41" s="68">
        <v>2</v>
      </c>
      <c r="G41" s="69">
        <v>1</v>
      </c>
      <c r="H41" s="67">
        <v>452</v>
      </c>
      <c r="I41" s="68">
        <v>240</v>
      </c>
      <c r="J41" s="69">
        <v>212</v>
      </c>
      <c r="K41" s="67">
        <v>480</v>
      </c>
      <c r="L41" s="68">
        <v>247</v>
      </c>
      <c r="M41" s="69">
        <v>233</v>
      </c>
    </row>
    <row r="42" spans="1:13" ht="21" customHeight="1">
      <c r="A42" s="36" t="s">
        <v>74</v>
      </c>
      <c r="B42" s="64">
        <v>223</v>
      </c>
      <c r="C42" s="65">
        <v>113</v>
      </c>
      <c r="D42" s="66">
        <v>110</v>
      </c>
      <c r="E42" s="64">
        <v>5</v>
      </c>
      <c r="F42" s="65">
        <v>4</v>
      </c>
      <c r="G42" s="66">
        <v>1</v>
      </c>
      <c r="H42" s="64">
        <v>1826</v>
      </c>
      <c r="I42" s="65">
        <v>956</v>
      </c>
      <c r="J42" s="66">
        <v>870</v>
      </c>
      <c r="K42" s="64">
        <v>1598</v>
      </c>
      <c r="L42" s="65">
        <v>839</v>
      </c>
      <c r="M42" s="66">
        <v>759</v>
      </c>
    </row>
    <row r="43" spans="1:13">
      <c r="A43" s="15" t="s">
        <v>76</v>
      </c>
      <c r="B43" s="67">
        <v>26</v>
      </c>
      <c r="C43" s="68">
        <v>16</v>
      </c>
      <c r="D43" s="69">
        <v>10</v>
      </c>
      <c r="E43" s="67">
        <v>0</v>
      </c>
      <c r="F43" s="68">
        <v>0</v>
      </c>
      <c r="G43" s="69">
        <v>0</v>
      </c>
      <c r="H43" s="67">
        <v>436</v>
      </c>
      <c r="I43" s="68">
        <v>233</v>
      </c>
      <c r="J43" s="69">
        <v>203</v>
      </c>
      <c r="K43" s="67">
        <v>410</v>
      </c>
      <c r="L43" s="68">
        <v>217</v>
      </c>
      <c r="M43" s="69">
        <v>193</v>
      </c>
    </row>
    <row r="44" spans="1:13">
      <c r="A44" s="15" t="s">
        <v>78</v>
      </c>
      <c r="B44" s="67">
        <v>40</v>
      </c>
      <c r="C44" s="68">
        <v>3</v>
      </c>
      <c r="D44" s="69">
        <v>37</v>
      </c>
      <c r="E44" s="67">
        <v>0</v>
      </c>
      <c r="F44" s="68">
        <v>0</v>
      </c>
      <c r="G44" s="69">
        <v>0</v>
      </c>
      <c r="H44" s="67">
        <v>381</v>
      </c>
      <c r="I44" s="68">
        <v>183</v>
      </c>
      <c r="J44" s="69">
        <v>198</v>
      </c>
      <c r="K44" s="67">
        <v>341</v>
      </c>
      <c r="L44" s="68">
        <v>180</v>
      </c>
      <c r="M44" s="69">
        <v>161</v>
      </c>
    </row>
    <row r="45" spans="1:13">
      <c r="A45" s="15" t="s">
        <v>80</v>
      </c>
      <c r="B45" s="67">
        <v>51</v>
      </c>
      <c r="C45" s="68">
        <v>42</v>
      </c>
      <c r="D45" s="69">
        <v>9</v>
      </c>
      <c r="E45" s="67">
        <v>3</v>
      </c>
      <c r="F45" s="68">
        <v>3</v>
      </c>
      <c r="G45" s="69">
        <v>0</v>
      </c>
      <c r="H45" s="67">
        <v>351</v>
      </c>
      <c r="I45" s="68">
        <v>190</v>
      </c>
      <c r="J45" s="69">
        <v>161</v>
      </c>
      <c r="K45" s="67">
        <v>297</v>
      </c>
      <c r="L45" s="68">
        <v>145</v>
      </c>
      <c r="M45" s="69">
        <v>152</v>
      </c>
    </row>
    <row r="46" spans="1:13">
      <c r="A46" s="15" t="s">
        <v>82</v>
      </c>
      <c r="B46" s="67">
        <v>60</v>
      </c>
      <c r="C46" s="68">
        <v>32</v>
      </c>
      <c r="D46" s="69">
        <v>28</v>
      </c>
      <c r="E46" s="67">
        <v>0</v>
      </c>
      <c r="F46" s="68">
        <v>0</v>
      </c>
      <c r="G46" s="69">
        <v>0</v>
      </c>
      <c r="H46" s="67">
        <v>353</v>
      </c>
      <c r="I46" s="68">
        <v>184</v>
      </c>
      <c r="J46" s="69">
        <v>169</v>
      </c>
      <c r="K46" s="67">
        <v>293</v>
      </c>
      <c r="L46" s="68">
        <v>152</v>
      </c>
      <c r="M46" s="69">
        <v>141</v>
      </c>
    </row>
    <row r="47" spans="1:13">
      <c r="A47" s="15" t="s">
        <v>84</v>
      </c>
      <c r="B47" s="67">
        <v>46</v>
      </c>
      <c r="C47" s="68">
        <v>20</v>
      </c>
      <c r="D47" s="69">
        <v>26</v>
      </c>
      <c r="E47" s="67">
        <v>2</v>
      </c>
      <c r="F47" s="68">
        <v>1</v>
      </c>
      <c r="G47" s="69">
        <v>1</v>
      </c>
      <c r="H47" s="67">
        <v>305</v>
      </c>
      <c r="I47" s="68">
        <v>166</v>
      </c>
      <c r="J47" s="69">
        <v>139</v>
      </c>
      <c r="K47" s="67">
        <v>257</v>
      </c>
      <c r="L47" s="68">
        <v>145</v>
      </c>
      <c r="M47" s="69">
        <v>112</v>
      </c>
    </row>
    <row r="48" spans="1:13" ht="21" customHeight="1">
      <c r="A48" s="36" t="s">
        <v>86</v>
      </c>
      <c r="B48" s="64">
        <v>218</v>
      </c>
      <c r="C48" s="65">
        <v>127</v>
      </c>
      <c r="D48" s="66">
        <v>91</v>
      </c>
      <c r="E48" s="64">
        <v>13</v>
      </c>
      <c r="F48" s="65">
        <v>8</v>
      </c>
      <c r="G48" s="66">
        <v>5</v>
      </c>
      <c r="H48" s="64">
        <v>1241</v>
      </c>
      <c r="I48" s="65">
        <v>655</v>
      </c>
      <c r="J48" s="66">
        <v>586</v>
      </c>
      <c r="K48" s="64">
        <v>1010</v>
      </c>
      <c r="L48" s="65">
        <v>520</v>
      </c>
      <c r="M48" s="66">
        <v>490</v>
      </c>
    </row>
    <row r="49" spans="1:13">
      <c r="A49" s="15" t="s">
        <v>88</v>
      </c>
      <c r="B49" s="67">
        <v>32</v>
      </c>
      <c r="C49" s="68">
        <v>30</v>
      </c>
      <c r="D49" s="69">
        <v>2</v>
      </c>
      <c r="E49" s="67">
        <v>2</v>
      </c>
      <c r="F49" s="68">
        <v>2</v>
      </c>
      <c r="G49" s="69">
        <v>0</v>
      </c>
      <c r="H49" s="67">
        <v>265</v>
      </c>
      <c r="I49" s="68">
        <v>144</v>
      </c>
      <c r="J49" s="69">
        <v>121</v>
      </c>
      <c r="K49" s="67">
        <v>231</v>
      </c>
      <c r="L49" s="68">
        <v>112</v>
      </c>
      <c r="M49" s="69">
        <v>119</v>
      </c>
    </row>
    <row r="50" spans="1:13">
      <c r="A50" s="15" t="s">
        <v>90</v>
      </c>
      <c r="B50" s="67">
        <v>70</v>
      </c>
      <c r="C50" s="68">
        <v>30</v>
      </c>
      <c r="D50" s="69">
        <v>40</v>
      </c>
      <c r="E50" s="67">
        <v>3</v>
      </c>
      <c r="F50" s="68">
        <v>2</v>
      </c>
      <c r="G50" s="69">
        <v>1</v>
      </c>
      <c r="H50" s="67">
        <v>293</v>
      </c>
      <c r="I50" s="68">
        <v>153</v>
      </c>
      <c r="J50" s="69">
        <v>140</v>
      </c>
      <c r="K50" s="67">
        <v>220</v>
      </c>
      <c r="L50" s="68">
        <v>121</v>
      </c>
      <c r="M50" s="69">
        <v>99</v>
      </c>
    </row>
    <row r="51" spans="1:13">
      <c r="A51" s="15" t="s">
        <v>92</v>
      </c>
      <c r="B51" s="67">
        <v>46</v>
      </c>
      <c r="C51" s="68">
        <v>9</v>
      </c>
      <c r="D51" s="69">
        <v>37</v>
      </c>
      <c r="E51" s="67">
        <v>2</v>
      </c>
      <c r="F51" s="68">
        <v>2</v>
      </c>
      <c r="G51" s="69">
        <v>0</v>
      </c>
      <c r="H51" s="67">
        <v>267</v>
      </c>
      <c r="I51" s="68">
        <v>128</v>
      </c>
      <c r="J51" s="69">
        <v>139</v>
      </c>
      <c r="K51" s="67">
        <v>219</v>
      </c>
      <c r="L51" s="68">
        <v>117</v>
      </c>
      <c r="M51" s="69">
        <v>102</v>
      </c>
    </row>
    <row r="52" spans="1:13">
      <c r="A52" s="15" t="s">
        <v>94</v>
      </c>
      <c r="B52" s="67">
        <v>20</v>
      </c>
      <c r="C52" s="68">
        <v>18</v>
      </c>
      <c r="D52" s="69">
        <v>2</v>
      </c>
      <c r="E52" s="67">
        <v>2</v>
      </c>
      <c r="F52" s="68">
        <v>1</v>
      </c>
      <c r="G52" s="69">
        <v>1</v>
      </c>
      <c r="H52" s="67">
        <v>203</v>
      </c>
      <c r="I52" s="68">
        <v>114</v>
      </c>
      <c r="J52" s="69">
        <v>89</v>
      </c>
      <c r="K52" s="67">
        <v>181</v>
      </c>
      <c r="L52" s="68">
        <v>95</v>
      </c>
      <c r="M52" s="69">
        <v>86</v>
      </c>
    </row>
    <row r="53" spans="1:13">
      <c r="A53" s="15" t="s">
        <v>96</v>
      </c>
      <c r="B53" s="67">
        <v>50</v>
      </c>
      <c r="C53" s="68">
        <v>40</v>
      </c>
      <c r="D53" s="69">
        <v>10</v>
      </c>
      <c r="E53" s="67">
        <v>4</v>
      </c>
      <c r="F53" s="68">
        <v>1</v>
      </c>
      <c r="G53" s="69">
        <v>3</v>
      </c>
      <c r="H53" s="67">
        <v>213</v>
      </c>
      <c r="I53" s="68">
        <v>116</v>
      </c>
      <c r="J53" s="69">
        <v>97</v>
      </c>
      <c r="K53" s="67">
        <v>159</v>
      </c>
      <c r="L53" s="68">
        <v>75</v>
      </c>
      <c r="M53" s="69">
        <v>84</v>
      </c>
    </row>
    <row r="54" spans="1:13" ht="21" customHeight="1">
      <c r="A54" s="36" t="s">
        <v>98</v>
      </c>
      <c r="B54" s="64">
        <v>134</v>
      </c>
      <c r="C54" s="65">
        <v>40</v>
      </c>
      <c r="D54" s="66">
        <v>94</v>
      </c>
      <c r="E54" s="64">
        <v>16</v>
      </c>
      <c r="F54" s="65">
        <v>9</v>
      </c>
      <c r="G54" s="66">
        <v>7</v>
      </c>
      <c r="H54" s="64">
        <v>874</v>
      </c>
      <c r="I54" s="65">
        <v>446</v>
      </c>
      <c r="J54" s="66">
        <v>428</v>
      </c>
      <c r="K54" s="64">
        <v>724</v>
      </c>
      <c r="L54" s="65">
        <v>397</v>
      </c>
      <c r="M54" s="66">
        <v>327</v>
      </c>
    </row>
    <row r="55" spans="1:13">
      <c r="A55" s="15" t="s">
        <v>100</v>
      </c>
      <c r="B55" s="67">
        <v>50</v>
      </c>
      <c r="C55" s="68">
        <v>26</v>
      </c>
      <c r="D55" s="69">
        <v>24</v>
      </c>
      <c r="E55" s="67">
        <v>3</v>
      </c>
      <c r="F55" s="68">
        <v>0</v>
      </c>
      <c r="G55" s="69">
        <v>3</v>
      </c>
      <c r="H55" s="67">
        <v>197</v>
      </c>
      <c r="I55" s="68">
        <v>103</v>
      </c>
      <c r="J55" s="69">
        <v>94</v>
      </c>
      <c r="K55" s="67">
        <v>144</v>
      </c>
      <c r="L55" s="68">
        <v>77</v>
      </c>
      <c r="M55" s="69">
        <v>67</v>
      </c>
    </row>
    <row r="56" spans="1:13">
      <c r="A56" s="15" t="s">
        <v>102</v>
      </c>
      <c r="B56" s="67">
        <v>20</v>
      </c>
      <c r="C56" s="68">
        <v>5</v>
      </c>
      <c r="D56" s="69">
        <v>15</v>
      </c>
      <c r="E56" s="67">
        <v>2</v>
      </c>
      <c r="F56" s="68">
        <v>2</v>
      </c>
      <c r="G56" s="69">
        <v>0</v>
      </c>
      <c r="H56" s="67">
        <v>184</v>
      </c>
      <c r="I56" s="68">
        <v>99</v>
      </c>
      <c r="J56" s="69">
        <v>85</v>
      </c>
      <c r="K56" s="67">
        <v>162</v>
      </c>
      <c r="L56" s="68">
        <v>92</v>
      </c>
      <c r="M56" s="69">
        <v>70</v>
      </c>
    </row>
    <row r="57" spans="1:13">
      <c r="A57" s="15" t="s">
        <v>104</v>
      </c>
      <c r="B57" s="67">
        <v>26</v>
      </c>
      <c r="C57" s="68">
        <v>6</v>
      </c>
      <c r="D57" s="69">
        <v>20</v>
      </c>
      <c r="E57" s="67">
        <v>2</v>
      </c>
      <c r="F57" s="68">
        <v>1</v>
      </c>
      <c r="G57" s="69">
        <v>1</v>
      </c>
      <c r="H57" s="67">
        <v>177</v>
      </c>
      <c r="I57" s="68">
        <v>75</v>
      </c>
      <c r="J57" s="69">
        <v>102</v>
      </c>
      <c r="K57" s="67">
        <v>149</v>
      </c>
      <c r="L57" s="68">
        <v>68</v>
      </c>
      <c r="M57" s="69">
        <v>81</v>
      </c>
    </row>
    <row r="58" spans="1:13">
      <c r="A58" s="15" t="s">
        <v>106</v>
      </c>
      <c r="B58" s="67">
        <v>14</v>
      </c>
      <c r="C58" s="68">
        <v>-4</v>
      </c>
      <c r="D58" s="69">
        <v>18</v>
      </c>
      <c r="E58" s="67">
        <v>6</v>
      </c>
      <c r="F58" s="68">
        <v>4</v>
      </c>
      <c r="G58" s="69">
        <v>2</v>
      </c>
      <c r="H58" s="67">
        <v>155</v>
      </c>
      <c r="I58" s="68">
        <v>82</v>
      </c>
      <c r="J58" s="69">
        <v>73</v>
      </c>
      <c r="K58" s="67">
        <v>135</v>
      </c>
      <c r="L58" s="68">
        <v>82</v>
      </c>
      <c r="M58" s="69">
        <v>53</v>
      </c>
    </row>
    <row r="59" spans="1:13">
      <c r="A59" s="15" t="s">
        <v>108</v>
      </c>
      <c r="B59" s="67">
        <v>24</v>
      </c>
      <c r="C59" s="68">
        <v>7</v>
      </c>
      <c r="D59" s="69">
        <v>17</v>
      </c>
      <c r="E59" s="67">
        <v>3</v>
      </c>
      <c r="F59" s="68">
        <v>2</v>
      </c>
      <c r="G59" s="69">
        <v>1</v>
      </c>
      <c r="H59" s="67">
        <v>161</v>
      </c>
      <c r="I59" s="68">
        <v>87</v>
      </c>
      <c r="J59" s="69">
        <v>74</v>
      </c>
      <c r="K59" s="67">
        <v>134</v>
      </c>
      <c r="L59" s="68">
        <v>78</v>
      </c>
      <c r="M59" s="69">
        <v>56</v>
      </c>
    </row>
    <row r="60" spans="1:13" ht="21" customHeight="1">
      <c r="A60" s="36" t="s">
        <v>110</v>
      </c>
      <c r="B60" s="64">
        <v>34</v>
      </c>
      <c r="C60" s="65">
        <v>25</v>
      </c>
      <c r="D60" s="66">
        <v>9</v>
      </c>
      <c r="E60" s="64">
        <v>42</v>
      </c>
      <c r="F60" s="65">
        <v>26</v>
      </c>
      <c r="G60" s="66">
        <v>16</v>
      </c>
      <c r="H60" s="64">
        <v>760</v>
      </c>
      <c r="I60" s="65">
        <v>392</v>
      </c>
      <c r="J60" s="66">
        <v>368</v>
      </c>
      <c r="K60" s="64">
        <v>684</v>
      </c>
      <c r="L60" s="65">
        <v>341</v>
      </c>
      <c r="M60" s="66">
        <v>343</v>
      </c>
    </row>
    <row r="61" spans="1:13">
      <c r="A61" s="15" t="s">
        <v>112</v>
      </c>
      <c r="B61" s="67">
        <v>-4</v>
      </c>
      <c r="C61" s="68">
        <v>5</v>
      </c>
      <c r="D61" s="69">
        <v>-9</v>
      </c>
      <c r="E61" s="67">
        <v>9</v>
      </c>
      <c r="F61" s="68">
        <v>4</v>
      </c>
      <c r="G61" s="69">
        <v>5</v>
      </c>
      <c r="H61" s="67">
        <v>144</v>
      </c>
      <c r="I61" s="68">
        <v>77</v>
      </c>
      <c r="J61" s="69">
        <v>67</v>
      </c>
      <c r="K61" s="67">
        <v>139</v>
      </c>
      <c r="L61" s="68">
        <v>68</v>
      </c>
      <c r="M61" s="69">
        <v>71</v>
      </c>
    </row>
    <row r="62" spans="1:13">
      <c r="A62" s="15" t="s">
        <v>114</v>
      </c>
      <c r="B62" s="67">
        <v>14</v>
      </c>
      <c r="C62" s="68">
        <v>16</v>
      </c>
      <c r="D62" s="69">
        <v>-2</v>
      </c>
      <c r="E62" s="67">
        <v>5</v>
      </c>
      <c r="F62" s="68">
        <v>2</v>
      </c>
      <c r="G62" s="69">
        <v>3</v>
      </c>
      <c r="H62" s="67">
        <v>152</v>
      </c>
      <c r="I62" s="68">
        <v>81</v>
      </c>
      <c r="J62" s="69">
        <v>71</v>
      </c>
      <c r="K62" s="67">
        <v>133</v>
      </c>
      <c r="L62" s="68">
        <v>63</v>
      </c>
      <c r="M62" s="69">
        <v>70</v>
      </c>
    </row>
    <row r="63" spans="1:13">
      <c r="A63" s="15" t="s">
        <v>116</v>
      </c>
      <c r="B63" s="67">
        <v>0</v>
      </c>
      <c r="C63" s="68">
        <v>0</v>
      </c>
      <c r="D63" s="69">
        <v>0</v>
      </c>
      <c r="E63" s="67">
        <v>10</v>
      </c>
      <c r="F63" s="68">
        <v>7</v>
      </c>
      <c r="G63" s="69">
        <v>3</v>
      </c>
      <c r="H63" s="67">
        <v>141</v>
      </c>
      <c r="I63" s="68">
        <v>76</v>
      </c>
      <c r="J63" s="69">
        <v>65</v>
      </c>
      <c r="K63" s="67">
        <v>131</v>
      </c>
      <c r="L63" s="68">
        <v>69</v>
      </c>
      <c r="M63" s="69">
        <v>62</v>
      </c>
    </row>
    <row r="64" spans="1:13">
      <c r="A64" s="15" t="s">
        <v>118</v>
      </c>
      <c r="B64" s="67">
        <v>16</v>
      </c>
      <c r="C64" s="68">
        <v>7</v>
      </c>
      <c r="D64" s="69">
        <v>9</v>
      </c>
      <c r="E64" s="67">
        <v>8</v>
      </c>
      <c r="F64" s="68">
        <v>7</v>
      </c>
      <c r="G64" s="69">
        <v>1</v>
      </c>
      <c r="H64" s="67">
        <v>169</v>
      </c>
      <c r="I64" s="68">
        <v>85</v>
      </c>
      <c r="J64" s="69">
        <v>84</v>
      </c>
      <c r="K64" s="67">
        <v>145</v>
      </c>
      <c r="L64" s="68">
        <v>71</v>
      </c>
      <c r="M64" s="69">
        <v>74</v>
      </c>
    </row>
    <row r="65" spans="1:13">
      <c r="A65" s="19" t="s">
        <v>120</v>
      </c>
      <c r="B65" s="70">
        <v>8</v>
      </c>
      <c r="C65" s="71">
        <v>-3</v>
      </c>
      <c r="D65" s="72">
        <v>11</v>
      </c>
      <c r="E65" s="70">
        <v>10</v>
      </c>
      <c r="F65" s="71">
        <v>6</v>
      </c>
      <c r="G65" s="72">
        <v>4</v>
      </c>
      <c r="H65" s="70">
        <v>154</v>
      </c>
      <c r="I65" s="71">
        <v>73</v>
      </c>
      <c r="J65" s="72">
        <v>81</v>
      </c>
      <c r="K65" s="70">
        <v>136</v>
      </c>
      <c r="L65" s="71">
        <v>70</v>
      </c>
      <c r="M65" s="72">
        <v>66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32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32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32"/>
      <c r="L68" s="12"/>
      <c r="M68" s="12"/>
    </row>
    <row r="69" spans="1:13" ht="21" customHeight="1">
      <c r="A69" s="37" t="s">
        <v>1</v>
      </c>
      <c r="B69" s="73">
        <v>1634</v>
      </c>
      <c r="C69" s="41">
        <v>823</v>
      </c>
      <c r="D69" s="74">
        <v>811</v>
      </c>
      <c r="E69" s="21"/>
      <c r="F69" s="21"/>
      <c r="G69" s="21"/>
      <c r="H69" s="21"/>
      <c r="I69" s="21"/>
      <c r="J69" s="21"/>
      <c r="K69" s="32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17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219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2</v>
      </c>
      <c r="D73" s="9" t="s">
        <v>134</v>
      </c>
      <c r="E73" s="9" t="s">
        <v>136</v>
      </c>
      <c r="F73" s="9" t="s">
        <v>132</v>
      </c>
      <c r="G73" s="9" t="s">
        <v>134</v>
      </c>
      <c r="H73" s="9" t="s">
        <v>131</v>
      </c>
      <c r="I73" s="9" t="s">
        <v>132</v>
      </c>
      <c r="J73" s="9" t="s">
        <v>134</v>
      </c>
      <c r="K73" s="9" t="s">
        <v>131</v>
      </c>
      <c r="L73" s="9" t="s">
        <v>132</v>
      </c>
      <c r="M73" s="11" t="s">
        <v>134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132</v>
      </c>
      <c r="C75" s="65">
        <v>74</v>
      </c>
      <c r="D75" s="66">
        <v>58</v>
      </c>
      <c r="E75" s="64">
        <v>54</v>
      </c>
      <c r="F75" s="65">
        <v>28</v>
      </c>
      <c r="G75" s="66">
        <v>26</v>
      </c>
      <c r="H75" s="64">
        <v>734</v>
      </c>
      <c r="I75" s="65">
        <v>393</v>
      </c>
      <c r="J75" s="66">
        <v>341</v>
      </c>
      <c r="K75" s="64">
        <v>548</v>
      </c>
      <c r="L75" s="65">
        <v>291</v>
      </c>
      <c r="M75" s="66">
        <v>257</v>
      </c>
    </row>
    <row r="76" spans="1:13">
      <c r="A76" s="27" t="s">
        <v>5</v>
      </c>
      <c r="B76" s="67">
        <v>31</v>
      </c>
      <c r="C76" s="68">
        <v>18</v>
      </c>
      <c r="D76" s="69">
        <v>13</v>
      </c>
      <c r="E76" s="67">
        <v>10</v>
      </c>
      <c r="F76" s="68">
        <v>5</v>
      </c>
      <c r="G76" s="69">
        <v>5</v>
      </c>
      <c r="H76" s="67">
        <v>171</v>
      </c>
      <c r="I76" s="68">
        <v>93</v>
      </c>
      <c r="J76" s="69">
        <v>78</v>
      </c>
      <c r="K76" s="67">
        <v>130</v>
      </c>
      <c r="L76" s="68">
        <v>70</v>
      </c>
      <c r="M76" s="69">
        <v>60</v>
      </c>
    </row>
    <row r="77" spans="1:13">
      <c r="A77" s="27" t="s">
        <v>7</v>
      </c>
      <c r="B77" s="67">
        <v>16</v>
      </c>
      <c r="C77" s="68">
        <v>1</v>
      </c>
      <c r="D77" s="69">
        <v>15</v>
      </c>
      <c r="E77" s="67">
        <v>7</v>
      </c>
      <c r="F77" s="68">
        <v>2</v>
      </c>
      <c r="G77" s="69">
        <v>5</v>
      </c>
      <c r="H77" s="67">
        <v>131</v>
      </c>
      <c r="I77" s="68">
        <v>65</v>
      </c>
      <c r="J77" s="69">
        <v>66</v>
      </c>
      <c r="K77" s="67">
        <v>108</v>
      </c>
      <c r="L77" s="68">
        <v>62</v>
      </c>
      <c r="M77" s="69">
        <v>46</v>
      </c>
    </row>
    <row r="78" spans="1:13">
      <c r="A78" s="27" t="s">
        <v>9</v>
      </c>
      <c r="B78" s="67">
        <v>27</v>
      </c>
      <c r="C78" s="68">
        <v>11</v>
      </c>
      <c r="D78" s="69">
        <v>16</v>
      </c>
      <c r="E78" s="67">
        <v>7</v>
      </c>
      <c r="F78" s="68">
        <v>6</v>
      </c>
      <c r="G78" s="69">
        <v>1</v>
      </c>
      <c r="H78" s="67">
        <v>145</v>
      </c>
      <c r="I78" s="68">
        <v>70</v>
      </c>
      <c r="J78" s="69">
        <v>75</v>
      </c>
      <c r="K78" s="67">
        <v>111</v>
      </c>
      <c r="L78" s="68">
        <v>53</v>
      </c>
      <c r="M78" s="69">
        <v>58</v>
      </c>
    </row>
    <row r="79" spans="1:13">
      <c r="A79" s="27" t="s">
        <v>11</v>
      </c>
      <c r="B79" s="67">
        <v>17</v>
      </c>
      <c r="C79" s="68">
        <v>11</v>
      </c>
      <c r="D79" s="69">
        <v>6</v>
      </c>
      <c r="E79" s="67">
        <v>17</v>
      </c>
      <c r="F79" s="68">
        <v>9</v>
      </c>
      <c r="G79" s="69">
        <v>8</v>
      </c>
      <c r="H79" s="67">
        <v>151</v>
      </c>
      <c r="I79" s="68">
        <v>84</v>
      </c>
      <c r="J79" s="69">
        <v>67</v>
      </c>
      <c r="K79" s="67">
        <v>117</v>
      </c>
      <c r="L79" s="68">
        <v>64</v>
      </c>
      <c r="M79" s="69">
        <v>53</v>
      </c>
    </row>
    <row r="80" spans="1:13">
      <c r="A80" s="27" t="s">
        <v>13</v>
      </c>
      <c r="B80" s="67">
        <v>41</v>
      </c>
      <c r="C80" s="68">
        <v>33</v>
      </c>
      <c r="D80" s="69">
        <v>8</v>
      </c>
      <c r="E80" s="67">
        <v>13</v>
      </c>
      <c r="F80" s="68">
        <v>6</v>
      </c>
      <c r="G80" s="69">
        <v>7</v>
      </c>
      <c r="H80" s="67">
        <v>136</v>
      </c>
      <c r="I80" s="68">
        <v>81</v>
      </c>
      <c r="J80" s="69">
        <v>55</v>
      </c>
      <c r="K80" s="67">
        <v>82</v>
      </c>
      <c r="L80" s="68">
        <v>42</v>
      </c>
      <c r="M80" s="69">
        <v>40</v>
      </c>
    </row>
    <row r="81" spans="1:13" ht="21" customHeight="1">
      <c r="A81" s="38" t="s">
        <v>15</v>
      </c>
      <c r="B81" s="64">
        <v>102</v>
      </c>
      <c r="C81" s="65">
        <v>64</v>
      </c>
      <c r="D81" s="66">
        <v>38</v>
      </c>
      <c r="E81" s="64">
        <v>96</v>
      </c>
      <c r="F81" s="65">
        <v>60</v>
      </c>
      <c r="G81" s="66">
        <v>36</v>
      </c>
      <c r="H81" s="64">
        <v>597</v>
      </c>
      <c r="I81" s="65">
        <v>324</v>
      </c>
      <c r="J81" s="66">
        <v>273</v>
      </c>
      <c r="K81" s="64">
        <v>399</v>
      </c>
      <c r="L81" s="65">
        <v>200</v>
      </c>
      <c r="M81" s="66">
        <v>199</v>
      </c>
    </row>
    <row r="82" spans="1:13">
      <c r="A82" s="27" t="s">
        <v>17</v>
      </c>
      <c r="B82" s="67">
        <v>51</v>
      </c>
      <c r="C82" s="68">
        <v>35</v>
      </c>
      <c r="D82" s="69">
        <v>16</v>
      </c>
      <c r="E82" s="67">
        <v>21</v>
      </c>
      <c r="F82" s="68">
        <v>11</v>
      </c>
      <c r="G82" s="69">
        <v>10</v>
      </c>
      <c r="H82" s="67">
        <v>156</v>
      </c>
      <c r="I82" s="68">
        <v>83</v>
      </c>
      <c r="J82" s="69">
        <v>73</v>
      </c>
      <c r="K82" s="67">
        <v>84</v>
      </c>
      <c r="L82" s="68">
        <v>37</v>
      </c>
      <c r="M82" s="69">
        <v>47</v>
      </c>
    </row>
    <row r="83" spans="1:13">
      <c r="A83" s="27" t="s">
        <v>19</v>
      </c>
      <c r="B83" s="67">
        <v>24</v>
      </c>
      <c r="C83" s="68">
        <v>21</v>
      </c>
      <c r="D83" s="69">
        <v>3</v>
      </c>
      <c r="E83" s="67">
        <v>16</v>
      </c>
      <c r="F83" s="68">
        <v>10</v>
      </c>
      <c r="G83" s="69">
        <v>6</v>
      </c>
      <c r="H83" s="67">
        <v>121</v>
      </c>
      <c r="I83" s="68">
        <v>75</v>
      </c>
      <c r="J83" s="69">
        <v>46</v>
      </c>
      <c r="K83" s="67">
        <v>81</v>
      </c>
      <c r="L83" s="68">
        <v>44</v>
      </c>
      <c r="M83" s="69">
        <v>37</v>
      </c>
    </row>
    <row r="84" spans="1:13">
      <c r="A84" s="27" t="s">
        <v>21</v>
      </c>
      <c r="B84" s="67">
        <v>6</v>
      </c>
      <c r="C84" s="68">
        <v>2</v>
      </c>
      <c r="D84" s="69">
        <v>4</v>
      </c>
      <c r="E84" s="67">
        <v>17</v>
      </c>
      <c r="F84" s="68">
        <v>10</v>
      </c>
      <c r="G84" s="69">
        <v>7</v>
      </c>
      <c r="H84" s="67">
        <v>96</v>
      </c>
      <c r="I84" s="68">
        <v>52</v>
      </c>
      <c r="J84" s="69">
        <v>44</v>
      </c>
      <c r="K84" s="67">
        <v>73</v>
      </c>
      <c r="L84" s="68">
        <v>40</v>
      </c>
      <c r="M84" s="69">
        <v>33</v>
      </c>
    </row>
    <row r="85" spans="1:13">
      <c r="A85" s="27" t="s">
        <v>23</v>
      </c>
      <c r="B85" s="67">
        <v>10</v>
      </c>
      <c r="C85" s="68">
        <v>5</v>
      </c>
      <c r="D85" s="69">
        <v>5</v>
      </c>
      <c r="E85" s="67">
        <v>18</v>
      </c>
      <c r="F85" s="68">
        <v>12</v>
      </c>
      <c r="G85" s="69">
        <v>6</v>
      </c>
      <c r="H85" s="67">
        <v>120</v>
      </c>
      <c r="I85" s="68">
        <v>64</v>
      </c>
      <c r="J85" s="69">
        <v>56</v>
      </c>
      <c r="K85" s="67">
        <v>92</v>
      </c>
      <c r="L85" s="68">
        <v>47</v>
      </c>
      <c r="M85" s="69">
        <v>45</v>
      </c>
    </row>
    <row r="86" spans="1:13">
      <c r="A86" s="27" t="s">
        <v>25</v>
      </c>
      <c r="B86" s="67">
        <v>11</v>
      </c>
      <c r="C86" s="68">
        <v>1</v>
      </c>
      <c r="D86" s="69">
        <v>10</v>
      </c>
      <c r="E86" s="67">
        <v>24</v>
      </c>
      <c r="F86" s="68">
        <v>17</v>
      </c>
      <c r="G86" s="69">
        <v>7</v>
      </c>
      <c r="H86" s="67">
        <v>104</v>
      </c>
      <c r="I86" s="68">
        <v>50</v>
      </c>
      <c r="J86" s="69">
        <v>54</v>
      </c>
      <c r="K86" s="67">
        <v>69</v>
      </c>
      <c r="L86" s="68">
        <v>32</v>
      </c>
      <c r="M86" s="69">
        <v>37</v>
      </c>
    </row>
    <row r="87" spans="1:13" ht="21" customHeight="1">
      <c r="A87" s="38" t="s">
        <v>27</v>
      </c>
      <c r="B87" s="64">
        <v>32</v>
      </c>
      <c r="C87" s="65">
        <v>8</v>
      </c>
      <c r="D87" s="66">
        <v>24</v>
      </c>
      <c r="E87" s="64">
        <v>112</v>
      </c>
      <c r="F87" s="65">
        <v>63</v>
      </c>
      <c r="G87" s="66">
        <v>49</v>
      </c>
      <c r="H87" s="64">
        <v>443</v>
      </c>
      <c r="I87" s="65">
        <v>240</v>
      </c>
      <c r="J87" s="66">
        <v>203</v>
      </c>
      <c r="K87" s="64">
        <v>299</v>
      </c>
      <c r="L87" s="65">
        <v>169</v>
      </c>
      <c r="M87" s="66">
        <v>130</v>
      </c>
    </row>
    <row r="88" spans="1:13">
      <c r="A88" s="27" t="s">
        <v>29</v>
      </c>
      <c r="B88" s="67">
        <v>25</v>
      </c>
      <c r="C88" s="68">
        <v>12</v>
      </c>
      <c r="D88" s="69">
        <v>13</v>
      </c>
      <c r="E88" s="67">
        <v>18</v>
      </c>
      <c r="F88" s="68">
        <v>10</v>
      </c>
      <c r="G88" s="69">
        <v>8</v>
      </c>
      <c r="H88" s="67">
        <v>123</v>
      </c>
      <c r="I88" s="68">
        <v>68</v>
      </c>
      <c r="J88" s="69">
        <v>55</v>
      </c>
      <c r="K88" s="67">
        <v>80</v>
      </c>
      <c r="L88" s="68">
        <v>46</v>
      </c>
      <c r="M88" s="69">
        <v>34</v>
      </c>
    </row>
    <row r="89" spans="1:13">
      <c r="A89" s="27" t="s">
        <v>31</v>
      </c>
      <c r="B89" s="67">
        <v>-1</v>
      </c>
      <c r="C89" s="68">
        <v>-3</v>
      </c>
      <c r="D89" s="69">
        <v>2</v>
      </c>
      <c r="E89" s="67">
        <v>26</v>
      </c>
      <c r="F89" s="68">
        <v>19</v>
      </c>
      <c r="G89" s="69">
        <v>7</v>
      </c>
      <c r="H89" s="67">
        <v>89</v>
      </c>
      <c r="I89" s="68">
        <v>46</v>
      </c>
      <c r="J89" s="69">
        <v>43</v>
      </c>
      <c r="K89" s="67">
        <v>64</v>
      </c>
      <c r="L89" s="68">
        <v>30</v>
      </c>
      <c r="M89" s="69">
        <v>34</v>
      </c>
    </row>
    <row r="90" spans="1:13">
      <c r="A90" s="27" t="s">
        <v>33</v>
      </c>
      <c r="B90" s="67">
        <v>-1</v>
      </c>
      <c r="C90" s="68">
        <v>1</v>
      </c>
      <c r="D90" s="69">
        <v>-2</v>
      </c>
      <c r="E90" s="67">
        <v>20</v>
      </c>
      <c r="F90" s="68">
        <v>12</v>
      </c>
      <c r="G90" s="69">
        <v>8</v>
      </c>
      <c r="H90" s="67">
        <v>76</v>
      </c>
      <c r="I90" s="68">
        <v>47</v>
      </c>
      <c r="J90" s="69">
        <v>29</v>
      </c>
      <c r="K90" s="67">
        <v>57</v>
      </c>
      <c r="L90" s="68">
        <v>34</v>
      </c>
      <c r="M90" s="69">
        <v>23</v>
      </c>
    </row>
    <row r="91" spans="1:13">
      <c r="A91" s="27" t="s">
        <v>35</v>
      </c>
      <c r="B91" s="67">
        <v>4</v>
      </c>
      <c r="C91" s="68">
        <v>-4</v>
      </c>
      <c r="D91" s="69">
        <v>8</v>
      </c>
      <c r="E91" s="67">
        <v>22</v>
      </c>
      <c r="F91" s="68">
        <v>11</v>
      </c>
      <c r="G91" s="69">
        <v>11</v>
      </c>
      <c r="H91" s="67">
        <v>83</v>
      </c>
      <c r="I91" s="68">
        <v>40</v>
      </c>
      <c r="J91" s="69">
        <v>43</v>
      </c>
      <c r="K91" s="67">
        <v>57</v>
      </c>
      <c r="L91" s="68">
        <v>33</v>
      </c>
      <c r="M91" s="69">
        <v>24</v>
      </c>
    </row>
    <row r="92" spans="1:13">
      <c r="A92" s="27" t="s">
        <v>37</v>
      </c>
      <c r="B92" s="67">
        <v>5</v>
      </c>
      <c r="C92" s="68">
        <v>2</v>
      </c>
      <c r="D92" s="69">
        <v>3</v>
      </c>
      <c r="E92" s="67">
        <v>26</v>
      </c>
      <c r="F92" s="68">
        <v>11</v>
      </c>
      <c r="G92" s="69">
        <v>15</v>
      </c>
      <c r="H92" s="67">
        <v>72</v>
      </c>
      <c r="I92" s="68">
        <v>39</v>
      </c>
      <c r="J92" s="69">
        <v>33</v>
      </c>
      <c r="K92" s="67">
        <v>41</v>
      </c>
      <c r="L92" s="68">
        <v>26</v>
      </c>
      <c r="M92" s="69">
        <v>15</v>
      </c>
    </row>
    <row r="93" spans="1:13" ht="21" customHeight="1">
      <c r="A93" s="38" t="s">
        <v>39</v>
      </c>
      <c r="B93" s="64">
        <v>-46</v>
      </c>
      <c r="C93" s="65">
        <v>-59</v>
      </c>
      <c r="D93" s="66">
        <v>13</v>
      </c>
      <c r="E93" s="64">
        <v>189</v>
      </c>
      <c r="F93" s="65">
        <v>131</v>
      </c>
      <c r="G93" s="66">
        <v>58</v>
      </c>
      <c r="H93" s="64">
        <v>375</v>
      </c>
      <c r="I93" s="65">
        <v>205</v>
      </c>
      <c r="J93" s="66">
        <v>170</v>
      </c>
      <c r="K93" s="64">
        <v>232</v>
      </c>
      <c r="L93" s="65">
        <v>133</v>
      </c>
      <c r="M93" s="66">
        <v>99</v>
      </c>
    </row>
    <row r="94" spans="1:13">
      <c r="A94" s="27" t="s">
        <v>41</v>
      </c>
      <c r="B94" s="67">
        <v>10</v>
      </c>
      <c r="C94" s="68">
        <v>-5</v>
      </c>
      <c r="D94" s="69">
        <v>15</v>
      </c>
      <c r="E94" s="67">
        <v>24</v>
      </c>
      <c r="F94" s="68">
        <v>18</v>
      </c>
      <c r="G94" s="69">
        <v>6</v>
      </c>
      <c r="H94" s="67">
        <v>85</v>
      </c>
      <c r="I94" s="68">
        <v>42</v>
      </c>
      <c r="J94" s="69">
        <v>43</v>
      </c>
      <c r="K94" s="67">
        <v>51</v>
      </c>
      <c r="L94" s="68">
        <v>29</v>
      </c>
      <c r="M94" s="69">
        <v>22</v>
      </c>
    </row>
    <row r="95" spans="1:13">
      <c r="A95" s="27" t="s">
        <v>43</v>
      </c>
      <c r="B95" s="67">
        <v>-12</v>
      </c>
      <c r="C95" s="68">
        <v>-12</v>
      </c>
      <c r="D95" s="69">
        <v>0</v>
      </c>
      <c r="E95" s="67">
        <v>43</v>
      </c>
      <c r="F95" s="68">
        <v>32</v>
      </c>
      <c r="G95" s="69">
        <v>11</v>
      </c>
      <c r="H95" s="67">
        <v>79</v>
      </c>
      <c r="I95" s="68">
        <v>50</v>
      </c>
      <c r="J95" s="69">
        <v>29</v>
      </c>
      <c r="K95" s="67">
        <v>48</v>
      </c>
      <c r="L95" s="68">
        <v>30</v>
      </c>
      <c r="M95" s="69">
        <v>18</v>
      </c>
    </row>
    <row r="96" spans="1:13">
      <c r="A96" s="27" t="s">
        <v>45</v>
      </c>
      <c r="B96" s="67">
        <v>-14</v>
      </c>
      <c r="C96" s="68">
        <v>-12</v>
      </c>
      <c r="D96" s="69">
        <v>-2</v>
      </c>
      <c r="E96" s="67">
        <v>36</v>
      </c>
      <c r="F96" s="68">
        <v>23</v>
      </c>
      <c r="G96" s="69">
        <v>13</v>
      </c>
      <c r="H96" s="67">
        <v>83</v>
      </c>
      <c r="I96" s="68">
        <v>39</v>
      </c>
      <c r="J96" s="69">
        <v>44</v>
      </c>
      <c r="K96" s="67">
        <v>61</v>
      </c>
      <c r="L96" s="68">
        <v>28</v>
      </c>
      <c r="M96" s="69">
        <v>33</v>
      </c>
    </row>
    <row r="97" spans="1:13">
      <c r="A97" s="27" t="s">
        <v>47</v>
      </c>
      <c r="B97" s="67">
        <v>-5</v>
      </c>
      <c r="C97" s="68">
        <v>-10</v>
      </c>
      <c r="D97" s="69">
        <v>5</v>
      </c>
      <c r="E97" s="67">
        <v>36</v>
      </c>
      <c r="F97" s="68">
        <v>25</v>
      </c>
      <c r="G97" s="69">
        <v>11</v>
      </c>
      <c r="H97" s="67">
        <v>66</v>
      </c>
      <c r="I97" s="68">
        <v>35</v>
      </c>
      <c r="J97" s="69">
        <v>31</v>
      </c>
      <c r="K97" s="67">
        <v>35</v>
      </c>
      <c r="L97" s="68">
        <v>20</v>
      </c>
      <c r="M97" s="69">
        <v>15</v>
      </c>
    </row>
    <row r="98" spans="1:13">
      <c r="A98" s="27" t="s">
        <v>49</v>
      </c>
      <c r="B98" s="67">
        <v>-25</v>
      </c>
      <c r="C98" s="68">
        <v>-20</v>
      </c>
      <c r="D98" s="69">
        <v>-5</v>
      </c>
      <c r="E98" s="67">
        <v>50</v>
      </c>
      <c r="F98" s="68">
        <v>33</v>
      </c>
      <c r="G98" s="69">
        <v>17</v>
      </c>
      <c r="H98" s="67">
        <v>62</v>
      </c>
      <c r="I98" s="68">
        <v>39</v>
      </c>
      <c r="J98" s="69">
        <v>23</v>
      </c>
      <c r="K98" s="67">
        <v>37</v>
      </c>
      <c r="L98" s="68">
        <v>26</v>
      </c>
      <c r="M98" s="69">
        <v>11</v>
      </c>
    </row>
    <row r="99" spans="1:13" ht="21" customHeight="1">
      <c r="A99" s="38" t="s">
        <v>51</v>
      </c>
      <c r="B99" s="64">
        <v>-306</v>
      </c>
      <c r="C99" s="65">
        <v>-214</v>
      </c>
      <c r="D99" s="66">
        <v>-92</v>
      </c>
      <c r="E99" s="64">
        <v>415</v>
      </c>
      <c r="F99" s="65">
        <v>276</v>
      </c>
      <c r="G99" s="66">
        <v>139</v>
      </c>
      <c r="H99" s="64">
        <v>363</v>
      </c>
      <c r="I99" s="65">
        <v>192</v>
      </c>
      <c r="J99" s="66">
        <v>171</v>
      </c>
      <c r="K99" s="64">
        <v>254</v>
      </c>
      <c r="L99" s="65">
        <v>130</v>
      </c>
      <c r="M99" s="66">
        <v>124</v>
      </c>
    </row>
    <row r="100" spans="1:13">
      <c r="A100" s="27" t="s">
        <v>53</v>
      </c>
      <c r="B100" s="67">
        <v>-38</v>
      </c>
      <c r="C100" s="68">
        <v>-31</v>
      </c>
      <c r="D100" s="69">
        <v>-7</v>
      </c>
      <c r="E100" s="67">
        <v>72</v>
      </c>
      <c r="F100" s="68">
        <v>51</v>
      </c>
      <c r="G100" s="69">
        <v>21</v>
      </c>
      <c r="H100" s="67">
        <v>73</v>
      </c>
      <c r="I100" s="68">
        <v>42</v>
      </c>
      <c r="J100" s="69">
        <v>31</v>
      </c>
      <c r="K100" s="67">
        <v>39</v>
      </c>
      <c r="L100" s="68">
        <v>22</v>
      </c>
      <c r="M100" s="69">
        <v>17</v>
      </c>
    </row>
    <row r="101" spans="1:13">
      <c r="A101" s="27" t="s">
        <v>55</v>
      </c>
      <c r="B101" s="67">
        <v>-56</v>
      </c>
      <c r="C101" s="68">
        <v>-37</v>
      </c>
      <c r="D101" s="69">
        <v>-19</v>
      </c>
      <c r="E101" s="67">
        <v>79</v>
      </c>
      <c r="F101" s="68">
        <v>52</v>
      </c>
      <c r="G101" s="69">
        <v>27</v>
      </c>
      <c r="H101" s="67">
        <v>70</v>
      </c>
      <c r="I101" s="68">
        <v>37</v>
      </c>
      <c r="J101" s="69">
        <v>33</v>
      </c>
      <c r="K101" s="67">
        <v>47</v>
      </c>
      <c r="L101" s="68">
        <v>22</v>
      </c>
      <c r="M101" s="69">
        <v>25</v>
      </c>
    </row>
    <row r="102" spans="1:13">
      <c r="A102" s="27" t="s">
        <v>57</v>
      </c>
      <c r="B102" s="67">
        <v>-44</v>
      </c>
      <c r="C102" s="68">
        <v>-34</v>
      </c>
      <c r="D102" s="69">
        <v>-10</v>
      </c>
      <c r="E102" s="67">
        <v>69</v>
      </c>
      <c r="F102" s="68">
        <v>52</v>
      </c>
      <c r="G102" s="69">
        <v>17</v>
      </c>
      <c r="H102" s="67">
        <v>70</v>
      </c>
      <c r="I102" s="68">
        <v>35</v>
      </c>
      <c r="J102" s="69">
        <v>35</v>
      </c>
      <c r="K102" s="67">
        <v>45</v>
      </c>
      <c r="L102" s="68">
        <v>17</v>
      </c>
      <c r="M102" s="69">
        <v>28</v>
      </c>
    </row>
    <row r="103" spans="1:13">
      <c r="A103" s="27" t="s">
        <v>59</v>
      </c>
      <c r="B103" s="67">
        <v>-71</v>
      </c>
      <c r="C103" s="68">
        <v>-48</v>
      </c>
      <c r="D103" s="69">
        <v>-23</v>
      </c>
      <c r="E103" s="67">
        <v>91</v>
      </c>
      <c r="F103" s="68">
        <v>55</v>
      </c>
      <c r="G103" s="69">
        <v>36</v>
      </c>
      <c r="H103" s="67">
        <v>90</v>
      </c>
      <c r="I103" s="68">
        <v>45</v>
      </c>
      <c r="J103" s="69">
        <v>45</v>
      </c>
      <c r="K103" s="67">
        <v>70</v>
      </c>
      <c r="L103" s="68">
        <v>38</v>
      </c>
      <c r="M103" s="69">
        <v>32</v>
      </c>
    </row>
    <row r="104" spans="1:13">
      <c r="A104" s="27" t="s">
        <v>61</v>
      </c>
      <c r="B104" s="67">
        <v>-97</v>
      </c>
      <c r="C104" s="68">
        <v>-64</v>
      </c>
      <c r="D104" s="69">
        <v>-33</v>
      </c>
      <c r="E104" s="67">
        <v>104</v>
      </c>
      <c r="F104" s="68">
        <v>66</v>
      </c>
      <c r="G104" s="69">
        <v>38</v>
      </c>
      <c r="H104" s="67">
        <v>60</v>
      </c>
      <c r="I104" s="68">
        <v>33</v>
      </c>
      <c r="J104" s="69">
        <v>27</v>
      </c>
      <c r="K104" s="67">
        <v>53</v>
      </c>
      <c r="L104" s="68">
        <v>31</v>
      </c>
      <c r="M104" s="69">
        <v>22</v>
      </c>
    </row>
    <row r="105" spans="1:13" ht="21" customHeight="1">
      <c r="A105" s="38" t="s">
        <v>63</v>
      </c>
      <c r="B105" s="64">
        <v>-496</v>
      </c>
      <c r="C105" s="65">
        <v>-315</v>
      </c>
      <c r="D105" s="66">
        <v>-181</v>
      </c>
      <c r="E105" s="64">
        <v>554</v>
      </c>
      <c r="F105" s="65">
        <v>353</v>
      </c>
      <c r="G105" s="66">
        <v>201</v>
      </c>
      <c r="H105" s="64">
        <v>257</v>
      </c>
      <c r="I105" s="65">
        <v>119</v>
      </c>
      <c r="J105" s="66">
        <v>138</v>
      </c>
      <c r="K105" s="64">
        <v>199</v>
      </c>
      <c r="L105" s="65">
        <v>81</v>
      </c>
      <c r="M105" s="66">
        <v>118</v>
      </c>
    </row>
    <row r="106" spans="1:13">
      <c r="A106" s="27" t="s">
        <v>65</v>
      </c>
      <c r="B106" s="67">
        <v>-85</v>
      </c>
      <c r="C106" s="68">
        <v>-62</v>
      </c>
      <c r="D106" s="69">
        <v>-23</v>
      </c>
      <c r="E106" s="67">
        <v>108</v>
      </c>
      <c r="F106" s="68">
        <v>72</v>
      </c>
      <c r="G106" s="69">
        <v>36</v>
      </c>
      <c r="H106" s="67">
        <v>77</v>
      </c>
      <c r="I106" s="68">
        <v>38</v>
      </c>
      <c r="J106" s="69">
        <v>39</v>
      </c>
      <c r="K106" s="67">
        <v>54</v>
      </c>
      <c r="L106" s="68">
        <v>28</v>
      </c>
      <c r="M106" s="69">
        <v>26</v>
      </c>
    </row>
    <row r="107" spans="1:13">
      <c r="A107" s="27" t="s">
        <v>67</v>
      </c>
      <c r="B107" s="67">
        <v>-79</v>
      </c>
      <c r="C107" s="68">
        <v>-43</v>
      </c>
      <c r="D107" s="69">
        <v>-36</v>
      </c>
      <c r="E107" s="67">
        <v>91</v>
      </c>
      <c r="F107" s="68">
        <v>57</v>
      </c>
      <c r="G107" s="69">
        <v>34</v>
      </c>
      <c r="H107" s="67">
        <v>46</v>
      </c>
      <c r="I107" s="68">
        <v>23</v>
      </c>
      <c r="J107" s="69">
        <v>23</v>
      </c>
      <c r="K107" s="67">
        <v>34</v>
      </c>
      <c r="L107" s="68">
        <v>9</v>
      </c>
      <c r="M107" s="69">
        <v>25</v>
      </c>
    </row>
    <row r="108" spans="1:13">
      <c r="A108" s="27" t="s">
        <v>69</v>
      </c>
      <c r="B108" s="67">
        <v>-67</v>
      </c>
      <c r="C108" s="68">
        <v>-37</v>
      </c>
      <c r="D108" s="69">
        <v>-30</v>
      </c>
      <c r="E108" s="67">
        <v>75</v>
      </c>
      <c r="F108" s="68">
        <v>42</v>
      </c>
      <c r="G108" s="69">
        <v>33</v>
      </c>
      <c r="H108" s="67">
        <v>33</v>
      </c>
      <c r="I108" s="68">
        <v>16</v>
      </c>
      <c r="J108" s="69">
        <v>17</v>
      </c>
      <c r="K108" s="67">
        <v>25</v>
      </c>
      <c r="L108" s="68">
        <v>11</v>
      </c>
      <c r="M108" s="69">
        <v>14</v>
      </c>
    </row>
    <row r="109" spans="1:13">
      <c r="A109" s="27" t="s">
        <v>71</v>
      </c>
      <c r="B109" s="67">
        <v>-108</v>
      </c>
      <c r="C109" s="68">
        <v>-72</v>
      </c>
      <c r="D109" s="69">
        <v>-36</v>
      </c>
      <c r="E109" s="67">
        <v>117</v>
      </c>
      <c r="F109" s="68">
        <v>75</v>
      </c>
      <c r="G109" s="69">
        <v>42</v>
      </c>
      <c r="H109" s="67">
        <v>46</v>
      </c>
      <c r="I109" s="68">
        <v>18</v>
      </c>
      <c r="J109" s="69">
        <v>28</v>
      </c>
      <c r="K109" s="67">
        <v>37</v>
      </c>
      <c r="L109" s="68">
        <v>15</v>
      </c>
      <c r="M109" s="69">
        <v>22</v>
      </c>
    </row>
    <row r="110" spans="1:13">
      <c r="A110" s="27" t="s">
        <v>73</v>
      </c>
      <c r="B110" s="67">
        <v>-157</v>
      </c>
      <c r="C110" s="68">
        <v>-101</v>
      </c>
      <c r="D110" s="69">
        <v>-56</v>
      </c>
      <c r="E110" s="67">
        <v>163</v>
      </c>
      <c r="F110" s="68">
        <v>107</v>
      </c>
      <c r="G110" s="69">
        <v>56</v>
      </c>
      <c r="H110" s="67">
        <v>55</v>
      </c>
      <c r="I110" s="68">
        <v>24</v>
      </c>
      <c r="J110" s="69">
        <v>31</v>
      </c>
      <c r="K110" s="67">
        <v>49</v>
      </c>
      <c r="L110" s="68">
        <v>18</v>
      </c>
      <c r="M110" s="69">
        <v>31</v>
      </c>
    </row>
    <row r="111" spans="1:13" ht="21" customHeight="1">
      <c r="A111" s="38" t="s">
        <v>75</v>
      </c>
      <c r="B111" s="64">
        <v>-768</v>
      </c>
      <c r="C111" s="65">
        <v>-441</v>
      </c>
      <c r="D111" s="66">
        <v>-327</v>
      </c>
      <c r="E111" s="64">
        <v>841</v>
      </c>
      <c r="F111" s="65">
        <v>475</v>
      </c>
      <c r="G111" s="66">
        <v>366</v>
      </c>
      <c r="H111" s="64">
        <v>219</v>
      </c>
      <c r="I111" s="65">
        <v>96</v>
      </c>
      <c r="J111" s="66">
        <v>123</v>
      </c>
      <c r="K111" s="64">
        <v>146</v>
      </c>
      <c r="L111" s="65">
        <v>62</v>
      </c>
      <c r="M111" s="66">
        <v>84</v>
      </c>
    </row>
    <row r="112" spans="1:13">
      <c r="A112" s="27" t="s">
        <v>77</v>
      </c>
      <c r="B112" s="67">
        <v>-158</v>
      </c>
      <c r="C112" s="68">
        <v>-98</v>
      </c>
      <c r="D112" s="69">
        <v>-60</v>
      </c>
      <c r="E112" s="67">
        <v>166</v>
      </c>
      <c r="F112" s="68">
        <v>97</v>
      </c>
      <c r="G112" s="69">
        <v>69</v>
      </c>
      <c r="H112" s="67">
        <v>50</v>
      </c>
      <c r="I112" s="68">
        <v>20</v>
      </c>
      <c r="J112" s="69">
        <v>30</v>
      </c>
      <c r="K112" s="67">
        <v>42</v>
      </c>
      <c r="L112" s="68">
        <v>21</v>
      </c>
      <c r="M112" s="69">
        <v>21</v>
      </c>
    </row>
    <row r="113" spans="1:13">
      <c r="A113" s="27" t="s">
        <v>79</v>
      </c>
      <c r="B113" s="67">
        <v>-152</v>
      </c>
      <c r="C113" s="68">
        <v>-73</v>
      </c>
      <c r="D113" s="69">
        <v>-79</v>
      </c>
      <c r="E113" s="67">
        <v>175</v>
      </c>
      <c r="F113" s="68">
        <v>87</v>
      </c>
      <c r="G113" s="69">
        <v>88</v>
      </c>
      <c r="H113" s="67">
        <v>51</v>
      </c>
      <c r="I113" s="68">
        <v>24</v>
      </c>
      <c r="J113" s="69">
        <v>27</v>
      </c>
      <c r="K113" s="67">
        <v>28</v>
      </c>
      <c r="L113" s="68">
        <v>10</v>
      </c>
      <c r="M113" s="69">
        <v>18</v>
      </c>
    </row>
    <row r="114" spans="1:13">
      <c r="A114" s="27" t="s">
        <v>81</v>
      </c>
      <c r="B114" s="67">
        <v>-161</v>
      </c>
      <c r="C114" s="68">
        <v>-93</v>
      </c>
      <c r="D114" s="69">
        <v>-68</v>
      </c>
      <c r="E114" s="67">
        <v>177</v>
      </c>
      <c r="F114" s="68">
        <v>99</v>
      </c>
      <c r="G114" s="69">
        <v>78</v>
      </c>
      <c r="H114" s="67">
        <v>41</v>
      </c>
      <c r="I114" s="68">
        <v>16</v>
      </c>
      <c r="J114" s="69">
        <v>25</v>
      </c>
      <c r="K114" s="67">
        <v>25</v>
      </c>
      <c r="L114" s="68">
        <v>10</v>
      </c>
      <c r="M114" s="69">
        <v>15</v>
      </c>
    </row>
    <row r="115" spans="1:13">
      <c r="A115" s="27" t="s">
        <v>83</v>
      </c>
      <c r="B115" s="67">
        <v>-137</v>
      </c>
      <c r="C115" s="68">
        <v>-83</v>
      </c>
      <c r="D115" s="69">
        <v>-54</v>
      </c>
      <c r="E115" s="67">
        <v>154</v>
      </c>
      <c r="F115" s="68">
        <v>90</v>
      </c>
      <c r="G115" s="69">
        <v>64</v>
      </c>
      <c r="H115" s="67">
        <v>45</v>
      </c>
      <c r="I115" s="68">
        <v>21</v>
      </c>
      <c r="J115" s="69">
        <v>24</v>
      </c>
      <c r="K115" s="67">
        <v>28</v>
      </c>
      <c r="L115" s="68">
        <v>14</v>
      </c>
      <c r="M115" s="69">
        <v>14</v>
      </c>
    </row>
    <row r="116" spans="1:13">
      <c r="A116" s="27" t="s">
        <v>85</v>
      </c>
      <c r="B116" s="67">
        <v>-160</v>
      </c>
      <c r="C116" s="68">
        <v>-94</v>
      </c>
      <c r="D116" s="69">
        <v>-66</v>
      </c>
      <c r="E116" s="67">
        <v>169</v>
      </c>
      <c r="F116" s="68">
        <v>102</v>
      </c>
      <c r="G116" s="69">
        <v>67</v>
      </c>
      <c r="H116" s="67">
        <v>32</v>
      </c>
      <c r="I116" s="68">
        <v>15</v>
      </c>
      <c r="J116" s="69">
        <v>17</v>
      </c>
      <c r="K116" s="67">
        <v>23</v>
      </c>
      <c r="L116" s="68">
        <v>7</v>
      </c>
      <c r="M116" s="69">
        <v>16</v>
      </c>
    </row>
    <row r="117" spans="1:13" ht="21" customHeight="1">
      <c r="A117" s="38" t="s">
        <v>87</v>
      </c>
      <c r="B117" s="64">
        <v>-936</v>
      </c>
      <c r="C117" s="65">
        <v>-481</v>
      </c>
      <c r="D117" s="66">
        <v>-455</v>
      </c>
      <c r="E117" s="64">
        <v>992</v>
      </c>
      <c r="F117" s="65">
        <v>502</v>
      </c>
      <c r="G117" s="66">
        <v>490</v>
      </c>
      <c r="H117" s="64">
        <v>185</v>
      </c>
      <c r="I117" s="65">
        <v>60</v>
      </c>
      <c r="J117" s="66">
        <v>125</v>
      </c>
      <c r="K117" s="64">
        <v>129</v>
      </c>
      <c r="L117" s="65">
        <v>39</v>
      </c>
      <c r="M117" s="66">
        <v>90</v>
      </c>
    </row>
    <row r="118" spans="1:13">
      <c r="A118" s="27" t="s">
        <v>89</v>
      </c>
      <c r="B118" s="67">
        <v>-172</v>
      </c>
      <c r="C118" s="68">
        <v>-87</v>
      </c>
      <c r="D118" s="69">
        <v>-85</v>
      </c>
      <c r="E118" s="67">
        <v>176</v>
      </c>
      <c r="F118" s="68">
        <v>91</v>
      </c>
      <c r="G118" s="69">
        <v>85</v>
      </c>
      <c r="H118" s="67">
        <v>36</v>
      </c>
      <c r="I118" s="68">
        <v>16</v>
      </c>
      <c r="J118" s="69">
        <v>20</v>
      </c>
      <c r="K118" s="67">
        <v>32</v>
      </c>
      <c r="L118" s="68">
        <v>12</v>
      </c>
      <c r="M118" s="69">
        <v>20</v>
      </c>
    </row>
    <row r="119" spans="1:13">
      <c r="A119" s="27" t="s">
        <v>91</v>
      </c>
      <c r="B119" s="67">
        <v>-171</v>
      </c>
      <c r="C119" s="68">
        <v>-88</v>
      </c>
      <c r="D119" s="69">
        <v>-83</v>
      </c>
      <c r="E119" s="67">
        <v>189</v>
      </c>
      <c r="F119" s="68">
        <v>99</v>
      </c>
      <c r="G119" s="69">
        <v>90</v>
      </c>
      <c r="H119" s="67">
        <v>45</v>
      </c>
      <c r="I119" s="68">
        <v>19</v>
      </c>
      <c r="J119" s="69">
        <v>26</v>
      </c>
      <c r="K119" s="67">
        <v>27</v>
      </c>
      <c r="L119" s="68">
        <v>8</v>
      </c>
      <c r="M119" s="69">
        <v>19</v>
      </c>
    </row>
    <row r="120" spans="1:13">
      <c r="A120" s="27" t="s">
        <v>93</v>
      </c>
      <c r="B120" s="67">
        <v>-211</v>
      </c>
      <c r="C120" s="68">
        <v>-118</v>
      </c>
      <c r="D120" s="69">
        <v>-93</v>
      </c>
      <c r="E120" s="67">
        <v>220</v>
      </c>
      <c r="F120" s="68">
        <v>115</v>
      </c>
      <c r="G120" s="69">
        <v>105</v>
      </c>
      <c r="H120" s="67">
        <v>33</v>
      </c>
      <c r="I120" s="68">
        <v>5</v>
      </c>
      <c r="J120" s="69">
        <v>28</v>
      </c>
      <c r="K120" s="67">
        <v>24</v>
      </c>
      <c r="L120" s="68">
        <v>8</v>
      </c>
      <c r="M120" s="69">
        <v>16</v>
      </c>
    </row>
    <row r="121" spans="1:13">
      <c r="A121" s="27" t="s">
        <v>95</v>
      </c>
      <c r="B121" s="67">
        <v>-181</v>
      </c>
      <c r="C121" s="68">
        <v>-98</v>
      </c>
      <c r="D121" s="69">
        <v>-83</v>
      </c>
      <c r="E121" s="67">
        <v>199</v>
      </c>
      <c r="F121" s="68">
        <v>105</v>
      </c>
      <c r="G121" s="69">
        <v>94</v>
      </c>
      <c r="H121" s="67">
        <v>43</v>
      </c>
      <c r="I121" s="68">
        <v>14</v>
      </c>
      <c r="J121" s="69">
        <v>29</v>
      </c>
      <c r="K121" s="67">
        <v>25</v>
      </c>
      <c r="L121" s="68">
        <v>7</v>
      </c>
      <c r="M121" s="69">
        <v>18</v>
      </c>
    </row>
    <row r="122" spans="1:13">
      <c r="A122" s="27" t="s">
        <v>97</v>
      </c>
      <c r="B122" s="67">
        <v>-201</v>
      </c>
      <c r="C122" s="68">
        <v>-90</v>
      </c>
      <c r="D122" s="69">
        <v>-111</v>
      </c>
      <c r="E122" s="67">
        <v>208</v>
      </c>
      <c r="F122" s="68">
        <v>92</v>
      </c>
      <c r="G122" s="69">
        <v>116</v>
      </c>
      <c r="H122" s="67">
        <v>28</v>
      </c>
      <c r="I122" s="68">
        <v>6</v>
      </c>
      <c r="J122" s="69">
        <v>22</v>
      </c>
      <c r="K122" s="67">
        <v>21</v>
      </c>
      <c r="L122" s="68">
        <v>4</v>
      </c>
      <c r="M122" s="69">
        <v>17</v>
      </c>
    </row>
    <row r="123" spans="1:13" ht="21" customHeight="1">
      <c r="A123" s="38" t="s">
        <v>99</v>
      </c>
      <c r="B123" s="64">
        <v>-884</v>
      </c>
      <c r="C123" s="65">
        <v>-356</v>
      </c>
      <c r="D123" s="66">
        <v>-528</v>
      </c>
      <c r="E123" s="64">
        <v>913</v>
      </c>
      <c r="F123" s="65">
        <v>371</v>
      </c>
      <c r="G123" s="66">
        <v>542</v>
      </c>
      <c r="H123" s="64">
        <v>88</v>
      </c>
      <c r="I123" s="65">
        <v>30</v>
      </c>
      <c r="J123" s="66">
        <v>58</v>
      </c>
      <c r="K123" s="64">
        <v>59</v>
      </c>
      <c r="L123" s="65">
        <v>15</v>
      </c>
      <c r="M123" s="66">
        <v>44</v>
      </c>
    </row>
    <row r="124" spans="1:13">
      <c r="A124" s="27" t="s">
        <v>101</v>
      </c>
      <c r="B124" s="67">
        <v>-227</v>
      </c>
      <c r="C124" s="68">
        <v>-100</v>
      </c>
      <c r="D124" s="69">
        <v>-127</v>
      </c>
      <c r="E124" s="67">
        <v>235</v>
      </c>
      <c r="F124" s="68">
        <v>105</v>
      </c>
      <c r="G124" s="69">
        <v>130</v>
      </c>
      <c r="H124" s="67">
        <v>21</v>
      </c>
      <c r="I124" s="68">
        <v>9</v>
      </c>
      <c r="J124" s="69">
        <v>12</v>
      </c>
      <c r="K124" s="67">
        <v>13</v>
      </c>
      <c r="L124" s="68">
        <v>4</v>
      </c>
      <c r="M124" s="69">
        <v>9</v>
      </c>
    </row>
    <row r="125" spans="1:13">
      <c r="A125" s="27" t="s">
        <v>103</v>
      </c>
      <c r="B125" s="67">
        <v>-198</v>
      </c>
      <c r="C125" s="68">
        <v>-78</v>
      </c>
      <c r="D125" s="69">
        <v>-120</v>
      </c>
      <c r="E125" s="67">
        <v>196</v>
      </c>
      <c r="F125" s="68">
        <v>80</v>
      </c>
      <c r="G125" s="69">
        <v>116</v>
      </c>
      <c r="H125" s="67">
        <v>14</v>
      </c>
      <c r="I125" s="68">
        <v>5</v>
      </c>
      <c r="J125" s="69">
        <v>9</v>
      </c>
      <c r="K125" s="67">
        <v>16</v>
      </c>
      <c r="L125" s="68">
        <v>3</v>
      </c>
      <c r="M125" s="69">
        <v>13</v>
      </c>
    </row>
    <row r="126" spans="1:13">
      <c r="A126" s="27" t="s">
        <v>105</v>
      </c>
      <c r="B126" s="67">
        <v>-169</v>
      </c>
      <c r="C126" s="68">
        <v>-74</v>
      </c>
      <c r="D126" s="69">
        <v>-95</v>
      </c>
      <c r="E126" s="67">
        <v>176</v>
      </c>
      <c r="F126" s="68">
        <v>76</v>
      </c>
      <c r="G126" s="69">
        <v>100</v>
      </c>
      <c r="H126" s="67">
        <v>22</v>
      </c>
      <c r="I126" s="68">
        <v>6</v>
      </c>
      <c r="J126" s="69">
        <v>16</v>
      </c>
      <c r="K126" s="67">
        <v>15</v>
      </c>
      <c r="L126" s="68">
        <v>4</v>
      </c>
      <c r="M126" s="69">
        <v>11</v>
      </c>
    </row>
    <row r="127" spans="1:13">
      <c r="A127" s="27" t="s">
        <v>107</v>
      </c>
      <c r="B127" s="67">
        <v>-147</v>
      </c>
      <c r="C127" s="68">
        <v>-56</v>
      </c>
      <c r="D127" s="69">
        <v>-91</v>
      </c>
      <c r="E127" s="67">
        <v>159</v>
      </c>
      <c r="F127" s="68">
        <v>64</v>
      </c>
      <c r="G127" s="69">
        <v>95</v>
      </c>
      <c r="H127" s="67">
        <v>21</v>
      </c>
      <c r="I127" s="68">
        <v>10</v>
      </c>
      <c r="J127" s="69">
        <v>11</v>
      </c>
      <c r="K127" s="67">
        <v>9</v>
      </c>
      <c r="L127" s="68">
        <v>2</v>
      </c>
      <c r="M127" s="69">
        <v>7</v>
      </c>
    </row>
    <row r="128" spans="1:13">
      <c r="A128" s="27" t="s">
        <v>109</v>
      </c>
      <c r="B128" s="67">
        <v>-143</v>
      </c>
      <c r="C128" s="68">
        <v>-48</v>
      </c>
      <c r="D128" s="69">
        <v>-95</v>
      </c>
      <c r="E128" s="67">
        <v>147</v>
      </c>
      <c r="F128" s="68">
        <v>46</v>
      </c>
      <c r="G128" s="69">
        <v>101</v>
      </c>
      <c r="H128" s="67">
        <v>10</v>
      </c>
      <c r="I128" s="68">
        <v>0</v>
      </c>
      <c r="J128" s="69">
        <v>10</v>
      </c>
      <c r="K128" s="67">
        <v>6</v>
      </c>
      <c r="L128" s="68">
        <v>2</v>
      </c>
      <c r="M128" s="69">
        <v>4</v>
      </c>
    </row>
    <row r="129" spans="1:13" ht="21" customHeight="1">
      <c r="A129" s="38" t="s">
        <v>111</v>
      </c>
      <c r="B129" s="64">
        <v>-449</v>
      </c>
      <c r="C129" s="65">
        <v>-121</v>
      </c>
      <c r="D129" s="66">
        <v>-328</v>
      </c>
      <c r="E129" s="64">
        <v>455</v>
      </c>
      <c r="F129" s="65">
        <v>124</v>
      </c>
      <c r="G129" s="66">
        <v>331</v>
      </c>
      <c r="H129" s="64">
        <v>26</v>
      </c>
      <c r="I129" s="65">
        <v>9</v>
      </c>
      <c r="J129" s="66">
        <v>17</v>
      </c>
      <c r="K129" s="64">
        <v>20</v>
      </c>
      <c r="L129" s="65">
        <v>6</v>
      </c>
      <c r="M129" s="66">
        <v>14</v>
      </c>
    </row>
    <row r="130" spans="1:13">
      <c r="A130" s="27" t="s">
        <v>113</v>
      </c>
      <c r="B130" s="67">
        <v>-129</v>
      </c>
      <c r="C130" s="68">
        <v>-34</v>
      </c>
      <c r="D130" s="69">
        <v>-95</v>
      </c>
      <c r="E130" s="67">
        <v>133</v>
      </c>
      <c r="F130" s="68">
        <v>35</v>
      </c>
      <c r="G130" s="69">
        <v>98</v>
      </c>
      <c r="H130" s="67">
        <v>10</v>
      </c>
      <c r="I130" s="68">
        <v>2</v>
      </c>
      <c r="J130" s="69">
        <v>8</v>
      </c>
      <c r="K130" s="67">
        <v>6</v>
      </c>
      <c r="L130" s="68">
        <v>1</v>
      </c>
      <c r="M130" s="69">
        <v>5</v>
      </c>
    </row>
    <row r="131" spans="1:13">
      <c r="A131" s="27" t="s">
        <v>115</v>
      </c>
      <c r="B131" s="67">
        <v>-109</v>
      </c>
      <c r="C131" s="68">
        <v>-32</v>
      </c>
      <c r="D131" s="69">
        <v>-77</v>
      </c>
      <c r="E131" s="67">
        <v>110</v>
      </c>
      <c r="F131" s="68">
        <v>33</v>
      </c>
      <c r="G131" s="69">
        <v>77</v>
      </c>
      <c r="H131" s="67">
        <v>5</v>
      </c>
      <c r="I131" s="68">
        <v>1</v>
      </c>
      <c r="J131" s="69">
        <v>4</v>
      </c>
      <c r="K131" s="67">
        <v>4</v>
      </c>
      <c r="L131" s="68">
        <v>0</v>
      </c>
      <c r="M131" s="69">
        <v>4</v>
      </c>
    </row>
    <row r="132" spans="1:13">
      <c r="A132" s="27" t="s">
        <v>117</v>
      </c>
      <c r="B132" s="67">
        <v>-82</v>
      </c>
      <c r="C132" s="68">
        <v>-21</v>
      </c>
      <c r="D132" s="69">
        <v>-61</v>
      </c>
      <c r="E132" s="67">
        <v>85</v>
      </c>
      <c r="F132" s="68">
        <v>22</v>
      </c>
      <c r="G132" s="69">
        <v>63</v>
      </c>
      <c r="H132" s="67">
        <v>6</v>
      </c>
      <c r="I132" s="68">
        <v>3</v>
      </c>
      <c r="J132" s="69">
        <v>3</v>
      </c>
      <c r="K132" s="67">
        <v>3</v>
      </c>
      <c r="L132" s="68">
        <v>2</v>
      </c>
      <c r="M132" s="69">
        <v>1</v>
      </c>
    </row>
    <row r="133" spans="1:13">
      <c r="A133" s="27" t="s">
        <v>119</v>
      </c>
      <c r="B133" s="67">
        <v>-82</v>
      </c>
      <c r="C133" s="68">
        <v>-22</v>
      </c>
      <c r="D133" s="69">
        <v>-60</v>
      </c>
      <c r="E133" s="67">
        <v>78</v>
      </c>
      <c r="F133" s="68">
        <v>21</v>
      </c>
      <c r="G133" s="69">
        <v>57</v>
      </c>
      <c r="H133" s="67">
        <v>3</v>
      </c>
      <c r="I133" s="68">
        <v>2</v>
      </c>
      <c r="J133" s="69">
        <v>1</v>
      </c>
      <c r="K133" s="67">
        <v>7</v>
      </c>
      <c r="L133" s="68">
        <v>3</v>
      </c>
      <c r="M133" s="69">
        <v>4</v>
      </c>
    </row>
    <row r="134" spans="1:13">
      <c r="A134" s="27" t="s">
        <v>121</v>
      </c>
      <c r="B134" s="67">
        <v>-47</v>
      </c>
      <c r="C134" s="68">
        <v>-12</v>
      </c>
      <c r="D134" s="69">
        <v>-35</v>
      </c>
      <c r="E134" s="67">
        <v>49</v>
      </c>
      <c r="F134" s="68">
        <v>13</v>
      </c>
      <c r="G134" s="69">
        <v>36</v>
      </c>
      <c r="H134" s="67">
        <v>2</v>
      </c>
      <c r="I134" s="68">
        <v>1</v>
      </c>
      <c r="J134" s="69">
        <v>1</v>
      </c>
      <c r="K134" s="67">
        <v>0</v>
      </c>
      <c r="L134" s="68">
        <v>0</v>
      </c>
      <c r="M134" s="69">
        <v>0</v>
      </c>
    </row>
    <row r="135" spans="1:13" ht="21" customHeight="1">
      <c r="A135" s="39" t="s">
        <v>122</v>
      </c>
      <c r="B135" s="42">
        <v>-125</v>
      </c>
      <c r="C135" s="40">
        <v>-20</v>
      </c>
      <c r="D135" s="43">
        <v>-105</v>
      </c>
      <c r="E135" s="42">
        <v>128</v>
      </c>
      <c r="F135" s="40">
        <v>22</v>
      </c>
      <c r="G135" s="43">
        <v>106</v>
      </c>
      <c r="H135" s="42">
        <v>3</v>
      </c>
      <c r="I135" s="40">
        <v>2</v>
      </c>
      <c r="J135" s="43">
        <v>1</v>
      </c>
      <c r="K135" s="42">
        <v>0</v>
      </c>
      <c r="L135" s="40">
        <v>0</v>
      </c>
      <c r="M135" s="43">
        <v>0</v>
      </c>
    </row>
    <row r="136" spans="1:13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65"/>
      <c r="M136" s="62"/>
    </row>
    <row r="137" spans="1:13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28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859</v>
      </c>
      <c r="C5" s="62">
        <v>-313</v>
      </c>
      <c r="D5" s="62">
        <v>-546</v>
      </c>
      <c r="E5" s="61">
        <v>2653</v>
      </c>
      <c r="F5" s="62">
        <v>1331</v>
      </c>
      <c r="G5" s="63">
        <v>1322</v>
      </c>
      <c r="H5" s="62">
        <v>7863</v>
      </c>
      <c r="I5" s="62">
        <v>4142</v>
      </c>
      <c r="J5" s="62">
        <v>3721</v>
      </c>
      <c r="K5" s="61">
        <v>7102</v>
      </c>
      <c r="L5" s="75">
        <v>3664</v>
      </c>
      <c r="M5" s="76">
        <v>3438</v>
      </c>
    </row>
    <row r="6" spans="1:13" ht="23.25" customHeight="1">
      <c r="A6" s="36" t="s">
        <v>2</v>
      </c>
      <c r="B6" s="64">
        <v>1153</v>
      </c>
      <c r="C6" s="65">
        <v>602</v>
      </c>
      <c r="D6" s="65">
        <v>551</v>
      </c>
      <c r="E6" s="64">
        <v>3</v>
      </c>
      <c r="F6" s="65">
        <v>1</v>
      </c>
      <c r="G6" s="66">
        <v>2</v>
      </c>
      <c r="H6" s="65">
        <v>395</v>
      </c>
      <c r="I6" s="65">
        <v>207</v>
      </c>
      <c r="J6" s="65">
        <v>188</v>
      </c>
      <c r="K6" s="64">
        <v>272</v>
      </c>
      <c r="L6" s="77">
        <v>144</v>
      </c>
      <c r="M6" s="78">
        <v>128</v>
      </c>
    </row>
    <row r="7" spans="1:13">
      <c r="A7" s="15" t="s">
        <v>4</v>
      </c>
      <c r="B7" s="67">
        <v>1055</v>
      </c>
      <c r="C7" s="68">
        <v>551</v>
      </c>
      <c r="D7" s="68">
        <v>504</v>
      </c>
      <c r="E7" s="67">
        <v>3</v>
      </c>
      <c r="F7" s="68">
        <v>1</v>
      </c>
      <c r="G7" s="69">
        <v>2</v>
      </c>
      <c r="H7" s="68">
        <v>56</v>
      </c>
      <c r="I7" s="68">
        <v>29</v>
      </c>
      <c r="J7" s="68">
        <v>27</v>
      </c>
      <c r="K7" s="67">
        <v>31</v>
      </c>
      <c r="L7" s="79">
        <v>17</v>
      </c>
      <c r="M7" s="80">
        <v>14</v>
      </c>
    </row>
    <row r="8" spans="1:13">
      <c r="A8" s="15" t="s">
        <v>6</v>
      </c>
      <c r="B8" s="67">
        <v>18</v>
      </c>
      <c r="C8" s="68">
        <v>0</v>
      </c>
      <c r="D8" s="68">
        <v>18</v>
      </c>
      <c r="E8" s="67">
        <v>0</v>
      </c>
      <c r="F8" s="68">
        <v>0</v>
      </c>
      <c r="G8" s="69">
        <v>0</v>
      </c>
      <c r="H8" s="68">
        <v>106</v>
      </c>
      <c r="I8" s="68">
        <v>47</v>
      </c>
      <c r="J8" s="68">
        <v>59</v>
      </c>
      <c r="K8" s="67">
        <v>88</v>
      </c>
      <c r="L8" s="79">
        <v>47</v>
      </c>
      <c r="M8" s="80">
        <v>41</v>
      </c>
    </row>
    <row r="9" spans="1:13">
      <c r="A9" s="15" t="s">
        <v>8</v>
      </c>
      <c r="B9" s="67">
        <v>32</v>
      </c>
      <c r="C9" s="68">
        <v>25</v>
      </c>
      <c r="D9" s="68">
        <v>7</v>
      </c>
      <c r="E9" s="67">
        <v>0</v>
      </c>
      <c r="F9" s="68">
        <v>0</v>
      </c>
      <c r="G9" s="69">
        <v>0</v>
      </c>
      <c r="H9" s="68">
        <v>86</v>
      </c>
      <c r="I9" s="68">
        <v>50</v>
      </c>
      <c r="J9" s="68">
        <v>36</v>
      </c>
      <c r="K9" s="67">
        <v>54</v>
      </c>
      <c r="L9" s="79">
        <v>25</v>
      </c>
      <c r="M9" s="80">
        <v>29</v>
      </c>
    </row>
    <row r="10" spans="1:13">
      <c r="A10" s="15" t="s">
        <v>10</v>
      </c>
      <c r="B10" s="67">
        <v>33</v>
      </c>
      <c r="C10" s="68">
        <v>14</v>
      </c>
      <c r="D10" s="68">
        <v>19</v>
      </c>
      <c r="E10" s="67">
        <v>0</v>
      </c>
      <c r="F10" s="68">
        <v>0</v>
      </c>
      <c r="G10" s="69">
        <v>0</v>
      </c>
      <c r="H10" s="68">
        <v>84</v>
      </c>
      <c r="I10" s="68">
        <v>44</v>
      </c>
      <c r="J10" s="68">
        <v>40</v>
      </c>
      <c r="K10" s="67">
        <v>51</v>
      </c>
      <c r="L10" s="79">
        <v>30</v>
      </c>
      <c r="M10" s="80">
        <v>21</v>
      </c>
    </row>
    <row r="11" spans="1:13">
      <c r="A11" s="15" t="s">
        <v>12</v>
      </c>
      <c r="B11" s="67">
        <v>15</v>
      </c>
      <c r="C11" s="68">
        <v>12</v>
      </c>
      <c r="D11" s="68">
        <v>3</v>
      </c>
      <c r="E11" s="67">
        <v>0</v>
      </c>
      <c r="F11" s="68">
        <v>0</v>
      </c>
      <c r="G11" s="69">
        <v>0</v>
      </c>
      <c r="H11" s="68">
        <v>63</v>
      </c>
      <c r="I11" s="68">
        <v>37</v>
      </c>
      <c r="J11" s="68">
        <v>26</v>
      </c>
      <c r="K11" s="67">
        <v>48</v>
      </c>
      <c r="L11" s="79">
        <v>25</v>
      </c>
      <c r="M11" s="80">
        <v>23</v>
      </c>
    </row>
    <row r="12" spans="1:13" ht="21" customHeight="1">
      <c r="A12" s="36" t="s">
        <v>14</v>
      </c>
      <c r="B12" s="64">
        <v>34</v>
      </c>
      <c r="C12" s="65">
        <v>0</v>
      </c>
      <c r="D12" s="65">
        <v>34</v>
      </c>
      <c r="E12" s="64">
        <v>2</v>
      </c>
      <c r="F12" s="65">
        <v>1</v>
      </c>
      <c r="G12" s="66">
        <v>1</v>
      </c>
      <c r="H12" s="65">
        <v>202</v>
      </c>
      <c r="I12" s="65">
        <v>90</v>
      </c>
      <c r="J12" s="65">
        <v>112</v>
      </c>
      <c r="K12" s="64">
        <v>166</v>
      </c>
      <c r="L12" s="77">
        <v>89</v>
      </c>
      <c r="M12" s="78">
        <v>77</v>
      </c>
    </row>
    <row r="13" spans="1:13">
      <c r="A13" s="15" t="s">
        <v>16</v>
      </c>
      <c r="B13" s="67">
        <v>0</v>
      </c>
      <c r="C13" s="68">
        <v>0</v>
      </c>
      <c r="D13" s="68">
        <v>0</v>
      </c>
      <c r="E13" s="67">
        <v>0</v>
      </c>
      <c r="F13" s="68">
        <v>0</v>
      </c>
      <c r="G13" s="69">
        <v>0</v>
      </c>
      <c r="H13" s="68">
        <v>47</v>
      </c>
      <c r="I13" s="68">
        <v>21</v>
      </c>
      <c r="J13" s="68">
        <v>26</v>
      </c>
      <c r="K13" s="67">
        <v>47</v>
      </c>
      <c r="L13" s="79">
        <v>21</v>
      </c>
      <c r="M13" s="80">
        <v>26</v>
      </c>
    </row>
    <row r="14" spans="1:13">
      <c r="A14" s="15" t="s">
        <v>18</v>
      </c>
      <c r="B14" s="67">
        <v>25</v>
      </c>
      <c r="C14" s="68">
        <v>8</v>
      </c>
      <c r="D14" s="68">
        <v>17</v>
      </c>
      <c r="E14" s="67">
        <v>0</v>
      </c>
      <c r="F14" s="68">
        <v>0</v>
      </c>
      <c r="G14" s="69">
        <v>0</v>
      </c>
      <c r="H14" s="68">
        <v>55</v>
      </c>
      <c r="I14" s="68">
        <v>23</v>
      </c>
      <c r="J14" s="68">
        <v>32</v>
      </c>
      <c r="K14" s="67">
        <v>30</v>
      </c>
      <c r="L14" s="79">
        <v>15</v>
      </c>
      <c r="M14" s="80">
        <v>15</v>
      </c>
    </row>
    <row r="15" spans="1:13">
      <c r="A15" s="15" t="s">
        <v>20</v>
      </c>
      <c r="B15" s="67">
        <v>-5</v>
      </c>
      <c r="C15" s="68">
        <v>-3</v>
      </c>
      <c r="D15" s="68">
        <v>-2</v>
      </c>
      <c r="E15" s="67">
        <v>2</v>
      </c>
      <c r="F15" s="68">
        <v>1</v>
      </c>
      <c r="G15" s="69">
        <v>1</v>
      </c>
      <c r="H15" s="68">
        <v>40</v>
      </c>
      <c r="I15" s="68">
        <v>24</v>
      </c>
      <c r="J15" s="68">
        <v>16</v>
      </c>
      <c r="K15" s="67">
        <v>43</v>
      </c>
      <c r="L15" s="79">
        <v>26</v>
      </c>
      <c r="M15" s="80">
        <v>17</v>
      </c>
    </row>
    <row r="16" spans="1:13">
      <c r="A16" s="15" t="s">
        <v>22</v>
      </c>
      <c r="B16" s="67">
        <v>7</v>
      </c>
      <c r="C16" s="68">
        <v>-2</v>
      </c>
      <c r="D16" s="68">
        <v>9</v>
      </c>
      <c r="E16" s="67">
        <v>0</v>
      </c>
      <c r="F16" s="68">
        <v>0</v>
      </c>
      <c r="G16" s="69">
        <v>0</v>
      </c>
      <c r="H16" s="68">
        <v>27</v>
      </c>
      <c r="I16" s="68">
        <v>10</v>
      </c>
      <c r="J16" s="68">
        <v>17</v>
      </c>
      <c r="K16" s="67">
        <v>20</v>
      </c>
      <c r="L16" s="79">
        <v>12</v>
      </c>
      <c r="M16" s="80">
        <v>8</v>
      </c>
    </row>
    <row r="17" spans="1:13">
      <c r="A17" s="15" t="s">
        <v>24</v>
      </c>
      <c r="B17" s="67">
        <v>7</v>
      </c>
      <c r="C17" s="68">
        <v>-3</v>
      </c>
      <c r="D17" s="68">
        <v>10</v>
      </c>
      <c r="E17" s="67">
        <v>0</v>
      </c>
      <c r="F17" s="68">
        <v>0</v>
      </c>
      <c r="G17" s="69">
        <v>0</v>
      </c>
      <c r="H17" s="68">
        <v>33</v>
      </c>
      <c r="I17" s="68">
        <v>12</v>
      </c>
      <c r="J17" s="68">
        <v>21</v>
      </c>
      <c r="K17" s="67">
        <v>26</v>
      </c>
      <c r="L17" s="79">
        <v>15</v>
      </c>
      <c r="M17" s="80">
        <v>11</v>
      </c>
    </row>
    <row r="18" spans="1:13" ht="21" customHeight="1">
      <c r="A18" s="36" t="s">
        <v>26</v>
      </c>
      <c r="B18" s="64">
        <v>33</v>
      </c>
      <c r="C18" s="65">
        <v>16</v>
      </c>
      <c r="D18" s="65">
        <v>17</v>
      </c>
      <c r="E18" s="64">
        <v>1</v>
      </c>
      <c r="F18" s="65">
        <v>0</v>
      </c>
      <c r="G18" s="66">
        <v>1</v>
      </c>
      <c r="H18" s="65">
        <v>121</v>
      </c>
      <c r="I18" s="65">
        <v>59</v>
      </c>
      <c r="J18" s="65">
        <v>62</v>
      </c>
      <c r="K18" s="64">
        <v>87</v>
      </c>
      <c r="L18" s="77">
        <v>43</v>
      </c>
      <c r="M18" s="78">
        <v>44</v>
      </c>
    </row>
    <row r="19" spans="1:13">
      <c r="A19" s="15" t="s">
        <v>28</v>
      </c>
      <c r="B19" s="67">
        <v>13</v>
      </c>
      <c r="C19" s="68">
        <v>11</v>
      </c>
      <c r="D19" s="68">
        <v>2</v>
      </c>
      <c r="E19" s="67">
        <v>0</v>
      </c>
      <c r="F19" s="68">
        <v>0</v>
      </c>
      <c r="G19" s="69">
        <v>0</v>
      </c>
      <c r="H19" s="68">
        <v>31</v>
      </c>
      <c r="I19" s="68">
        <v>18</v>
      </c>
      <c r="J19" s="68">
        <v>13</v>
      </c>
      <c r="K19" s="67">
        <v>18</v>
      </c>
      <c r="L19" s="79">
        <v>7</v>
      </c>
      <c r="M19" s="80">
        <v>11</v>
      </c>
    </row>
    <row r="20" spans="1:13">
      <c r="A20" s="15" t="s">
        <v>30</v>
      </c>
      <c r="B20" s="67">
        <v>12</v>
      </c>
      <c r="C20" s="68">
        <v>4</v>
      </c>
      <c r="D20" s="68">
        <v>8</v>
      </c>
      <c r="E20" s="67">
        <v>0</v>
      </c>
      <c r="F20" s="68">
        <v>0</v>
      </c>
      <c r="G20" s="69">
        <v>0</v>
      </c>
      <c r="H20" s="68">
        <v>30</v>
      </c>
      <c r="I20" s="68">
        <v>16</v>
      </c>
      <c r="J20" s="68">
        <v>14</v>
      </c>
      <c r="K20" s="67">
        <v>18</v>
      </c>
      <c r="L20" s="79">
        <v>12</v>
      </c>
      <c r="M20" s="80">
        <v>6</v>
      </c>
    </row>
    <row r="21" spans="1:13">
      <c r="A21" s="15" t="s">
        <v>32</v>
      </c>
      <c r="B21" s="67">
        <v>4</v>
      </c>
      <c r="C21" s="68">
        <v>0</v>
      </c>
      <c r="D21" s="68">
        <v>4</v>
      </c>
      <c r="E21" s="67">
        <v>1</v>
      </c>
      <c r="F21" s="68">
        <v>0</v>
      </c>
      <c r="G21" s="69">
        <v>1</v>
      </c>
      <c r="H21" s="68">
        <v>23</v>
      </c>
      <c r="I21" s="68">
        <v>9</v>
      </c>
      <c r="J21" s="68">
        <v>14</v>
      </c>
      <c r="K21" s="67">
        <v>18</v>
      </c>
      <c r="L21" s="79">
        <v>9</v>
      </c>
      <c r="M21" s="80">
        <v>9</v>
      </c>
    </row>
    <row r="22" spans="1:13">
      <c r="A22" s="15" t="s">
        <v>34</v>
      </c>
      <c r="B22" s="67">
        <v>2</v>
      </c>
      <c r="C22" s="68">
        <v>1</v>
      </c>
      <c r="D22" s="68">
        <v>1</v>
      </c>
      <c r="E22" s="67">
        <v>0</v>
      </c>
      <c r="F22" s="68">
        <v>0</v>
      </c>
      <c r="G22" s="69">
        <v>0</v>
      </c>
      <c r="H22" s="68">
        <v>22</v>
      </c>
      <c r="I22" s="68">
        <v>9</v>
      </c>
      <c r="J22" s="68">
        <v>13</v>
      </c>
      <c r="K22" s="67">
        <v>20</v>
      </c>
      <c r="L22" s="79">
        <v>8</v>
      </c>
      <c r="M22" s="80">
        <v>12</v>
      </c>
    </row>
    <row r="23" spans="1:13">
      <c r="A23" s="15" t="s">
        <v>36</v>
      </c>
      <c r="B23" s="67">
        <v>2</v>
      </c>
      <c r="C23" s="68">
        <v>0</v>
      </c>
      <c r="D23" s="68">
        <v>2</v>
      </c>
      <c r="E23" s="67">
        <v>0</v>
      </c>
      <c r="F23" s="68">
        <v>0</v>
      </c>
      <c r="G23" s="69">
        <v>0</v>
      </c>
      <c r="H23" s="68">
        <v>15</v>
      </c>
      <c r="I23" s="68">
        <v>7</v>
      </c>
      <c r="J23" s="68">
        <v>8</v>
      </c>
      <c r="K23" s="67">
        <v>13</v>
      </c>
      <c r="L23" s="79">
        <v>7</v>
      </c>
      <c r="M23" s="80">
        <v>6</v>
      </c>
    </row>
    <row r="24" spans="1:13" ht="21" customHeight="1">
      <c r="A24" s="36" t="s">
        <v>38</v>
      </c>
      <c r="B24" s="64">
        <v>-3</v>
      </c>
      <c r="C24" s="65">
        <v>-23</v>
      </c>
      <c r="D24" s="65">
        <v>20</v>
      </c>
      <c r="E24" s="64">
        <v>1</v>
      </c>
      <c r="F24" s="65">
        <v>1</v>
      </c>
      <c r="G24" s="66">
        <v>0</v>
      </c>
      <c r="H24" s="65">
        <v>231</v>
      </c>
      <c r="I24" s="65">
        <v>113</v>
      </c>
      <c r="J24" s="65">
        <v>118</v>
      </c>
      <c r="K24" s="64">
        <v>233</v>
      </c>
      <c r="L24" s="77">
        <v>135</v>
      </c>
      <c r="M24" s="78">
        <v>98</v>
      </c>
    </row>
    <row r="25" spans="1:13">
      <c r="A25" s="15" t="s">
        <v>40</v>
      </c>
      <c r="B25" s="67">
        <v>6</v>
      </c>
      <c r="C25" s="68">
        <v>2</v>
      </c>
      <c r="D25" s="68">
        <v>4</v>
      </c>
      <c r="E25" s="67">
        <v>0</v>
      </c>
      <c r="F25" s="68">
        <v>0</v>
      </c>
      <c r="G25" s="69">
        <v>0</v>
      </c>
      <c r="H25" s="68">
        <v>22</v>
      </c>
      <c r="I25" s="68">
        <v>11</v>
      </c>
      <c r="J25" s="68">
        <v>11</v>
      </c>
      <c r="K25" s="67">
        <v>16</v>
      </c>
      <c r="L25" s="79">
        <v>9</v>
      </c>
      <c r="M25" s="80">
        <v>7</v>
      </c>
    </row>
    <row r="26" spans="1:13">
      <c r="A26" s="15" t="s">
        <v>42</v>
      </c>
      <c r="B26" s="67">
        <v>9</v>
      </c>
      <c r="C26" s="68">
        <v>1</v>
      </c>
      <c r="D26" s="68">
        <v>8</v>
      </c>
      <c r="E26" s="67">
        <v>0</v>
      </c>
      <c r="F26" s="68">
        <v>0</v>
      </c>
      <c r="G26" s="69">
        <v>0</v>
      </c>
      <c r="H26" s="68">
        <v>31</v>
      </c>
      <c r="I26" s="68">
        <v>17</v>
      </c>
      <c r="J26" s="68">
        <v>14</v>
      </c>
      <c r="K26" s="67">
        <v>22</v>
      </c>
      <c r="L26" s="79">
        <v>16</v>
      </c>
      <c r="M26" s="80">
        <v>6</v>
      </c>
    </row>
    <row r="27" spans="1:13">
      <c r="A27" s="15" t="s">
        <v>44</v>
      </c>
      <c r="B27" s="67">
        <v>10</v>
      </c>
      <c r="C27" s="68">
        <v>4</v>
      </c>
      <c r="D27" s="68">
        <v>6</v>
      </c>
      <c r="E27" s="67">
        <v>1</v>
      </c>
      <c r="F27" s="68">
        <v>1</v>
      </c>
      <c r="G27" s="69">
        <v>0</v>
      </c>
      <c r="H27" s="68">
        <v>27</v>
      </c>
      <c r="I27" s="68">
        <v>14</v>
      </c>
      <c r="J27" s="68">
        <v>13</v>
      </c>
      <c r="K27" s="67">
        <v>16</v>
      </c>
      <c r="L27" s="79">
        <v>9</v>
      </c>
      <c r="M27" s="80">
        <v>7</v>
      </c>
    </row>
    <row r="28" spans="1:13">
      <c r="A28" s="15" t="s">
        <v>46</v>
      </c>
      <c r="B28" s="67">
        <v>0</v>
      </c>
      <c r="C28" s="68">
        <v>-3</v>
      </c>
      <c r="D28" s="68">
        <v>3</v>
      </c>
      <c r="E28" s="67">
        <v>0</v>
      </c>
      <c r="F28" s="68">
        <v>0</v>
      </c>
      <c r="G28" s="69">
        <v>0</v>
      </c>
      <c r="H28" s="68">
        <v>40</v>
      </c>
      <c r="I28" s="68">
        <v>17</v>
      </c>
      <c r="J28" s="68">
        <v>23</v>
      </c>
      <c r="K28" s="67">
        <v>40</v>
      </c>
      <c r="L28" s="79">
        <v>20</v>
      </c>
      <c r="M28" s="80">
        <v>20</v>
      </c>
    </row>
    <row r="29" spans="1:13">
      <c r="A29" s="15" t="s">
        <v>48</v>
      </c>
      <c r="B29" s="67">
        <v>-28</v>
      </c>
      <c r="C29" s="68">
        <v>-27</v>
      </c>
      <c r="D29" s="68">
        <v>-1</v>
      </c>
      <c r="E29" s="67">
        <v>0</v>
      </c>
      <c r="F29" s="68">
        <v>0</v>
      </c>
      <c r="G29" s="69">
        <v>0</v>
      </c>
      <c r="H29" s="68">
        <v>111</v>
      </c>
      <c r="I29" s="68">
        <v>54</v>
      </c>
      <c r="J29" s="68">
        <v>57</v>
      </c>
      <c r="K29" s="67">
        <v>139</v>
      </c>
      <c r="L29" s="79">
        <v>81</v>
      </c>
      <c r="M29" s="80">
        <v>58</v>
      </c>
    </row>
    <row r="30" spans="1:13" ht="21" customHeight="1">
      <c r="A30" s="36" t="s">
        <v>50</v>
      </c>
      <c r="B30" s="64">
        <v>-339</v>
      </c>
      <c r="C30" s="65">
        <v>-111</v>
      </c>
      <c r="D30" s="65">
        <v>-228</v>
      </c>
      <c r="E30" s="64">
        <v>1</v>
      </c>
      <c r="F30" s="65">
        <v>0</v>
      </c>
      <c r="G30" s="66">
        <v>1</v>
      </c>
      <c r="H30" s="65">
        <v>1197</v>
      </c>
      <c r="I30" s="65">
        <v>608</v>
      </c>
      <c r="J30" s="65">
        <v>589</v>
      </c>
      <c r="K30" s="64">
        <v>1535</v>
      </c>
      <c r="L30" s="77">
        <v>719</v>
      </c>
      <c r="M30" s="78">
        <v>816</v>
      </c>
    </row>
    <row r="31" spans="1:13">
      <c r="A31" s="15" t="s">
        <v>52</v>
      </c>
      <c r="B31" s="67">
        <v>-58</v>
      </c>
      <c r="C31" s="68">
        <v>-6</v>
      </c>
      <c r="D31" s="68">
        <v>-52</v>
      </c>
      <c r="E31" s="67">
        <v>0</v>
      </c>
      <c r="F31" s="68">
        <v>0</v>
      </c>
      <c r="G31" s="69">
        <v>0</v>
      </c>
      <c r="H31" s="68">
        <v>109</v>
      </c>
      <c r="I31" s="68">
        <v>54</v>
      </c>
      <c r="J31" s="68">
        <v>55</v>
      </c>
      <c r="K31" s="67">
        <v>167</v>
      </c>
      <c r="L31" s="79">
        <v>60</v>
      </c>
      <c r="M31" s="80">
        <v>107</v>
      </c>
    </row>
    <row r="32" spans="1:13">
      <c r="A32" s="15" t="s">
        <v>54</v>
      </c>
      <c r="B32" s="67">
        <v>-55</v>
      </c>
      <c r="C32" s="68">
        <v>-6</v>
      </c>
      <c r="D32" s="68">
        <v>-49</v>
      </c>
      <c r="E32" s="67">
        <v>0</v>
      </c>
      <c r="F32" s="68">
        <v>0</v>
      </c>
      <c r="G32" s="69">
        <v>0</v>
      </c>
      <c r="H32" s="68">
        <v>212</v>
      </c>
      <c r="I32" s="68">
        <v>104</v>
      </c>
      <c r="J32" s="68">
        <v>108</v>
      </c>
      <c r="K32" s="67">
        <v>267</v>
      </c>
      <c r="L32" s="79">
        <v>110</v>
      </c>
      <c r="M32" s="80">
        <v>157</v>
      </c>
    </row>
    <row r="33" spans="1:13">
      <c r="A33" s="15" t="s">
        <v>56</v>
      </c>
      <c r="B33" s="67">
        <v>-62</v>
      </c>
      <c r="C33" s="68">
        <v>-20</v>
      </c>
      <c r="D33" s="68">
        <v>-42</v>
      </c>
      <c r="E33" s="67">
        <v>0</v>
      </c>
      <c r="F33" s="68">
        <v>0</v>
      </c>
      <c r="G33" s="69">
        <v>0</v>
      </c>
      <c r="H33" s="68">
        <v>225</v>
      </c>
      <c r="I33" s="68">
        <v>107</v>
      </c>
      <c r="J33" s="68">
        <v>118</v>
      </c>
      <c r="K33" s="67">
        <v>287</v>
      </c>
      <c r="L33" s="79">
        <v>127</v>
      </c>
      <c r="M33" s="80">
        <v>160</v>
      </c>
    </row>
    <row r="34" spans="1:13">
      <c r="A34" s="15" t="s">
        <v>58</v>
      </c>
      <c r="B34" s="67">
        <v>-127</v>
      </c>
      <c r="C34" s="68">
        <v>-76</v>
      </c>
      <c r="D34" s="68">
        <v>-51</v>
      </c>
      <c r="E34" s="67">
        <v>1</v>
      </c>
      <c r="F34" s="68">
        <v>0</v>
      </c>
      <c r="G34" s="69">
        <v>1</v>
      </c>
      <c r="H34" s="68">
        <v>334</v>
      </c>
      <c r="I34" s="68">
        <v>164</v>
      </c>
      <c r="J34" s="68">
        <v>170</v>
      </c>
      <c r="K34" s="67">
        <v>460</v>
      </c>
      <c r="L34" s="79">
        <v>240</v>
      </c>
      <c r="M34" s="80">
        <v>220</v>
      </c>
    </row>
    <row r="35" spans="1:13">
      <c r="A35" s="15" t="s">
        <v>60</v>
      </c>
      <c r="B35" s="67">
        <v>-37</v>
      </c>
      <c r="C35" s="68">
        <v>-3</v>
      </c>
      <c r="D35" s="68">
        <v>-34</v>
      </c>
      <c r="E35" s="67">
        <v>0</v>
      </c>
      <c r="F35" s="68">
        <v>0</v>
      </c>
      <c r="G35" s="69">
        <v>0</v>
      </c>
      <c r="H35" s="68">
        <v>317</v>
      </c>
      <c r="I35" s="68">
        <v>179</v>
      </c>
      <c r="J35" s="68">
        <v>138</v>
      </c>
      <c r="K35" s="67">
        <v>354</v>
      </c>
      <c r="L35" s="79">
        <v>182</v>
      </c>
      <c r="M35" s="80">
        <v>172</v>
      </c>
    </row>
    <row r="36" spans="1:13" ht="21" customHeight="1">
      <c r="A36" s="36" t="s">
        <v>62</v>
      </c>
      <c r="B36" s="64">
        <v>-121</v>
      </c>
      <c r="C36" s="65">
        <v>-14</v>
      </c>
      <c r="D36" s="65">
        <v>-107</v>
      </c>
      <c r="E36" s="64">
        <v>5</v>
      </c>
      <c r="F36" s="65">
        <v>2</v>
      </c>
      <c r="G36" s="66">
        <v>3</v>
      </c>
      <c r="H36" s="65">
        <v>1451</v>
      </c>
      <c r="I36" s="65">
        <v>774</v>
      </c>
      <c r="J36" s="65">
        <v>677</v>
      </c>
      <c r="K36" s="64">
        <v>1567</v>
      </c>
      <c r="L36" s="77">
        <v>786</v>
      </c>
      <c r="M36" s="78">
        <v>781</v>
      </c>
    </row>
    <row r="37" spans="1:13">
      <c r="A37" s="15" t="s">
        <v>64</v>
      </c>
      <c r="B37" s="67">
        <v>-53</v>
      </c>
      <c r="C37" s="68">
        <v>-25</v>
      </c>
      <c r="D37" s="68">
        <v>-28</v>
      </c>
      <c r="E37" s="67">
        <v>0</v>
      </c>
      <c r="F37" s="68">
        <v>0</v>
      </c>
      <c r="G37" s="69">
        <v>0</v>
      </c>
      <c r="H37" s="68">
        <v>320</v>
      </c>
      <c r="I37" s="68">
        <v>166</v>
      </c>
      <c r="J37" s="68">
        <v>154</v>
      </c>
      <c r="K37" s="67">
        <v>373</v>
      </c>
      <c r="L37" s="79">
        <v>191</v>
      </c>
      <c r="M37" s="80">
        <v>182</v>
      </c>
    </row>
    <row r="38" spans="1:13">
      <c r="A38" s="15" t="s">
        <v>66</v>
      </c>
      <c r="B38" s="67">
        <v>-46</v>
      </c>
      <c r="C38" s="68">
        <v>-8</v>
      </c>
      <c r="D38" s="68">
        <v>-38</v>
      </c>
      <c r="E38" s="67">
        <v>0</v>
      </c>
      <c r="F38" s="68">
        <v>0</v>
      </c>
      <c r="G38" s="69">
        <v>0</v>
      </c>
      <c r="H38" s="68">
        <v>295</v>
      </c>
      <c r="I38" s="68">
        <v>161</v>
      </c>
      <c r="J38" s="68">
        <v>134</v>
      </c>
      <c r="K38" s="67">
        <v>341</v>
      </c>
      <c r="L38" s="79">
        <v>169</v>
      </c>
      <c r="M38" s="80">
        <v>172</v>
      </c>
    </row>
    <row r="39" spans="1:13">
      <c r="A39" s="15" t="s">
        <v>68</v>
      </c>
      <c r="B39" s="67">
        <v>-16</v>
      </c>
      <c r="C39" s="68">
        <v>-15</v>
      </c>
      <c r="D39" s="68">
        <v>-1</v>
      </c>
      <c r="E39" s="67">
        <v>3</v>
      </c>
      <c r="F39" s="68">
        <v>1</v>
      </c>
      <c r="G39" s="69">
        <v>2</v>
      </c>
      <c r="H39" s="68">
        <v>287</v>
      </c>
      <c r="I39" s="68">
        <v>150</v>
      </c>
      <c r="J39" s="68">
        <v>137</v>
      </c>
      <c r="K39" s="67">
        <v>300</v>
      </c>
      <c r="L39" s="79">
        <v>164</v>
      </c>
      <c r="M39" s="80">
        <v>136</v>
      </c>
    </row>
    <row r="40" spans="1:13">
      <c r="A40" s="15" t="s">
        <v>70</v>
      </c>
      <c r="B40" s="67">
        <v>12</v>
      </c>
      <c r="C40" s="68">
        <v>36</v>
      </c>
      <c r="D40" s="68">
        <v>-24</v>
      </c>
      <c r="E40" s="67">
        <v>1</v>
      </c>
      <c r="F40" s="68">
        <v>0</v>
      </c>
      <c r="G40" s="69">
        <v>1</v>
      </c>
      <c r="H40" s="68">
        <v>310</v>
      </c>
      <c r="I40" s="68">
        <v>166</v>
      </c>
      <c r="J40" s="68">
        <v>144</v>
      </c>
      <c r="K40" s="67">
        <v>297</v>
      </c>
      <c r="L40" s="79">
        <v>130</v>
      </c>
      <c r="M40" s="80">
        <v>167</v>
      </c>
    </row>
    <row r="41" spans="1:13">
      <c r="A41" s="15" t="s">
        <v>72</v>
      </c>
      <c r="B41" s="67">
        <v>-18</v>
      </c>
      <c r="C41" s="68">
        <v>-2</v>
      </c>
      <c r="D41" s="68">
        <v>-16</v>
      </c>
      <c r="E41" s="67">
        <v>1</v>
      </c>
      <c r="F41" s="68">
        <v>1</v>
      </c>
      <c r="G41" s="69">
        <v>0</v>
      </c>
      <c r="H41" s="68">
        <v>239</v>
      </c>
      <c r="I41" s="68">
        <v>131</v>
      </c>
      <c r="J41" s="68">
        <v>108</v>
      </c>
      <c r="K41" s="67">
        <v>256</v>
      </c>
      <c r="L41" s="79">
        <v>132</v>
      </c>
      <c r="M41" s="80">
        <v>124</v>
      </c>
    </row>
    <row r="42" spans="1:13" ht="21" customHeight="1">
      <c r="A42" s="36" t="s">
        <v>74</v>
      </c>
      <c r="B42" s="64">
        <v>181</v>
      </c>
      <c r="C42" s="65">
        <v>100</v>
      </c>
      <c r="D42" s="65">
        <v>81</v>
      </c>
      <c r="E42" s="64">
        <v>4</v>
      </c>
      <c r="F42" s="65">
        <v>3</v>
      </c>
      <c r="G42" s="66">
        <v>1</v>
      </c>
      <c r="H42" s="65">
        <v>1059</v>
      </c>
      <c r="I42" s="65">
        <v>579</v>
      </c>
      <c r="J42" s="65">
        <v>480</v>
      </c>
      <c r="K42" s="64">
        <v>874</v>
      </c>
      <c r="L42" s="77">
        <v>476</v>
      </c>
      <c r="M42" s="78">
        <v>398</v>
      </c>
    </row>
    <row r="43" spans="1:13">
      <c r="A43" s="15" t="s">
        <v>76</v>
      </c>
      <c r="B43" s="67">
        <v>20</v>
      </c>
      <c r="C43" s="68">
        <v>22</v>
      </c>
      <c r="D43" s="68">
        <v>-2</v>
      </c>
      <c r="E43" s="67">
        <v>0</v>
      </c>
      <c r="F43" s="68">
        <v>0</v>
      </c>
      <c r="G43" s="69">
        <v>0</v>
      </c>
      <c r="H43" s="68">
        <v>249</v>
      </c>
      <c r="I43" s="68">
        <v>140</v>
      </c>
      <c r="J43" s="68">
        <v>109</v>
      </c>
      <c r="K43" s="67">
        <v>229</v>
      </c>
      <c r="L43" s="79">
        <v>118</v>
      </c>
      <c r="M43" s="80">
        <v>111</v>
      </c>
    </row>
    <row r="44" spans="1:13">
      <c r="A44" s="15" t="s">
        <v>78</v>
      </c>
      <c r="B44" s="67">
        <v>46</v>
      </c>
      <c r="C44" s="68">
        <v>12</v>
      </c>
      <c r="D44" s="68">
        <v>34</v>
      </c>
      <c r="E44" s="67">
        <v>0</v>
      </c>
      <c r="F44" s="68">
        <v>0</v>
      </c>
      <c r="G44" s="69">
        <v>0</v>
      </c>
      <c r="H44" s="68">
        <v>221</v>
      </c>
      <c r="I44" s="68">
        <v>108</v>
      </c>
      <c r="J44" s="68">
        <v>113</v>
      </c>
      <c r="K44" s="67">
        <v>175</v>
      </c>
      <c r="L44" s="79">
        <v>96</v>
      </c>
      <c r="M44" s="80">
        <v>79</v>
      </c>
    </row>
    <row r="45" spans="1:13">
      <c r="A45" s="15" t="s">
        <v>80</v>
      </c>
      <c r="B45" s="67">
        <v>34</v>
      </c>
      <c r="C45" s="68">
        <v>26</v>
      </c>
      <c r="D45" s="68">
        <v>8</v>
      </c>
      <c r="E45" s="67">
        <v>2</v>
      </c>
      <c r="F45" s="68">
        <v>2</v>
      </c>
      <c r="G45" s="69">
        <v>0</v>
      </c>
      <c r="H45" s="68">
        <v>198</v>
      </c>
      <c r="I45" s="68">
        <v>113</v>
      </c>
      <c r="J45" s="68">
        <v>85</v>
      </c>
      <c r="K45" s="67">
        <v>162</v>
      </c>
      <c r="L45" s="79">
        <v>85</v>
      </c>
      <c r="M45" s="80">
        <v>77</v>
      </c>
    </row>
    <row r="46" spans="1:13">
      <c r="A46" s="15" t="s">
        <v>82</v>
      </c>
      <c r="B46" s="67">
        <v>52</v>
      </c>
      <c r="C46" s="68">
        <v>25</v>
      </c>
      <c r="D46" s="68">
        <v>27</v>
      </c>
      <c r="E46" s="67">
        <v>0</v>
      </c>
      <c r="F46" s="68">
        <v>0</v>
      </c>
      <c r="G46" s="69">
        <v>0</v>
      </c>
      <c r="H46" s="68">
        <v>200</v>
      </c>
      <c r="I46" s="68">
        <v>111</v>
      </c>
      <c r="J46" s="68">
        <v>89</v>
      </c>
      <c r="K46" s="67">
        <v>148</v>
      </c>
      <c r="L46" s="79">
        <v>86</v>
      </c>
      <c r="M46" s="80">
        <v>62</v>
      </c>
    </row>
    <row r="47" spans="1:13">
      <c r="A47" s="15" t="s">
        <v>84</v>
      </c>
      <c r="B47" s="67">
        <v>29</v>
      </c>
      <c r="C47" s="68">
        <v>15</v>
      </c>
      <c r="D47" s="68">
        <v>14</v>
      </c>
      <c r="E47" s="67">
        <v>2</v>
      </c>
      <c r="F47" s="68">
        <v>1</v>
      </c>
      <c r="G47" s="69">
        <v>1</v>
      </c>
      <c r="H47" s="68">
        <v>191</v>
      </c>
      <c r="I47" s="68">
        <v>107</v>
      </c>
      <c r="J47" s="68">
        <v>84</v>
      </c>
      <c r="K47" s="67">
        <v>160</v>
      </c>
      <c r="L47" s="79">
        <v>91</v>
      </c>
      <c r="M47" s="80">
        <v>69</v>
      </c>
    </row>
    <row r="48" spans="1:13" ht="21" customHeight="1">
      <c r="A48" s="36" t="s">
        <v>86</v>
      </c>
      <c r="B48" s="64">
        <v>146</v>
      </c>
      <c r="C48" s="65">
        <v>90</v>
      </c>
      <c r="D48" s="65">
        <v>56</v>
      </c>
      <c r="E48" s="64">
        <v>9</v>
      </c>
      <c r="F48" s="65">
        <v>5</v>
      </c>
      <c r="G48" s="66">
        <v>4</v>
      </c>
      <c r="H48" s="65">
        <v>706</v>
      </c>
      <c r="I48" s="65">
        <v>388</v>
      </c>
      <c r="J48" s="65">
        <v>318</v>
      </c>
      <c r="K48" s="64">
        <v>551</v>
      </c>
      <c r="L48" s="77">
        <v>293</v>
      </c>
      <c r="M48" s="78">
        <v>258</v>
      </c>
    </row>
    <row r="49" spans="1:13">
      <c r="A49" s="15" t="s">
        <v>88</v>
      </c>
      <c r="B49" s="67">
        <v>20</v>
      </c>
      <c r="C49" s="68">
        <v>22</v>
      </c>
      <c r="D49" s="68">
        <v>-2</v>
      </c>
      <c r="E49" s="67">
        <v>1</v>
      </c>
      <c r="F49" s="68">
        <v>1</v>
      </c>
      <c r="G49" s="69">
        <v>0</v>
      </c>
      <c r="H49" s="68">
        <v>150</v>
      </c>
      <c r="I49" s="68">
        <v>85</v>
      </c>
      <c r="J49" s="68">
        <v>65</v>
      </c>
      <c r="K49" s="67">
        <v>129</v>
      </c>
      <c r="L49" s="79">
        <v>62</v>
      </c>
      <c r="M49" s="80">
        <v>67</v>
      </c>
    </row>
    <row r="50" spans="1:13">
      <c r="A50" s="15" t="s">
        <v>90</v>
      </c>
      <c r="B50" s="67">
        <v>39</v>
      </c>
      <c r="C50" s="68">
        <v>19</v>
      </c>
      <c r="D50" s="68">
        <v>20</v>
      </c>
      <c r="E50" s="67">
        <v>3</v>
      </c>
      <c r="F50" s="68">
        <v>2</v>
      </c>
      <c r="G50" s="69">
        <v>1</v>
      </c>
      <c r="H50" s="68">
        <v>162</v>
      </c>
      <c r="I50" s="68">
        <v>87</v>
      </c>
      <c r="J50" s="68">
        <v>75</v>
      </c>
      <c r="K50" s="67">
        <v>120</v>
      </c>
      <c r="L50" s="79">
        <v>66</v>
      </c>
      <c r="M50" s="80">
        <v>54</v>
      </c>
    </row>
    <row r="51" spans="1:13">
      <c r="A51" s="15" t="s">
        <v>92</v>
      </c>
      <c r="B51" s="67">
        <v>45</v>
      </c>
      <c r="C51" s="68">
        <v>8</v>
      </c>
      <c r="D51" s="68">
        <v>37</v>
      </c>
      <c r="E51" s="67">
        <v>0</v>
      </c>
      <c r="F51" s="68">
        <v>0</v>
      </c>
      <c r="G51" s="69">
        <v>0</v>
      </c>
      <c r="H51" s="68">
        <v>165</v>
      </c>
      <c r="I51" s="68">
        <v>82</v>
      </c>
      <c r="J51" s="68">
        <v>83</v>
      </c>
      <c r="K51" s="67">
        <v>120</v>
      </c>
      <c r="L51" s="79">
        <v>74</v>
      </c>
      <c r="M51" s="80">
        <v>46</v>
      </c>
    </row>
    <row r="52" spans="1:13">
      <c r="A52" s="15" t="s">
        <v>94</v>
      </c>
      <c r="B52" s="67">
        <v>18</v>
      </c>
      <c r="C52" s="68">
        <v>16</v>
      </c>
      <c r="D52" s="68">
        <v>2</v>
      </c>
      <c r="E52" s="67">
        <v>1</v>
      </c>
      <c r="F52" s="68">
        <v>1</v>
      </c>
      <c r="G52" s="69">
        <v>0</v>
      </c>
      <c r="H52" s="68">
        <v>116</v>
      </c>
      <c r="I52" s="68">
        <v>67</v>
      </c>
      <c r="J52" s="68">
        <v>49</v>
      </c>
      <c r="K52" s="67">
        <v>97</v>
      </c>
      <c r="L52" s="79">
        <v>50</v>
      </c>
      <c r="M52" s="80">
        <v>47</v>
      </c>
    </row>
    <row r="53" spans="1:13">
      <c r="A53" s="15" t="s">
        <v>96</v>
      </c>
      <c r="B53" s="67">
        <v>24</v>
      </c>
      <c r="C53" s="68">
        <v>25</v>
      </c>
      <c r="D53" s="68">
        <v>-1</v>
      </c>
      <c r="E53" s="67">
        <v>4</v>
      </c>
      <c r="F53" s="68">
        <v>1</v>
      </c>
      <c r="G53" s="69">
        <v>3</v>
      </c>
      <c r="H53" s="68">
        <v>113</v>
      </c>
      <c r="I53" s="68">
        <v>67</v>
      </c>
      <c r="J53" s="68">
        <v>46</v>
      </c>
      <c r="K53" s="67">
        <v>85</v>
      </c>
      <c r="L53" s="79">
        <v>41</v>
      </c>
      <c r="M53" s="80">
        <v>44</v>
      </c>
    </row>
    <row r="54" spans="1:13" ht="21" customHeight="1">
      <c r="A54" s="36" t="s">
        <v>98</v>
      </c>
      <c r="B54" s="64">
        <v>75</v>
      </c>
      <c r="C54" s="65">
        <v>27</v>
      </c>
      <c r="D54" s="65">
        <v>48</v>
      </c>
      <c r="E54" s="64">
        <v>7</v>
      </c>
      <c r="F54" s="65">
        <v>4</v>
      </c>
      <c r="G54" s="66">
        <v>3</v>
      </c>
      <c r="H54" s="65">
        <v>451</v>
      </c>
      <c r="I54" s="65">
        <v>248</v>
      </c>
      <c r="J54" s="65">
        <v>203</v>
      </c>
      <c r="K54" s="64">
        <v>369</v>
      </c>
      <c r="L54" s="77">
        <v>217</v>
      </c>
      <c r="M54" s="78">
        <v>152</v>
      </c>
    </row>
    <row r="55" spans="1:13">
      <c r="A55" s="15" t="s">
        <v>100</v>
      </c>
      <c r="B55" s="67">
        <v>29</v>
      </c>
      <c r="C55" s="68">
        <v>18</v>
      </c>
      <c r="D55" s="68">
        <v>11</v>
      </c>
      <c r="E55" s="67">
        <v>2</v>
      </c>
      <c r="F55" s="68">
        <v>0</v>
      </c>
      <c r="G55" s="69">
        <v>2</v>
      </c>
      <c r="H55" s="68">
        <v>109</v>
      </c>
      <c r="I55" s="68">
        <v>63</v>
      </c>
      <c r="J55" s="68">
        <v>46</v>
      </c>
      <c r="K55" s="67">
        <v>78</v>
      </c>
      <c r="L55" s="79">
        <v>45</v>
      </c>
      <c r="M55" s="80">
        <v>33</v>
      </c>
    </row>
    <row r="56" spans="1:13">
      <c r="A56" s="15" t="s">
        <v>102</v>
      </c>
      <c r="B56" s="67">
        <v>10</v>
      </c>
      <c r="C56" s="68">
        <v>9</v>
      </c>
      <c r="D56" s="68">
        <v>1</v>
      </c>
      <c r="E56" s="67">
        <v>0</v>
      </c>
      <c r="F56" s="68">
        <v>0</v>
      </c>
      <c r="G56" s="69">
        <v>0</v>
      </c>
      <c r="H56" s="68">
        <v>94</v>
      </c>
      <c r="I56" s="68">
        <v>60</v>
      </c>
      <c r="J56" s="68">
        <v>34</v>
      </c>
      <c r="K56" s="67">
        <v>84</v>
      </c>
      <c r="L56" s="79">
        <v>51</v>
      </c>
      <c r="M56" s="80">
        <v>33</v>
      </c>
    </row>
    <row r="57" spans="1:13">
      <c r="A57" s="15" t="s">
        <v>104</v>
      </c>
      <c r="B57" s="67">
        <v>10</v>
      </c>
      <c r="C57" s="68">
        <v>-3</v>
      </c>
      <c r="D57" s="68">
        <v>13</v>
      </c>
      <c r="E57" s="67">
        <v>2</v>
      </c>
      <c r="F57" s="68">
        <v>1</v>
      </c>
      <c r="G57" s="69">
        <v>1</v>
      </c>
      <c r="H57" s="68">
        <v>87</v>
      </c>
      <c r="I57" s="68">
        <v>39</v>
      </c>
      <c r="J57" s="68">
        <v>48</v>
      </c>
      <c r="K57" s="67">
        <v>75</v>
      </c>
      <c r="L57" s="79">
        <v>41</v>
      </c>
      <c r="M57" s="80">
        <v>34</v>
      </c>
    </row>
    <row r="58" spans="1:13">
      <c r="A58" s="15" t="s">
        <v>106</v>
      </c>
      <c r="B58" s="67">
        <v>-5</v>
      </c>
      <c r="C58" s="68">
        <v>-14</v>
      </c>
      <c r="D58" s="68">
        <v>9</v>
      </c>
      <c r="E58" s="67">
        <v>3</v>
      </c>
      <c r="F58" s="68">
        <v>3</v>
      </c>
      <c r="G58" s="69">
        <v>0</v>
      </c>
      <c r="H58" s="68">
        <v>68</v>
      </c>
      <c r="I58" s="68">
        <v>33</v>
      </c>
      <c r="J58" s="68">
        <v>35</v>
      </c>
      <c r="K58" s="67">
        <v>70</v>
      </c>
      <c r="L58" s="79">
        <v>44</v>
      </c>
      <c r="M58" s="80">
        <v>26</v>
      </c>
    </row>
    <row r="59" spans="1:13">
      <c r="A59" s="15" t="s">
        <v>108</v>
      </c>
      <c r="B59" s="67">
        <v>31</v>
      </c>
      <c r="C59" s="68">
        <v>17</v>
      </c>
      <c r="D59" s="68">
        <v>14</v>
      </c>
      <c r="E59" s="67">
        <v>0</v>
      </c>
      <c r="F59" s="68">
        <v>0</v>
      </c>
      <c r="G59" s="69">
        <v>0</v>
      </c>
      <c r="H59" s="68">
        <v>93</v>
      </c>
      <c r="I59" s="68">
        <v>53</v>
      </c>
      <c r="J59" s="68">
        <v>40</v>
      </c>
      <c r="K59" s="67">
        <v>62</v>
      </c>
      <c r="L59" s="79">
        <v>36</v>
      </c>
      <c r="M59" s="80">
        <v>26</v>
      </c>
    </row>
    <row r="60" spans="1:13" ht="21" customHeight="1">
      <c r="A60" s="36" t="s">
        <v>110</v>
      </c>
      <c r="B60" s="64">
        <v>11</v>
      </c>
      <c r="C60" s="65">
        <v>23</v>
      </c>
      <c r="D60" s="65">
        <v>-12</v>
      </c>
      <c r="E60" s="64">
        <v>23</v>
      </c>
      <c r="F60" s="65">
        <v>11</v>
      </c>
      <c r="G60" s="66">
        <v>12</v>
      </c>
      <c r="H60" s="65">
        <v>401</v>
      </c>
      <c r="I60" s="65">
        <v>223</v>
      </c>
      <c r="J60" s="65">
        <v>178</v>
      </c>
      <c r="K60" s="64">
        <v>367</v>
      </c>
      <c r="L60" s="77">
        <v>189</v>
      </c>
      <c r="M60" s="78">
        <v>178</v>
      </c>
    </row>
    <row r="61" spans="1:13">
      <c r="A61" s="15" t="s">
        <v>112</v>
      </c>
      <c r="B61" s="67">
        <v>-1</v>
      </c>
      <c r="C61" s="68">
        <v>9</v>
      </c>
      <c r="D61" s="68">
        <v>-10</v>
      </c>
      <c r="E61" s="67">
        <v>6</v>
      </c>
      <c r="F61" s="68">
        <v>1</v>
      </c>
      <c r="G61" s="69">
        <v>5</v>
      </c>
      <c r="H61" s="68">
        <v>78</v>
      </c>
      <c r="I61" s="68">
        <v>51</v>
      </c>
      <c r="J61" s="68">
        <v>27</v>
      </c>
      <c r="K61" s="67">
        <v>73</v>
      </c>
      <c r="L61" s="79">
        <v>41</v>
      </c>
      <c r="M61" s="80">
        <v>32</v>
      </c>
    </row>
    <row r="62" spans="1:13">
      <c r="A62" s="15" t="s">
        <v>114</v>
      </c>
      <c r="B62" s="67">
        <v>15</v>
      </c>
      <c r="C62" s="68">
        <v>16</v>
      </c>
      <c r="D62" s="68">
        <v>-1</v>
      </c>
      <c r="E62" s="67">
        <v>1</v>
      </c>
      <c r="F62" s="68">
        <v>0</v>
      </c>
      <c r="G62" s="69">
        <v>1</v>
      </c>
      <c r="H62" s="68">
        <v>83</v>
      </c>
      <c r="I62" s="68">
        <v>45</v>
      </c>
      <c r="J62" s="68">
        <v>38</v>
      </c>
      <c r="K62" s="67">
        <v>67</v>
      </c>
      <c r="L62" s="79">
        <v>29</v>
      </c>
      <c r="M62" s="80">
        <v>38</v>
      </c>
    </row>
    <row r="63" spans="1:13">
      <c r="A63" s="15" t="s">
        <v>116</v>
      </c>
      <c r="B63" s="67">
        <v>-11</v>
      </c>
      <c r="C63" s="68">
        <v>-6</v>
      </c>
      <c r="D63" s="68">
        <v>-5</v>
      </c>
      <c r="E63" s="67">
        <v>6</v>
      </c>
      <c r="F63" s="68">
        <v>4</v>
      </c>
      <c r="G63" s="69">
        <v>2</v>
      </c>
      <c r="H63" s="68">
        <v>73</v>
      </c>
      <c r="I63" s="68">
        <v>41</v>
      </c>
      <c r="J63" s="68">
        <v>32</v>
      </c>
      <c r="K63" s="67">
        <v>78</v>
      </c>
      <c r="L63" s="79">
        <v>43</v>
      </c>
      <c r="M63" s="80">
        <v>35</v>
      </c>
    </row>
    <row r="64" spans="1:13">
      <c r="A64" s="15" t="s">
        <v>118</v>
      </c>
      <c r="B64" s="67">
        <v>1</v>
      </c>
      <c r="C64" s="68">
        <v>2</v>
      </c>
      <c r="D64" s="68">
        <v>-1</v>
      </c>
      <c r="E64" s="67">
        <v>3</v>
      </c>
      <c r="F64" s="68">
        <v>2</v>
      </c>
      <c r="G64" s="69">
        <v>1</v>
      </c>
      <c r="H64" s="68">
        <v>85</v>
      </c>
      <c r="I64" s="68">
        <v>44</v>
      </c>
      <c r="J64" s="68">
        <v>41</v>
      </c>
      <c r="K64" s="67">
        <v>81</v>
      </c>
      <c r="L64" s="79">
        <v>40</v>
      </c>
      <c r="M64" s="80">
        <v>41</v>
      </c>
    </row>
    <row r="65" spans="1:13">
      <c r="A65" s="19" t="s">
        <v>120</v>
      </c>
      <c r="B65" s="70">
        <v>7</v>
      </c>
      <c r="C65" s="71">
        <v>2</v>
      </c>
      <c r="D65" s="71">
        <v>5</v>
      </c>
      <c r="E65" s="70">
        <v>7</v>
      </c>
      <c r="F65" s="71">
        <v>4</v>
      </c>
      <c r="G65" s="72">
        <v>3</v>
      </c>
      <c r="H65" s="71">
        <v>82</v>
      </c>
      <c r="I65" s="71">
        <v>42</v>
      </c>
      <c r="J65" s="71">
        <v>40</v>
      </c>
      <c r="K65" s="70">
        <v>68</v>
      </c>
      <c r="L65" s="81">
        <v>36</v>
      </c>
      <c r="M65" s="82">
        <v>32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033</v>
      </c>
      <c r="C69" s="50">
        <v>540</v>
      </c>
      <c r="D69" s="84">
        <v>493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214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89</v>
      </c>
      <c r="C75" s="65">
        <v>47</v>
      </c>
      <c r="D75" s="65">
        <v>42</v>
      </c>
      <c r="E75" s="64">
        <v>30</v>
      </c>
      <c r="F75" s="65">
        <v>17</v>
      </c>
      <c r="G75" s="66">
        <v>13</v>
      </c>
      <c r="H75" s="65">
        <v>400</v>
      </c>
      <c r="I75" s="65">
        <v>225</v>
      </c>
      <c r="J75" s="65">
        <v>175</v>
      </c>
      <c r="K75" s="64">
        <v>281</v>
      </c>
      <c r="L75" s="77">
        <v>161</v>
      </c>
      <c r="M75" s="78">
        <v>120</v>
      </c>
    </row>
    <row r="76" spans="1:13">
      <c r="A76" s="27" t="s">
        <v>5</v>
      </c>
      <c r="B76" s="67">
        <v>21</v>
      </c>
      <c r="C76" s="68">
        <v>13</v>
      </c>
      <c r="D76" s="68">
        <v>8</v>
      </c>
      <c r="E76" s="67">
        <v>7</v>
      </c>
      <c r="F76" s="68">
        <v>2</v>
      </c>
      <c r="G76" s="69">
        <v>5</v>
      </c>
      <c r="H76" s="68">
        <v>95</v>
      </c>
      <c r="I76" s="68">
        <v>56</v>
      </c>
      <c r="J76" s="68">
        <v>39</v>
      </c>
      <c r="K76" s="67">
        <v>67</v>
      </c>
      <c r="L76" s="79">
        <v>41</v>
      </c>
      <c r="M76" s="80">
        <v>26</v>
      </c>
    </row>
    <row r="77" spans="1:13">
      <c r="A77" s="27" t="s">
        <v>7</v>
      </c>
      <c r="B77" s="67">
        <v>9</v>
      </c>
      <c r="C77" s="68">
        <v>-2</v>
      </c>
      <c r="D77" s="68">
        <v>11</v>
      </c>
      <c r="E77" s="67">
        <v>4</v>
      </c>
      <c r="F77" s="68">
        <v>1</v>
      </c>
      <c r="G77" s="69">
        <v>3</v>
      </c>
      <c r="H77" s="68">
        <v>69</v>
      </c>
      <c r="I77" s="68">
        <v>36</v>
      </c>
      <c r="J77" s="68">
        <v>33</v>
      </c>
      <c r="K77" s="67">
        <v>56</v>
      </c>
      <c r="L77" s="79">
        <v>37</v>
      </c>
      <c r="M77" s="80">
        <v>19</v>
      </c>
    </row>
    <row r="78" spans="1:13">
      <c r="A78" s="27" t="s">
        <v>9</v>
      </c>
      <c r="B78" s="67">
        <v>16</v>
      </c>
      <c r="C78" s="68">
        <v>6</v>
      </c>
      <c r="D78" s="68">
        <v>10</v>
      </c>
      <c r="E78" s="67">
        <v>3</v>
      </c>
      <c r="F78" s="68">
        <v>3</v>
      </c>
      <c r="G78" s="69">
        <v>0</v>
      </c>
      <c r="H78" s="68">
        <v>77</v>
      </c>
      <c r="I78" s="68">
        <v>37</v>
      </c>
      <c r="J78" s="68">
        <v>40</v>
      </c>
      <c r="K78" s="67">
        <v>58</v>
      </c>
      <c r="L78" s="79">
        <v>28</v>
      </c>
      <c r="M78" s="80">
        <v>30</v>
      </c>
    </row>
    <row r="79" spans="1:13">
      <c r="A79" s="27" t="s">
        <v>11</v>
      </c>
      <c r="B79" s="67">
        <v>16</v>
      </c>
      <c r="C79" s="68">
        <v>9</v>
      </c>
      <c r="D79" s="68">
        <v>7</v>
      </c>
      <c r="E79" s="67">
        <v>10</v>
      </c>
      <c r="F79" s="68">
        <v>7</v>
      </c>
      <c r="G79" s="69">
        <v>3</v>
      </c>
      <c r="H79" s="68">
        <v>85</v>
      </c>
      <c r="I79" s="68">
        <v>49</v>
      </c>
      <c r="J79" s="68">
        <v>36</v>
      </c>
      <c r="K79" s="67">
        <v>59</v>
      </c>
      <c r="L79" s="79">
        <v>33</v>
      </c>
      <c r="M79" s="80">
        <v>26</v>
      </c>
    </row>
    <row r="80" spans="1:13">
      <c r="A80" s="27" t="s">
        <v>13</v>
      </c>
      <c r="B80" s="67">
        <v>27</v>
      </c>
      <c r="C80" s="68">
        <v>21</v>
      </c>
      <c r="D80" s="68">
        <v>6</v>
      </c>
      <c r="E80" s="67">
        <v>6</v>
      </c>
      <c r="F80" s="68">
        <v>4</v>
      </c>
      <c r="G80" s="69">
        <v>2</v>
      </c>
      <c r="H80" s="68">
        <v>74</v>
      </c>
      <c r="I80" s="68">
        <v>47</v>
      </c>
      <c r="J80" s="68">
        <v>27</v>
      </c>
      <c r="K80" s="67">
        <v>41</v>
      </c>
      <c r="L80" s="79">
        <v>22</v>
      </c>
      <c r="M80" s="80">
        <v>19</v>
      </c>
    </row>
    <row r="81" spans="1:13" ht="21" customHeight="1">
      <c r="A81" s="38" t="s">
        <v>15</v>
      </c>
      <c r="B81" s="64">
        <v>51</v>
      </c>
      <c r="C81" s="65">
        <v>22</v>
      </c>
      <c r="D81" s="65">
        <v>29</v>
      </c>
      <c r="E81" s="64">
        <v>64</v>
      </c>
      <c r="F81" s="65">
        <v>43</v>
      </c>
      <c r="G81" s="66">
        <v>21</v>
      </c>
      <c r="H81" s="65">
        <v>319</v>
      </c>
      <c r="I81" s="65">
        <v>182</v>
      </c>
      <c r="J81" s="65">
        <v>137</v>
      </c>
      <c r="K81" s="64">
        <v>204</v>
      </c>
      <c r="L81" s="77">
        <v>117</v>
      </c>
      <c r="M81" s="78">
        <v>87</v>
      </c>
    </row>
    <row r="82" spans="1:13">
      <c r="A82" s="27" t="s">
        <v>17</v>
      </c>
      <c r="B82" s="67">
        <v>25</v>
      </c>
      <c r="C82" s="68">
        <v>19</v>
      </c>
      <c r="D82" s="68">
        <v>6</v>
      </c>
      <c r="E82" s="67">
        <v>15</v>
      </c>
      <c r="F82" s="68">
        <v>9</v>
      </c>
      <c r="G82" s="69">
        <v>6</v>
      </c>
      <c r="H82" s="68">
        <v>86</v>
      </c>
      <c r="I82" s="68">
        <v>51</v>
      </c>
      <c r="J82" s="68">
        <v>35</v>
      </c>
      <c r="K82" s="67">
        <v>46</v>
      </c>
      <c r="L82" s="79">
        <v>23</v>
      </c>
      <c r="M82" s="80">
        <v>23</v>
      </c>
    </row>
    <row r="83" spans="1:13">
      <c r="A83" s="27" t="s">
        <v>19</v>
      </c>
      <c r="B83" s="67">
        <v>17</v>
      </c>
      <c r="C83" s="68">
        <v>12</v>
      </c>
      <c r="D83" s="68">
        <v>5</v>
      </c>
      <c r="E83" s="67">
        <v>14</v>
      </c>
      <c r="F83" s="68">
        <v>9</v>
      </c>
      <c r="G83" s="69">
        <v>5</v>
      </c>
      <c r="H83" s="68">
        <v>63</v>
      </c>
      <c r="I83" s="68">
        <v>41</v>
      </c>
      <c r="J83" s="68">
        <v>22</v>
      </c>
      <c r="K83" s="67">
        <v>32</v>
      </c>
      <c r="L83" s="79">
        <v>20</v>
      </c>
      <c r="M83" s="80">
        <v>12</v>
      </c>
    </row>
    <row r="84" spans="1:13">
      <c r="A84" s="27" t="s">
        <v>21</v>
      </c>
      <c r="B84" s="67">
        <v>-3</v>
      </c>
      <c r="C84" s="68">
        <v>-8</v>
      </c>
      <c r="D84" s="68">
        <v>5</v>
      </c>
      <c r="E84" s="67">
        <v>9</v>
      </c>
      <c r="F84" s="68">
        <v>6</v>
      </c>
      <c r="G84" s="69">
        <v>3</v>
      </c>
      <c r="H84" s="68">
        <v>50</v>
      </c>
      <c r="I84" s="68">
        <v>26</v>
      </c>
      <c r="J84" s="68">
        <v>24</v>
      </c>
      <c r="K84" s="67">
        <v>44</v>
      </c>
      <c r="L84" s="79">
        <v>28</v>
      </c>
      <c r="M84" s="80">
        <v>16</v>
      </c>
    </row>
    <row r="85" spans="1:13">
      <c r="A85" s="27" t="s">
        <v>23</v>
      </c>
      <c r="B85" s="67">
        <v>5</v>
      </c>
      <c r="C85" s="68">
        <v>2</v>
      </c>
      <c r="D85" s="68">
        <v>3</v>
      </c>
      <c r="E85" s="67">
        <v>9</v>
      </c>
      <c r="F85" s="68">
        <v>5</v>
      </c>
      <c r="G85" s="69">
        <v>4</v>
      </c>
      <c r="H85" s="68">
        <v>60</v>
      </c>
      <c r="I85" s="68">
        <v>34</v>
      </c>
      <c r="J85" s="68">
        <v>26</v>
      </c>
      <c r="K85" s="67">
        <v>46</v>
      </c>
      <c r="L85" s="79">
        <v>27</v>
      </c>
      <c r="M85" s="80">
        <v>19</v>
      </c>
    </row>
    <row r="86" spans="1:13">
      <c r="A86" s="27" t="s">
        <v>25</v>
      </c>
      <c r="B86" s="67">
        <v>7</v>
      </c>
      <c r="C86" s="68">
        <v>-3</v>
      </c>
      <c r="D86" s="68">
        <v>10</v>
      </c>
      <c r="E86" s="67">
        <v>17</v>
      </c>
      <c r="F86" s="68">
        <v>14</v>
      </c>
      <c r="G86" s="69">
        <v>3</v>
      </c>
      <c r="H86" s="68">
        <v>60</v>
      </c>
      <c r="I86" s="68">
        <v>30</v>
      </c>
      <c r="J86" s="68">
        <v>30</v>
      </c>
      <c r="K86" s="67">
        <v>36</v>
      </c>
      <c r="L86" s="79">
        <v>19</v>
      </c>
      <c r="M86" s="80">
        <v>17</v>
      </c>
    </row>
    <row r="87" spans="1:13" ht="21" customHeight="1">
      <c r="A87" s="38" t="s">
        <v>27</v>
      </c>
      <c r="B87" s="64">
        <v>-9</v>
      </c>
      <c r="C87" s="65">
        <v>-12</v>
      </c>
      <c r="D87" s="65">
        <v>3</v>
      </c>
      <c r="E87" s="64">
        <v>67</v>
      </c>
      <c r="F87" s="65">
        <v>36</v>
      </c>
      <c r="G87" s="66">
        <v>31</v>
      </c>
      <c r="H87" s="65">
        <v>194</v>
      </c>
      <c r="I87" s="65">
        <v>108</v>
      </c>
      <c r="J87" s="65">
        <v>86</v>
      </c>
      <c r="K87" s="64">
        <v>136</v>
      </c>
      <c r="L87" s="77">
        <v>84</v>
      </c>
      <c r="M87" s="78">
        <v>52</v>
      </c>
    </row>
    <row r="88" spans="1:13">
      <c r="A88" s="27" t="s">
        <v>29</v>
      </c>
      <c r="B88" s="67">
        <v>5</v>
      </c>
      <c r="C88" s="68">
        <v>2</v>
      </c>
      <c r="D88" s="68">
        <v>3</v>
      </c>
      <c r="E88" s="67">
        <v>13</v>
      </c>
      <c r="F88" s="68">
        <v>6</v>
      </c>
      <c r="G88" s="69">
        <v>7</v>
      </c>
      <c r="H88" s="68">
        <v>58</v>
      </c>
      <c r="I88" s="68">
        <v>33</v>
      </c>
      <c r="J88" s="68">
        <v>25</v>
      </c>
      <c r="K88" s="67">
        <v>40</v>
      </c>
      <c r="L88" s="79">
        <v>25</v>
      </c>
      <c r="M88" s="80">
        <v>15</v>
      </c>
    </row>
    <row r="89" spans="1:13">
      <c r="A89" s="27" t="s">
        <v>31</v>
      </c>
      <c r="B89" s="67">
        <v>-5</v>
      </c>
      <c r="C89" s="68">
        <v>-4</v>
      </c>
      <c r="D89" s="68">
        <v>-1</v>
      </c>
      <c r="E89" s="67">
        <v>15</v>
      </c>
      <c r="F89" s="68">
        <v>11</v>
      </c>
      <c r="G89" s="69">
        <v>4</v>
      </c>
      <c r="H89" s="68">
        <v>38</v>
      </c>
      <c r="I89" s="68">
        <v>21</v>
      </c>
      <c r="J89" s="68">
        <v>17</v>
      </c>
      <c r="K89" s="67">
        <v>28</v>
      </c>
      <c r="L89" s="79">
        <v>14</v>
      </c>
      <c r="M89" s="80">
        <v>14</v>
      </c>
    </row>
    <row r="90" spans="1:13">
      <c r="A90" s="27" t="s">
        <v>33</v>
      </c>
      <c r="B90" s="67">
        <v>-1</v>
      </c>
      <c r="C90" s="68">
        <v>-3</v>
      </c>
      <c r="D90" s="68">
        <v>2</v>
      </c>
      <c r="E90" s="67">
        <v>9</v>
      </c>
      <c r="F90" s="68">
        <v>7</v>
      </c>
      <c r="G90" s="69">
        <v>2</v>
      </c>
      <c r="H90" s="68">
        <v>31</v>
      </c>
      <c r="I90" s="68">
        <v>20</v>
      </c>
      <c r="J90" s="68">
        <v>11</v>
      </c>
      <c r="K90" s="67">
        <v>23</v>
      </c>
      <c r="L90" s="79">
        <v>16</v>
      </c>
      <c r="M90" s="80">
        <v>7</v>
      </c>
    </row>
    <row r="91" spans="1:13">
      <c r="A91" s="27" t="s">
        <v>35</v>
      </c>
      <c r="B91" s="67">
        <v>-2</v>
      </c>
      <c r="C91" s="68">
        <v>-4</v>
      </c>
      <c r="D91" s="68">
        <v>2</v>
      </c>
      <c r="E91" s="67">
        <v>13</v>
      </c>
      <c r="F91" s="68">
        <v>7</v>
      </c>
      <c r="G91" s="69">
        <v>6</v>
      </c>
      <c r="H91" s="68">
        <v>34</v>
      </c>
      <c r="I91" s="68">
        <v>16</v>
      </c>
      <c r="J91" s="68">
        <v>18</v>
      </c>
      <c r="K91" s="67">
        <v>23</v>
      </c>
      <c r="L91" s="79">
        <v>13</v>
      </c>
      <c r="M91" s="80">
        <v>10</v>
      </c>
    </row>
    <row r="92" spans="1:13">
      <c r="A92" s="27" t="s">
        <v>37</v>
      </c>
      <c r="B92" s="67">
        <v>-6</v>
      </c>
      <c r="C92" s="68">
        <v>-3</v>
      </c>
      <c r="D92" s="68">
        <v>-3</v>
      </c>
      <c r="E92" s="67">
        <v>17</v>
      </c>
      <c r="F92" s="68">
        <v>5</v>
      </c>
      <c r="G92" s="69">
        <v>12</v>
      </c>
      <c r="H92" s="68">
        <v>33</v>
      </c>
      <c r="I92" s="68">
        <v>18</v>
      </c>
      <c r="J92" s="68">
        <v>15</v>
      </c>
      <c r="K92" s="67">
        <v>22</v>
      </c>
      <c r="L92" s="79">
        <v>16</v>
      </c>
      <c r="M92" s="80">
        <v>6</v>
      </c>
    </row>
    <row r="93" spans="1:13" ht="21" customHeight="1">
      <c r="A93" s="38" t="s">
        <v>39</v>
      </c>
      <c r="B93" s="64">
        <v>-40</v>
      </c>
      <c r="C93" s="65">
        <v>-41</v>
      </c>
      <c r="D93" s="65">
        <v>1</v>
      </c>
      <c r="E93" s="64">
        <v>108</v>
      </c>
      <c r="F93" s="65">
        <v>76</v>
      </c>
      <c r="G93" s="66">
        <v>32</v>
      </c>
      <c r="H93" s="65">
        <v>178</v>
      </c>
      <c r="I93" s="65">
        <v>99</v>
      </c>
      <c r="J93" s="65">
        <v>79</v>
      </c>
      <c r="K93" s="64">
        <v>110</v>
      </c>
      <c r="L93" s="77">
        <v>64</v>
      </c>
      <c r="M93" s="78">
        <v>46</v>
      </c>
    </row>
    <row r="94" spans="1:13">
      <c r="A94" s="27" t="s">
        <v>41</v>
      </c>
      <c r="B94" s="67">
        <v>-2</v>
      </c>
      <c r="C94" s="68">
        <v>-10</v>
      </c>
      <c r="D94" s="68">
        <v>8</v>
      </c>
      <c r="E94" s="67">
        <v>15</v>
      </c>
      <c r="F94" s="68">
        <v>10</v>
      </c>
      <c r="G94" s="69">
        <v>5</v>
      </c>
      <c r="H94" s="68">
        <v>39</v>
      </c>
      <c r="I94" s="68">
        <v>16</v>
      </c>
      <c r="J94" s="68">
        <v>23</v>
      </c>
      <c r="K94" s="67">
        <v>26</v>
      </c>
      <c r="L94" s="79">
        <v>16</v>
      </c>
      <c r="M94" s="80">
        <v>10</v>
      </c>
    </row>
    <row r="95" spans="1:13">
      <c r="A95" s="27" t="s">
        <v>43</v>
      </c>
      <c r="B95" s="67">
        <v>3</v>
      </c>
      <c r="C95" s="68">
        <v>-3</v>
      </c>
      <c r="D95" s="68">
        <v>6</v>
      </c>
      <c r="E95" s="67">
        <v>23</v>
      </c>
      <c r="F95" s="68">
        <v>18</v>
      </c>
      <c r="G95" s="69">
        <v>5</v>
      </c>
      <c r="H95" s="68">
        <v>43</v>
      </c>
      <c r="I95" s="68">
        <v>27</v>
      </c>
      <c r="J95" s="68">
        <v>16</v>
      </c>
      <c r="K95" s="67">
        <v>17</v>
      </c>
      <c r="L95" s="79">
        <v>12</v>
      </c>
      <c r="M95" s="80">
        <v>5</v>
      </c>
    </row>
    <row r="96" spans="1:13">
      <c r="A96" s="27" t="s">
        <v>45</v>
      </c>
      <c r="B96" s="67">
        <v>-16</v>
      </c>
      <c r="C96" s="68">
        <v>-7</v>
      </c>
      <c r="D96" s="68">
        <v>-9</v>
      </c>
      <c r="E96" s="67">
        <v>21</v>
      </c>
      <c r="F96" s="68">
        <v>13</v>
      </c>
      <c r="G96" s="69">
        <v>8</v>
      </c>
      <c r="H96" s="68">
        <v>34</v>
      </c>
      <c r="I96" s="68">
        <v>20</v>
      </c>
      <c r="J96" s="68">
        <v>14</v>
      </c>
      <c r="K96" s="67">
        <v>29</v>
      </c>
      <c r="L96" s="79">
        <v>14</v>
      </c>
      <c r="M96" s="80">
        <v>15</v>
      </c>
    </row>
    <row r="97" spans="1:13">
      <c r="A97" s="27" t="s">
        <v>47</v>
      </c>
      <c r="B97" s="67">
        <v>0</v>
      </c>
      <c r="C97" s="68">
        <v>-4</v>
      </c>
      <c r="D97" s="68">
        <v>4</v>
      </c>
      <c r="E97" s="67">
        <v>23</v>
      </c>
      <c r="F97" s="68">
        <v>17</v>
      </c>
      <c r="G97" s="69">
        <v>6</v>
      </c>
      <c r="H97" s="68">
        <v>38</v>
      </c>
      <c r="I97" s="68">
        <v>21</v>
      </c>
      <c r="J97" s="68">
        <v>17</v>
      </c>
      <c r="K97" s="67">
        <v>15</v>
      </c>
      <c r="L97" s="79">
        <v>8</v>
      </c>
      <c r="M97" s="80">
        <v>7</v>
      </c>
    </row>
    <row r="98" spans="1:13">
      <c r="A98" s="27" t="s">
        <v>49</v>
      </c>
      <c r="B98" s="67">
        <v>-25</v>
      </c>
      <c r="C98" s="68">
        <v>-17</v>
      </c>
      <c r="D98" s="68">
        <v>-8</v>
      </c>
      <c r="E98" s="67">
        <v>26</v>
      </c>
      <c r="F98" s="68">
        <v>18</v>
      </c>
      <c r="G98" s="69">
        <v>8</v>
      </c>
      <c r="H98" s="68">
        <v>24</v>
      </c>
      <c r="I98" s="68">
        <v>15</v>
      </c>
      <c r="J98" s="68">
        <v>9</v>
      </c>
      <c r="K98" s="67">
        <v>23</v>
      </c>
      <c r="L98" s="79">
        <v>14</v>
      </c>
      <c r="M98" s="80">
        <v>9</v>
      </c>
    </row>
    <row r="99" spans="1:13" ht="21" customHeight="1">
      <c r="A99" s="38" t="s">
        <v>51</v>
      </c>
      <c r="B99" s="64">
        <v>-165</v>
      </c>
      <c r="C99" s="65">
        <v>-124</v>
      </c>
      <c r="D99" s="65">
        <v>-41</v>
      </c>
      <c r="E99" s="64">
        <v>247</v>
      </c>
      <c r="F99" s="65">
        <v>164</v>
      </c>
      <c r="G99" s="66">
        <v>83</v>
      </c>
      <c r="H99" s="65">
        <v>196</v>
      </c>
      <c r="I99" s="65">
        <v>96</v>
      </c>
      <c r="J99" s="65">
        <v>100</v>
      </c>
      <c r="K99" s="64">
        <v>114</v>
      </c>
      <c r="L99" s="77">
        <v>56</v>
      </c>
      <c r="M99" s="78">
        <v>58</v>
      </c>
    </row>
    <row r="100" spans="1:13">
      <c r="A100" s="27" t="s">
        <v>53</v>
      </c>
      <c r="B100" s="67">
        <v>-24</v>
      </c>
      <c r="C100" s="68">
        <v>-24</v>
      </c>
      <c r="D100" s="68">
        <v>0</v>
      </c>
      <c r="E100" s="67">
        <v>43</v>
      </c>
      <c r="F100" s="68">
        <v>32</v>
      </c>
      <c r="G100" s="69">
        <v>11</v>
      </c>
      <c r="H100" s="68">
        <v>38</v>
      </c>
      <c r="I100" s="68">
        <v>20</v>
      </c>
      <c r="J100" s="68">
        <v>18</v>
      </c>
      <c r="K100" s="67">
        <v>19</v>
      </c>
      <c r="L100" s="79">
        <v>12</v>
      </c>
      <c r="M100" s="80">
        <v>7</v>
      </c>
    </row>
    <row r="101" spans="1:13">
      <c r="A101" s="27" t="s">
        <v>55</v>
      </c>
      <c r="B101" s="67">
        <v>-39</v>
      </c>
      <c r="C101" s="68">
        <v>-22</v>
      </c>
      <c r="D101" s="68">
        <v>-17</v>
      </c>
      <c r="E101" s="67">
        <v>48</v>
      </c>
      <c r="F101" s="68">
        <v>29</v>
      </c>
      <c r="G101" s="69">
        <v>19</v>
      </c>
      <c r="H101" s="68">
        <v>35</v>
      </c>
      <c r="I101" s="68">
        <v>17</v>
      </c>
      <c r="J101" s="68">
        <v>18</v>
      </c>
      <c r="K101" s="67">
        <v>26</v>
      </c>
      <c r="L101" s="79">
        <v>10</v>
      </c>
      <c r="M101" s="80">
        <v>16</v>
      </c>
    </row>
    <row r="102" spans="1:13">
      <c r="A102" s="27" t="s">
        <v>57</v>
      </c>
      <c r="B102" s="67">
        <v>-21</v>
      </c>
      <c r="C102" s="68">
        <v>-19</v>
      </c>
      <c r="D102" s="68">
        <v>-2</v>
      </c>
      <c r="E102" s="67">
        <v>46</v>
      </c>
      <c r="F102" s="68">
        <v>34</v>
      </c>
      <c r="G102" s="69">
        <v>12</v>
      </c>
      <c r="H102" s="68">
        <v>41</v>
      </c>
      <c r="I102" s="68">
        <v>19</v>
      </c>
      <c r="J102" s="68">
        <v>22</v>
      </c>
      <c r="K102" s="67">
        <v>16</v>
      </c>
      <c r="L102" s="79">
        <v>4</v>
      </c>
      <c r="M102" s="80">
        <v>12</v>
      </c>
    </row>
    <row r="103" spans="1:13">
      <c r="A103" s="27" t="s">
        <v>59</v>
      </c>
      <c r="B103" s="67">
        <v>-33</v>
      </c>
      <c r="C103" s="68">
        <v>-24</v>
      </c>
      <c r="D103" s="68">
        <v>-9</v>
      </c>
      <c r="E103" s="67">
        <v>53</v>
      </c>
      <c r="F103" s="68">
        <v>32</v>
      </c>
      <c r="G103" s="69">
        <v>21</v>
      </c>
      <c r="H103" s="68">
        <v>50</v>
      </c>
      <c r="I103" s="68">
        <v>24</v>
      </c>
      <c r="J103" s="68">
        <v>26</v>
      </c>
      <c r="K103" s="67">
        <v>30</v>
      </c>
      <c r="L103" s="79">
        <v>16</v>
      </c>
      <c r="M103" s="80">
        <v>14</v>
      </c>
    </row>
    <row r="104" spans="1:13">
      <c r="A104" s="27" t="s">
        <v>61</v>
      </c>
      <c r="B104" s="67">
        <v>-48</v>
      </c>
      <c r="C104" s="68">
        <v>-35</v>
      </c>
      <c r="D104" s="68">
        <v>-13</v>
      </c>
      <c r="E104" s="67">
        <v>57</v>
      </c>
      <c r="F104" s="68">
        <v>37</v>
      </c>
      <c r="G104" s="69">
        <v>20</v>
      </c>
      <c r="H104" s="68">
        <v>32</v>
      </c>
      <c r="I104" s="68">
        <v>16</v>
      </c>
      <c r="J104" s="68">
        <v>16</v>
      </c>
      <c r="K104" s="67">
        <v>23</v>
      </c>
      <c r="L104" s="79">
        <v>14</v>
      </c>
      <c r="M104" s="80">
        <v>9</v>
      </c>
    </row>
    <row r="105" spans="1:13" ht="21" customHeight="1">
      <c r="A105" s="38" t="s">
        <v>63</v>
      </c>
      <c r="B105" s="64">
        <v>-259</v>
      </c>
      <c r="C105" s="65">
        <v>-171</v>
      </c>
      <c r="D105" s="65">
        <v>-88</v>
      </c>
      <c r="E105" s="64">
        <v>296</v>
      </c>
      <c r="F105" s="65">
        <v>186</v>
      </c>
      <c r="G105" s="66">
        <v>110</v>
      </c>
      <c r="H105" s="65">
        <v>131</v>
      </c>
      <c r="I105" s="65">
        <v>56</v>
      </c>
      <c r="J105" s="65">
        <v>75</v>
      </c>
      <c r="K105" s="64">
        <v>94</v>
      </c>
      <c r="L105" s="77">
        <v>41</v>
      </c>
      <c r="M105" s="78">
        <v>53</v>
      </c>
    </row>
    <row r="106" spans="1:13">
      <c r="A106" s="27" t="s">
        <v>65</v>
      </c>
      <c r="B106" s="67">
        <v>-45</v>
      </c>
      <c r="C106" s="68">
        <v>-41</v>
      </c>
      <c r="D106" s="68">
        <v>-4</v>
      </c>
      <c r="E106" s="67">
        <v>65</v>
      </c>
      <c r="F106" s="68">
        <v>44</v>
      </c>
      <c r="G106" s="69">
        <v>21</v>
      </c>
      <c r="H106" s="68">
        <v>44</v>
      </c>
      <c r="I106" s="68">
        <v>18</v>
      </c>
      <c r="J106" s="68">
        <v>26</v>
      </c>
      <c r="K106" s="67">
        <v>24</v>
      </c>
      <c r="L106" s="79">
        <v>15</v>
      </c>
      <c r="M106" s="80">
        <v>9</v>
      </c>
    </row>
    <row r="107" spans="1:13">
      <c r="A107" s="27" t="s">
        <v>67</v>
      </c>
      <c r="B107" s="67">
        <v>-38</v>
      </c>
      <c r="C107" s="68">
        <v>-25</v>
      </c>
      <c r="D107" s="68">
        <v>-13</v>
      </c>
      <c r="E107" s="67">
        <v>47</v>
      </c>
      <c r="F107" s="68">
        <v>31</v>
      </c>
      <c r="G107" s="69">
        <v>16</v>
      </c>
      <c r="H107" s="68">
        <v>24</v>
      </c>
      <c r="I107" s="68">
        <v>11</v>
      </c>
      <c r="J107" s="68">
        <v>13</v>
      </c>
      <c r="K107" s="67">
        <v>15</v>
      </c>
      <c r="L107" s="79">
        <v>5</v>
      </c>
      <c r="M107" s="80">
        <v>10</v>
      </c>
    </row>
    <row r="108" spans="1:13">
      <c r="A108" s="27" t="s">
        <v>69</v>
      </c>
      <c r="B108" s="67">
        <v>-41</v>
      </c>
      <c r="C108" s="68">
        <v>-19</v>
      </c>
      <c r="D108" s="68">
        <v>-22</v>
      </c>
      <c r="E108" s="67">
        <v>41</v>
      </c>
      <c r="F108" s="68">
        <v>20</v>
      </c>
      <c r="G108" s="69">
        <v>21</v>
      </c>
      <c r="H108" s="68">
        <v>14</v>
      </c>
      <c r="I108" s="68">
        <v>7</v>
      </c>
      <c r="J108" s="68">
        <v>7</v>
      </c>
      <c r="K108" s="67">
        <v>14</v>
      </c>
      <c r="L108" s="79">
        <v>6</v>
      </c>
      <c r="M108" s="80">
        <v>8</v>
      </c>
    </row>
    <row r="109" spans="1:13">
      <c r="A109" s="27" t="s">
        <v>71</v>
      </c>
      <c r="B109" s="67">
        <v>-54</v>
      </c>
      <c r="C109" s="68">
        <v>-34</v>
      </c>
      <c r="D109" s="68">
        <v>-20</v>
      </c>
      <c r="E109" s="67">
        <v>58</v>
      </c>
      <c r="F109" s="68">
        <v>36</v>
      </c>
      <c r="G109" s="69">
        <v>22</v>
      </c>
      <c r="H109" s="68">
        <v>23</v>
      </c>
      <c r="I109" s="68">
        <v>10</v>
      </c>
      <c r="J109" s="68">
        <v>13</v>
      </c>
      <c r="K109" s="67">
        <v>19</v>
      </c>
      <c r="L109" s="79">
        <v>8</v>
      </c>
      <c r="M109" s="80">
        <v>11</v>
      </c>
    </row>
    <row r="110" spans="1:13">
      <c r="A110" s="27" t="s">
        <v>73</v>
      </c>
      <c r="B110" s="67">
        <v>-81</v>
      </c>
      <c r="C110" s="68">
        <v>-52</v>
      </c>
      <c r="D110" s="68">
        <v>-29</v>
      </c>
      <c r="E110" s="67">
        <v>85</v>
      </c>
      <c r="F110" s="68">
        <v>55</v>
      </c>
      <c r="G110" s="69">
        <v>30</v>
      </c>
      <c r="H110" s="68">
        <v>26</v>
      </c>
      <c r="I110" s="68">
        <v>10</v>
      </c>
      <c r="J110" s="68">
        <v>16</v>
      </c>
      <c r="K110" s="67">
        <v>22</v>
      </c>
      <c r="L110" s="79">
        <v>7</v>
      </c>
      <c r="M110" s="80">
        <v>15</v>
      </c>
    </row>
    <row r="111" spans="1:13" ht="21" customHeight="1">
      <c r="A111" s="38" t="s">
        <v>75</v>
      </c>
      <c r="B111" s="64">
        <v>-420</v>
      </c>
      <c r="C111" s="65">
        <v>-234</v>
      </c>
      <c r="D111" s="65">
        <v>-186</v>
      </c>
      <c r="E111" s="64">
        <v>460</v>
      </c>
      <c r="F111" s="65">
        <v>249</v>
      </c>
      <c r="G111" s="66">
        <v>211</v>
      </c>
      <c r="H111" s="65">
        <v>96</v>
      </c>
      <c r="I111" s="65">
        <v>39</v>
      </c>
      <c r="J111" s="65">
        <v>57</v>
      </c>
      <c r="K111" s="64">
        <v>56</v>
      </c>
      <c r="L111" s="77">
        <v>24</v>
      </c>
      <c r="M111" s="78">
        <v>32</v>
      </c>
    </row>
    <row r="112" spans="1:13">
      <c r="A112" s="27" t="s">
        <v>77</v>
      </c>
      <c r="B112" s="67">
        <v>-90</v>
      </c>
      <c r="C112" s="68">
        <v>-59</v>
      </c>
      <c r="D112" s="68">
        <v>-31</v>
      </c>
      <c r="E112" s="67">
        <v>91</v>
      </c>
      <c r="F112" s="68">
        <v>57</v>
      </c>
      <c r="G112" s="69">
        <v>34</v>
      </c>
      <c r="H112" s="68">
        <v>20</v>
      </c>
      <c r="I112" s="68">
        <v>5</v>
      </c>
      <c r="J112" s="68">
        <v>15</v>
      </c>
      <c r="K112" s="67">
        <v>19</v>
      </c>
      <c r="L112" s="79">
        <v>7</v>
      </c>
      <c r="M112" s="80">
        <v>12</v>
      </c>
    </row>
    <row r="113" spans="1:13">
      <c r="A113" s="27" t="s">
        <v>79</v>
      </c>
      <c r="B113" s="67">
        <v>-70</v>
      </c>
      <c r="C113" s="68">
        <v>-25</v>
      </c>
      <c r="D113" s="68">
        <v>-45</v>
      </c>
      <c r="E113" s="67">
        <v>88</v>
      </c>
      <c r="F113" s="68">
        <v>34</v>
      </c>
      <c r="G113" s="69">
        <v>54</v>
      </c>
      <c r="H113" s="68">
        <v>25</v>
      </c>
      <c r="I113" s="68">
        <v>12</v>
      </c>
      <c r="J113" s="68">
        <v>13</v>
      </c>
      <c r="K113" s="67">
        <v>7</v>
      </c>
      <c r="L113" s="79">
        <v>3</v>
      </c>
      <c r="M113" s="80">
        <v>4</v>
      </c>
    </row>
    <row r="114" spans="1:13">
      <c r="A114" s="27" t="s">
        <v>81</v>
      </c>
      <c r="B114" s="67">
        <v>-95</v>
      </c>
      <c r="C114" s="68">
        <v>-52</v>
      </c>
      <c r="D114" s="68">
        <v>-43</v>
      </c>
      <c r="E114" s="67">
        <v>101</v>
      </c>
      <c r="F114" s="68">
        <v>54</v>
      </c>
      <c r="G114" s="69">
        <v>47</v>
      </c>
      <c r="H114" s="68">
        <v>17</v>
      </c>
      <c r="I114" s="68">
        <v>6</v>
      </c>
      <c r="J114" s="68">
        <v>11</v>
      </c>
      <c r="K114" s="67">
        <v>11</v>
      </c>
      <c r="L114" s="79">
        <v>4</v>
      </c>
      <c r="M114" s="80">
        <v>7</v>
      </c>
    </row>
    <row r="115" spans="1:13">
      <c r="A115" s="27" t="s">
        <v>83</v>
      </c>
      <c r="B115" s="67">
        <v>-84</v>
      </c>
      <c r="C115" s="68">
        <v>-51</v>
      </c>
      <c r="D115" s="68">
        <v>-33</v>
      </c>
      <c r="E115" s="67">
        <v>85</v>
      </c>
      <c r="F115" s="68">
        <v>51</v>
      </c>
      <c r="G115" s="69">
        <v>34</v>
      </c>
      <c r="H115" s="68">
        <v>14</v>
      </c>
      <c r="I115" s="68">
        <v>7</v>
      </c>
      <c r="J115" s="68">
        <v>7</v>
      </c>
      <c r="K115" s="67">
        <v>13</v>
      </c>
      <c r="L115" s="79">
        <v>7</v>
      </c>
      <c r="M115" s="80">
        <v>6</v>
      </c>
    </row>
    <row r="116" spans="1:13">
      <c r="A116" s="27" t="s">
        <v>85</v>
      </c>
      <c r="B116" s="67">
        <v>-81</v>
      </c>
      <c r="C116" s="68">
        <v>-47</v>
      </c>
      <c r="D116" s="68">
        <v>-34</v>
      </c>
      <c r="E116" s="67">
        <v>95</v>
      </c>
      <c r="F116" s="68">
        <v>53</v>
      </c>
      <c r="G116" s="69">
        <v>42</v>
      </c>
      <c r="H116" s="68">
        <v>20</v>
      </c>
      <c r="I116" s="68">
        <v>9</v>
      </c>
      <c r="J116" s="68">
        <v>11</v>
      </c>
      <c r="K116" s="67">
        <v>6</v>
      </c>
      <c r="L116" s="79">
        <v>3</v>
      </c>
      <c r="M116" s="80">
        <v>3</v>
      </c>
    </row>
    <row r="117" spans="1:13" ht="21" customHeight="1">
      <c r="A117" s="38" t="s">
        <v>87</v>
      </c>
      <c r="B117" s="64">
        <v>-484</v>
      </c>
      <c r="C117" s="65">
        <v>-237</v>
      </c>
      <c r="D117" s="65">
        <v>-247</v>
      </c>
      <c r="E117" s="64">
        <v>509</v>
      </c>
      <c r="F117" s="65">
        <v>243</v>
      </c>
      <c r="G117" s="66">
        <v>266</v>
      </c>
      <c r="H117" s="65">
        <v>77</v>
      </c>
      <c r="I117" s="65">
        <v>25</v>
      </c>
      <c r="J117" s="65">
        <v>52</v>
      </c>
      <c r="K117" s="64">
        <v>52</v>
      </c>
      <c r="L117" s="77">
        <v>19</v>
      </c>
      <c r="M117" s="78">
        <v>33</v>
      </c>
    </row>
    <row r="118" spans="1:13">
      <c r="A118" s="27" t="s">
        <v>89</v>
      </c>
      <c r="B118" s="67">
        <v>-89</v>
      </c>
      <c r="C118" s="68">
        <v>-43</v>
      </c>
      <c r="D118" s="68">
        <v>-46</v>
      </c>
      <c r="E118" s="67">
        <v>91</v>
      </c>
      <c r="F118" s="68">
        <v>44</v>
      </c>
      <c r="G118" s="69">
        <v>47</v>
      </c>
      <c r="H118" s="68">
        <v>17</v>
      </c>
      <c r="I118" s="68">
        <v>7</v>
      </c>
      <c r="J118" s="68">
        <v>10</v>
      </c>
      <c r="K118" s="67">
        <v>15</v>
      </c>
      <c r="L118" s="79">
        <v>6</v>
      </c>
      <c r="M118" s="80">
        <v>9</v>
      </c>
    </row>
    <row r="119" spans="1:13">
      <c r="A119" s="27" t="s">
        <v>91</v>
      </c>
      <c r="B119" s="67">
        <v>-88</v>
      </c>
      <c r="C119" s="68">
        <v>-42</v>
      </c>
      <c r="D119" s="68">
        <v>-46</v>
      </c>
      <c r="E119" s="67">
        <v>101</v>
      </c>
      <c r="F119" s="68">
        <v>46</v>
      </c>
      <c r="G119" s="69">
        <v>55</v>
      </c>
      <c r="H119" s="68">
        <v>21</v>
      </c>
      <c r="I119" s="68">
        <v>7</v>
      </c>
      <c r="J119" s="68">
        <v>14</v>
      </c>
      <c r="K119" s="67">
        <v>8</v>
      </c>
      <c r="L119" s="79">
        <v>3</v>
      </c>
      <c r="M119" s="80">
        <v>5</v>
      </c>
    </row>
    <row r="120" spans="1:13">
      <c r="A120" s="27" t="s">
        <v>93</v>
      </c>
      <c r="B120" s="67">
        <v>-101</v>
      </c>
      <c r="C120" s="68">
        <v>-63</v>
      </c>
      <c r="D120" s="68">
        <v>-38</v>
      </c>
      <c r="E120" s="67">
        <v>107</v>
      </c>
      <c r="F120" s="68">
        <v>60</v>
      </c>
      <c r="G120" s="69">
        <v>47</v>
      </c>
      <c r="H120" s="68">
        <v>15</v>
      </c>
      <c r="I120" s="68">
        <v>2</v>
      </c>
      <c r="J120" s="68">
        <v>13</v>
      </c>
      <c r="K120" s="67">
        <v>9</v>
      </c>
      <c r="L120" s="79">
        <v>5</v>
      </c>
      <c r="M120" s="80">
        <v>4</v>
      </c>
    </row>
    <row r="121" spans="1:13">
      <c r="A121" s="27" t="s">
        <v>95</v>
      </c>
      <c r="B121" s="67">
        <v>-104</v>
      </c>
      <c r="C121" s="68">
        <v>-49</v>
      </c>
      <c r="D121" s="68">
        <v>-55</v>
      </c>
      <c r="E121" s="67">
        <v>106</v>
      </c>
      <c r="F121" s="68">
        <v>51</v>
      </c>
      <c r="G121" s="69">
        <v>55</v>
      </c>
      <c r="H121" s="68">
        <v>13</v>
      </c>
      <c r="I121" s="68">
        <v>6</v>
      </c>
      <c r="J121" s="68">
        <v>7</v>
      </c>
      <c r="K121" s="67">
        <v>11</v>
      </c>
      <c r="L121" s="79">
        <v>4</v>
      </c>
      <c r="M121" s="80">
        <v>7</v>
      </c>
    </row>
    <row r="122" spans="1:13">
      <c r="A122" s="27" t="s">
        <v>97</v>
      </c>
      <c r="B122" s="67">
        <v>-102</v>
      </c>
      <c r="C122" s="68">
        <v>-40</v>
      </c>
      <c r="D122" s="68">
        <v>-62</v>
      </c>
      <c r="E122" s="67">
        <v>104</v>
      </c>
      <c r="F122" s="68">
        <v>42</v>
      </c>
      <c r="G122" s="69">
        <v>62</v>
      </c>
      <c r="H122" s="68">
        <v>11</v>
      </c>
      <c r="I122" s="68">
        <v>3</v>
      </c>
      <c r="J122" s="68">
        <v>8</v>
      </c>
      <c r="K122" s="67">
        <v>9</v>
      </c>
      <c r="L122" s="79">
        <v>1</v>
      </c>
      <c r="M122" s="80">
        <v>8</v>
      </c>
    </row>
    <row r="123" spans="1:13" ht="21" customHeight="1">
      <c r="A123" s="38" t="s">
        <v>99</v>
      </c>
      <c r="B123" s="64">
        <v>-488</v>
      </c>
      <c r="C123" s="65">
        <v>-190</v>
      </c>
      <c r="D123" s="65">
        <v>-298</v>
      </c>
      <c r="E123" s="64">
        <v>509</v>
      </c>
      <c r="F123" s="65">
        <v>205</v>
      </c>
      <c r="G123" s="66">
        <v>304</v>
      </c>
      <c r="H123" s="65">
        <v>45</v>
      </c>
      <c r="I123" s="65">
        <v>18</v>
      </c>
      <c r="J123" s="65">
        <v>27</v>
      </c>
      <c r="K123" s="64">
        <v>24</v>
      </c>
      <c r="L123" s="77">
        <v>3</v>
      </c>
      <c r="M123" s="78">
        <v>21</v>
      </c>
    </row>
    <row r="124" spans="1:13">
      <c r="A124" s="27" t="s">
        <v>101</v>
      </c>
      <c r="B124" s="67">
        <v>-126</v>
      </c>
      <c r="C124" s="68">
        <v>-56</v>
      </c>
      <c r="D124" s="68">
        <v>-70</v>
      </c>
      <c r="E124" s="67">
        <v>134</v>
      </c>
      <c r="F124" s="68">
        <v>63</v>
      </c>
      <c r="G124" s="69">
        <v>71</v>
      </c>
      <c r="H124" s="68">
        <v>13</v>
      </c>
      <c r="I124" s="68">
        <v>7</v>
      </c>
      <c r="J124" s="68">
        <v>6</v>
      </c>
      <c r="K124" s="67">
        <v>5</v>
      </c>
      <c r="L124" s="79">
        <v>0</v>
      </c>
      <c r="M124" s="80">
        <v>5</v>
      </c>
    </row>
    <row r="125" spans="1:13">
      <c r="A125" s="27" t="s">
        <v>103</v>
      </c>
      <c r="B125" s="67">
        <v>-107</v>
      </c>
      <c r="C125" s="68">
        <v>-37</v>
      </c>
      <c r="D125" s="68">
        <v>-70</v>
      </c>
      <c r="E125" s="67">
        <v>111</v>
      </c>
      <c r="F125" s="68">
        <v>42</v>
      </c>
      <c r="G125" s="69">
        <v>69</v>
      </c>
      <c r="H125" s="68">
        <v>10</v>
      </c>
      <c r="I125" s="68">
        <v>5</v>
      </c>
      <c r="J125" s="68">
        <v>5</v>
      </c>
      <c r="K125" s="67">
        <v>6</v>
      </c>
      <c r="L125" s="79">
        <v>0</v>
      </c>
      <c r="M125" s="80">
        <v>6</v>
      </c>
    </row>
    <row r="126" spans="1:13">
      <c r="A126" s="27" t="s">
        <v>105</v>
      </c>
      <c r="B126" s="67">
        <v>-103</v>
      </c>
      <c r="C126" s="68">
        <v>-49</v>
      </c>
      <c r="D126" s="68">
        <v>-54</v>
      </c>
      <c r="E126" s="67">
        <v>104</v>
      </c>
      <c r="F126" s="68">
        <v>47</v>
      </c>
      <c r="G126" s="69">
        <v>57</v>
      </c>
      <c r="H126" s="68">
        <v>9</v>
      </c>
      <c r="I126" s="68">
        <v>1</v>
      </c>
      <c r="J126" s="68">
        <v>8</v>
      </c>
      <c r="K126" s="67">
        <v>8</v>
      </c>
      <c r="L126" s="79">
        <v>3</v>
      </c>
      <c r="M126" s="80">
        <v>5</v>
      </c>
    </row>
    <row r="127" spans="1:13">
      <c r="A127" s="27" t="s">
        <v>107</v>
      </c>
      <c r="B127" s="67">
        <v>-88</v>
      </c>
      <c r="C127" s="68">
        <v>-30</v>
      </c>
      <c r="D127" s="68">
        <v>-58</v>
      </c>
      <c r="E127" s="67">
        <v>91</v>
      </c>
      <c r="F127" s="68">
        <v>35</v>
      </c>
      <c r="G127" s="69">
        <v>56</v>
      </c>
      <c r="H127" s="68">
        <v>7</v>
      </c>
      <c r="I127" s="68">
        <v>5</v>
      </c>
      <c r="J127" s="68">
        <v>2</v>
      </c>
      <c r="K127" s="67">
        <v>4</v>
      </c>
      <c r="L127" s="79">
        <v>0</v>
      </c>
      <c r="M127" s="80">
        <v>4</v>
      </c>
    </row>
    <row r="128" spans="1:13">
      <c r="A128" s="27" t="s">
        <v>109</v>
      </c>
      <c r="B128" s="67">
        <v>-64</v>
      </c>
      <c r="C128" s="68">
        <v>-18</v>
      </c>
      <c r="D128" s="68">
        <v>-46</v>
      </c>
      <c r="E128" s="67">
        <v>69</v>
      </c>
      <c r="F128" s="68">
        <v>18</v>
      </c>
      <c r="G128" s="69">
        <v>51</v>
      </c>
      <c r="H128" s="68">
        <v>6</v>
      </c>
      <c r="I128" s="68">
        <v>0</v>
      </c>
      <c r="J128" s="68">
        <v>6</v>
      </c>
      <c r="K128" s="67">
        <v>1</v>
      </c>
      <c r="L128" s="79">
        <v>0</v>
      </c>
      <c r="M128" s="80">
        <v>1</v>
      </c>
    </row>
    <row r="129" spans="1:14" ht="21" customHeight="1">
      <c r="A129" s="38" t="s">
        <v>111</v>
      </c>
      <c r="B129" s="64">
        <v>-245</v>
      </c>
      <c r="C129" s="65">
        <v>-76</v>
      </c>
      <c r="D129" s="65">
        <v>-169</v>
      </c>
      <c r="E129" s="64">
        <v>246</v>
      </c>
      <c r="F129" s="65">
        <v>76</v>
      </c>
      <c r="G129" s="66">
        <v>170</v>
      </c>
      <c r="H129" s="65">
        <v>11</v>
      </c>
      <c r="I129" s="65">
        <v>4</v>
      </c>
      <c r="J129" s="65">
        <v>7</v>
      </c>
      <c r="K129" s="64">
        <v>10</v>
      </c>
      <c r="L129" s="77">
        <v>4</v>
      </c>
      <c r="M129" s="78">
        <v>6</v>
      </c>
    </row>
    <row r="130" spans="1:14">
      <c r="A130" s="27" t="s">
        <v>113</v>
      </c>
      <c r="B130" s="67">
        <v>-74</v>
      </c>
      <c r="C130" s="68">
        <v>-26</v>
      </c>
      <c r="D130" s="68">
        <v>-48</v>
      </c>
      <c r="E130" s="67">
        <v>75</v>
      </c>
      <c r="F130" s="68">
        <v>26</v>
      </c>
      <c r="G130" s="69">
        <v>49</v>
      </c>
      <c r="H130" s="68">
        <v>4</v>
      </c>
      <c r="I130" s="68">
        <v>1</v>
      </c>
      <c r="J130" s="68">
        <v>3</v>
      </c>
      <c r="K130" s="67">
        <v>3</v>
      </c>
      <c r="L130" s="79">
        <v>1</v>
      </c>
      <c r="M130" s="80">
        <v>2</v>
      </c>
    </row>
    <row r="131" spans="1:14">
      <c r="A131" s="27" t="s">
        <v>115</v>
      </c>
      <c r="B131" s="67">
        <v>-60</v>
      </c>
      <c r="C131" s="68">
        <v>-22</v>
      </c>
      <c r="D131" s="68">
        <v>-38</v>
      </c>
      <c r="E131" s="67">
        <v>60</v>
      </c>
      <c r="F131" s="68">
        <v>23</v>
      </c>
      <c r="G131" s="69">
        <v>37</v>
      </c>
      <c r="H131" s="68">
        <v>3</v>
      </c>
      <c r="I131" s="68">
        <v>1</v>
      </c>
      <c r="J131" s="68">
        <v>2</v>
      </c>
      <c r="K131" s="67">
        <v>3</v>
      </c>
      <c r="L131" s="79">
        <v>0</v>
      </c>
      <c r="M131" s="80">
        <v>3</v>
      </c>
    </row>
    <row r="132" spans="1:14">
      <c r="A132" s="27" t="s">
        <v>117</v>
      </c>
      <c r="B132" s="67">
        <v>-47</v>
      </c>
      <c r="C132" s="68">
        <v>-11</v>
      </c>
      <c r="D132" s="68">
        <v>-36</v>
      </c>
      <c r="E132" s="67">
        <v>49</v>
      </c>
      <c r="F132" s="68">
        <v>11</v>
      </c>
      <c r="G132" s="69">
        <v>38</v>
      </c>
      <c r="H132" s="68">
        <v>3</v>
      </c>
      <c r="I132" s="68">
        <v>1</v>
      </c>
      <c r="J132" s="68">
        <v>2</v>
      </c>
      <c r="K132" s="67">
        <v>1</v>
      </c>
      <c r="L132" s="79">
        <v>1</v>
      </c>
      <c r="M132" s="80">
        <v>0</v>
      </c>
    </row>
    <row r="133" spans="1:14">
      <c r="A133" s="27" t="s">
        <v>119</v>
      </c>
      <c r="B133" s="67">
        <v>-40</v>
      </c>
      <c r="C133" s="68">
        <v>-12</v>
      </c>
      <c r="D133" s="68">
        <v>-28</v>
      </c>
      <c r="E133" s="67">
        <v>38</v>
      </c>
      <c r="F133" s="68">
        <v>11</v>
      </c>
      <c r="G133" s="69">
        <v>27</v>
      </c>
      <c r="H133" s="68">
        <v>1</v>
      </c>
      <c r="I133" s="68">
        <v>1</v>
      </c>
      <c r="J133" s="68">
        <v>0</v>
      </c>
      <c r="K133" s="67">
        <v>3</v>
      </c>
      <c r="L133" s="79">
        <v>2</v>
      </c>
      <c r="M133" s="80">
        <v>1</v>
      </c>
    </row>
    <row r="134" spans="1:14">
      <c r="A134" s="27" t="s">
        <v>121</v>
      </c>
      <c r="B134" s="67">
        <v>-24</v>
      </c>
      <c r="C134" s="68">
        <v>-5</v>
      </c>
      <c r="D134" s="68">
        <v>-19</v>
      </c>
      <c r="E134" s="67">
        <v>24</v>
      </c>
      <c r="F134" s="68">
        <v>5</v>
      </c>
      <c r="G134" s="69">
        <v>19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59</v>
      </c>
      <c r="C135" s="40">
        <v>-7</v>
      </c>
      <c r="D135" s="40">
        <v>-52</v>
      </c>
      <c r="E135" s="42">
        <v>61</v>
      </c>
      <c r="F135" s="40">
        <v>8</v>
      </c>
      <c r="G135" s="43">
        <v>53</v>
      </c>
      <c r="H135" s="40">
        <v>2</v>
      </c>
      <c r="I135" s="40">
        <v>1</v>
      </c>
      <c r="J135" s="40">
        <v>1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27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3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207</v>
      </c>
      <c r="C5" s="62">
        <v>-91</v>
      </c>
      <c r="D5" s="62">
        <v>-116</v>
      </c>
      <c r="E5" s="61">
        <v>546</v>
      </c>
      <c r="F5" s="62">
        <v>293</v>
      </c>
      <c r="G5" s="63">
        <v>253</v>
      </c>
      <c r="H5" s="62">
        <v>1496</v>
      </c>
      <c r="I5" s="62">
        <v>777</v>
      </c>
      <c r="J5" s="62">
        <v>719</v>
      </c>
      <c r="K5" s="61">
        <v>1311</v>
      </c>
      <c r="L5" s="75">
        <v>659</v>
      </c>
      <c r="M5" s="76">
        <v>652</v>
      </c>
    </row>
    <row r="6" spans="1:13" ht="23.25" customHeight="1">
      <c r="A6" s="36" t="s">
        <v>2</v>
      </c>
      <c r="B6" s="64">
        <v>178</v>
      </c>
      <c r="C6" s="65">
        <v>100</v>
      </c>
      <c r="D6" s="65">
        <v>78</v>
      </c>
      <c r="E6" s="64">
        <v>0</v>
      </c>
      <c r="F6" s="65">
        <v>0</v>
      </c>
      <c r="G6" s="66">
        <v>0</v>
      </c>
      <c r="H6" s="65">
        <v>85</v>
      </c>
      <c r="I6" s="65">
        <v>48</v>
      </c>
      <c r="J6" s="65">
        <v>37</v>
      </c>
      <c r="K6" s="64">
        <v>61</v>
      </c>
      <c r="L6" s="77">
        <v>32</v>
      </c>
      <c r="M6" s="78">
        <v>29</v>
      </c>
    </row>
    <row r="7" spans="1:13">
      <c r="A7" s="15" t="s">
        <v>4</v>
      </c>
      <c r="B7" s="67">
        <v>155</v>
      </c>
      <c r="C7" s="68">
        <v>85</v>
      </c>
      <c r="D7" s="68">
        <v>70</v>
      </c>
      <c r="E7" s="67">
        <v>0</v>
      </c>
      <c r="F7" s="68">
        <v>0</v>
      </c>
      <c r="G7" s="69">
        <v>0</v>
      </c>
      <c r="H7" s="68">
        <v>11</v>
      </c>
      <c r="I7" s="68">
        <v>7</v>
      </c>
      <c r="J7" s="68">
        <v>4</v>
      </c>
      <c r="K7" s="67">
        <v>10</v>
      </c>
      <c r="L7" s="79">
        <v>6</v>
      </c>
      <c r="M7" s="80">
        <v>4</v>
      </c>
    </row>
    <row r="8" spans="1:13">
      <c r="A8" s="15" t="s">
        <v>6</v>
      </c>
      <c r="B8" s="67">
        <v>13</v>
      </c>
      <c r="C8" s="68">
        <v>8</v>
      </c>
      <c r="D8" s="68">
        <v>5</v>
      </c>
      <c r="E8" s="67">
        <v>0</v>
      </c>
      <c r="F8" s="68">
        <v>0</v>
      </c>
      <c r="G8" s="69">
        <v>0</v>
      </c>
      <c r="H8" s="68">
        <v>27</v>
      </c>
      <c r="I8" s="68">
        <v>16</v>
      </c>
      <c r="J8" s="68">
        <v>11</v>
      </c>
      <c r="K8" s="67">
        <v>14</v>
      </c>
      <c r="L8" s="79">
        <v>8</v>
      </c>
      <c r="M8" s="80">
        <v>6</v>
      </c>
    </row>
    <row r="9" spans="1:13">
      <c r="A9" s="15" t="s">
        <v>8</v>
      </c>
      <c r="B9" s="67">
        <v>7</v>
      </c>
      <c r="C9" s="68">
        <v>3</v>
      </c>
      <c r="D9" s="68">
        <v>4</v>
      </c>
      <c r="E9" s="67">
        <v>0</v>
      </c>
      <c r="F9" s="68">
        <v>0</v>
      </c>
      <c r="G9" s="69">
        <v>0</v>
      </c>
      <c r="H9" s="68">
        <v>19</v>
      </c>
      <c r="I9" s="68">
        <v>9</v>
      </c>
      <c r="J9" s="68">
        <v>10</v>
      </c>
      <c r="K9" s="67">
        <v>12</v>
      </c>
      <c r="L9" s="79">
        <v>6</v>
      </c>
      <c r="M9" s="80">
        <v>6</v>
      </c>
    </row>
    <row r="10" spans="1:13">
      <c r="A10" s="15" t="s">
        <v>10</v>
      </c>
      <c r="B10" s="67">
        <v>-3</v>
      </c>
      <c r="C10" s="68">
        <v>3</v>
      </c>
      <c r="D10" s="68">
        <v>-6</v>
      </c>
      <c r="E10" s="67">
        <v>0</v>
      </c>
      <c r="F10" s="68">
        <v>0</v>
      </c>
      <c r="G10" s="69">
        <v>0</v>
      </c>
      <c r="H10" s="68">
        <v>15</v>
      </c>
      <c r="I10" s="68">
        <v>10</v>
      </c>
      <c r="J10" s="68">
        <v>5</v>
      </c>
      <c r="K10" s="67">
        <v>18</v>
      </c>
      <c r="L10" s="79">
        <v>7</v>
      </c>
      <c r="M10" s="80">
        <v>11</v>
      </c>
    </row>
    <row r="11" spans="1:13">
      <c r="A11" s="15" t="s">
        <v>12</v>
      </c>
      <c r="B11" s="67">
        <v>6</v>
      </c>
      <c r="C11" s="68">
        <v>1</v>
      </c>
      <c r="D11" s="68">
        <v>5</v>
      </c>
      <c r="E11" s="67">
        <v>0</v>
      </c>
      <c r="F11" s="68">
        <v>0</v>
      </c>
      <c r="G11" s="69">
        <v>0</v>
      </c>
      <c r="H11" s="68">
        <v>13</v>
      </c>
      <c r="I11" s="68">
        <v>6</v>
      </c>
      <c r="J11" s="68">
        <v>7</v>
      </c>
      <c r="K11" s="67">
        <v>7</v>
      </c>
      <c r="L11" s="79">
        <v>5</v>
      </c>
      <c r="M11" s="80">
        <v>2</v>
      </c>
    </row>
    <row r="12" spans="1:13" ht="21" customHeight="1">
      <c r="A12" s="36" t="s">
        <v>14</v>
      </c>
      <c r="B12" s="64">
        <v>12</v>
      </c>
      <c r="C12" s="65">
        <v>12</v>
      </c>
      <c r="D12" s="65">
        <v>0</v>
      </c>
      <c r="E12" s="64">
        <v>0</v>
      </c>
      <c r="F12" s="65">
        <v>0</v>
      </c>
      <c r="G12" s="66">
        <v>0</v>
      </c>
      <c r="H12" s="65">
        <v>48</v>
      </c>
      <c r="I12" s="65">
        <v>27</v>
      </c>
      <c r="J12" s="65">
        <v>21</v>
      </c>
      <c r="K12" s="64">
        <v>36</v>
      </c>
      <c r="L12" s="77">
        <v>15</v>
      </c>
      <c r="M12" s="78">
        <v>21</v>
      </c>
    </row>
    <row r="13" spans="1:13">
      <c r="A13" s="15" t="s">
        <v>16</v>
      </c>
      <c r="B13" s="67">
        <v>-2</v>
      </c>
      <c r="C13" s="68">
        <v>0</v>
      </c>
      <c r="D13" s="68">
        <v>-2</v>
      </c>
      <c r="E13" s="67">
        <v>0</v>
      </c>
      <c r="F13" s="68">
        <v>0</v>
      </c>
      <c r="G13" s="69">
        <v>0</v>
      </c>
      <c r="H13" s="68">
        <v>12</v>
      </c>
      <c r="I13" s="68">
        <v>4</v>
      </c>
      <c r="J13" s="68">
        <v>8</v>
      </c>
      <c r="K13" s="67">
        <v>14</v>
      </c>
      <c r="L13" s="79">
        <v>4</v>
      </c>
      <c r="M13" s="80">
        <v>10</v>
      </c>
    </row>
    <row r="14" spans="1:13">
      <c r="A14" s="15" t="s">
        <v>18</v>
      </c>
      <c r="B14" s="67">
        <v>-1</v>
      </c>
      <c r="C14" s="68">
        <v>1</v>
      </c>
      <c r="D14" s="68">
        <v>-2</v>
      </c>
      <c r="E14" s="67">
        <v>0</v>
      </c>
      <c r="F14" s="68">
        <v>0</v>
      </c>
      <c r="G14" s="69">
        <v>0</v>
      </c>
      <c r="H14" s="68">
        <v>8</v>
      </c>
      <c r="I14" s="68">
        <v>3</v>
      </c>
      <c r="J14" s="68">
        <v>5</v>
      </c>
      <c r="K14" s="67">
        <v>9</v>
      </c>
      <c r="L14" s="79">
        <v>2</v>
      </c>
      <c r="M14" s="80">
        <v>7</v>
      </c>
    </row>
    <row r="15" spans="1:13">
      <c r="A15" s="15" t="s">
        <v>20</v>
      </c>
      <c r="B15" s="67">
        <v>8</v>
      </c>
      <c r="C15" s="68">
        <v>5</v>
      </c>
      <c r="D15" s="68">
        <v>3</v>
      </c>
      <c r="E15" s="67">
        <v>0</v>
      </c>
      <c r="F15" s="68">
        <v>0</v>
      </c>
      <c r="G15" s="69">
        <v>0</v>
      </c>
      <c r="H15" s="68">
        <v>15</v>
      </c>
      <c r="I15" s="68">
        <v>10</v>
      </c>
      <c r="J15" s="68">
        <v>5</v>
      </c>
      <c r="K15" s="67">
        <v>7</v>
      </c>
      <c r="L15" s="79">
        <v>5</v>
      </c>
      <c r="M15" s="80">
        <v>2</v>
      </c>
    </row>
    <row r="16" spans="1:13">
      <c r="A16" s="15" t="s">
        <v>22</v>
      </c>
      <c r="B16" s="67">
        <v>7</v>
      </c>
      <c r="C16" s="68">
        <v>4</v>
      </c>
      <c r="D16" s="68">
        <v>3</v>
      </c>
      <c r="E16" s="67">
        <v>0</v>
      </c>
      <c r="F16" s="68">
        <v>0</v>
      </c>
      <c r="G16" s="69">
        <v>0</v>
      </c>
      <c r="H16" s="68">
        <v>10</v>
      </c>
      <c r="I16" s="68">
        <v>7</v>
      </c>
      <c r="J16" s="68">
        <v>3</v>
      </c>
      <c r="K16" s="67">
        <v>3</v>
      </c>
      <c r="L16" s="79">
        <v>3</v>
      </c>
      <c r="M16" s="80">
        <v>0</v>
      </c>
    </row>
    <row r="17" spans="1:13">
      <c r="A17" s="15" t="s">
        <v>24</v>
      </c>
      <c r="B17" s="67">
        <v>0</v>
      </c>
      <c r="C17" s="68">
        <v>2</v>
      </c>
      <c r="D17" s="68">
        <v>-2</v>
      </c>
      <c r="E17" s="67">
        <v>0</v>
      </c>
      <c r="F17" s="68">
        <v>0</v>
      </c>
      <c r="G17" s="69">
        <v>0</v>
      </c>
      <c r="H17" s="68">
        <v>3</v>
      </c>
      <c r="I17" s="68">
        <v>3</v>
      </c>
      <c r="J17" s="68">
        <v>0</v>
      </c>
      <c r="K17" s="67">
        <v>3</v>
      </c>
      <c r="L17" s="79">
        <v>1</v>
      </c>
      <c r="M17" s="80">
        <v>2</v>
      </c>
    </row>
    <row r="18" spans="1:13" ht="21" customHeight="1">
      <c r="A18" s="36" t="s">
        <v>26</v>
      </c>
      <c r="B18" s="64">
        <v>1</v>
      </c>
      <c r="C18" s="65">
        <v>0</v>
      </c>
      <c r="D18" s="65">
        <v>1</v>
      </c>
      <c r="E18" s="64">
        <v>0</v>
      </c>
      <c r="F18" s="65">
        <v>0</v>
      </c>
      <c r="G18" s="66">
        <v>0</v>
      </c>
      <c r="H18" s="65">
        <v>21</v>
      </c>
      <c r="I18" s="65">
        <v>6</v>
      </c>
      <c r="J18" s="65">
        <v>15</v>
      </c>
      <c r="K18" s="64">
        <v>20</v>
      </c>
      <c r="L18" s="77">
        <v>6</v>
      </c>
      <c r="M18" s="78">
        <v>14</v>
      </c>
    </row>
    <row r="19" spans="1:13">
      <c r="A19" s="15" t="s">
        <v>28</v>
      </c>
      <c r="B19" s="67">
        <v>0</v>
      </c>
      <c r="C19" s="68">
        <v>1</v>
      </c>
      <c r="D19" s="68">
        <v>-1</v>
      </c>
      <c r="E19" s="67">
        <v>0</v>
      </c>
      <c r="F19" s="68">
        <v>0</v>
      </c>
      <c r="G19" s="69">
        <v>0</v>
      </c>
      <c r="H19" s="68">
        <v>2</v>
      </c>
      <c r="I19" s="68">
        <v>1</v>
      </c>
      <c r="J19" s="68">
        <v>1</v>
      </c>
      <c r="K19" s="67">
        <v>2</v>
      </c>
      <c r="L19" s="79">
        <v>0</v>
      </c>
      <c r="M19" s="80">
        <v>2</v>
      </c>
    </row>
    <row r="20" spans="1:13">
      <c r="A20" s="15" t="s">
        <v>30</v>
      </c>
      <c r="B20" s="67">
        <v>0</v>
      </c>
      <c r="C20" s="68">
        <v>-1</v>
      </c>
      <c r="D20" s="68">
        <v>1</v>
      </c>
      <c r="E20" s="67">
        <v>0</v>
      </c>
      <c r="F20" s="68">
        <v>0</v>
      </c>
      <c r="G20" s="69">
        <v>0</v>
      </c>
      <c r="H20" s="68">
        <v>4</v>
      </c>
      <c r="I20" s="68">
        <v>1</v>
      </c>
      <c r="J20" s="68">
        <v>3</v>
      </c>
      <c r="K20" s="67">
        <v>4</v>
      </c>
      <c r="L20" s="79">
        <v>2</v>
      </c>
      <c r="M20" s="80">
        <v>2</v>
      </c>
    </row>
    <row r="21" spans="1:13">
      <c r="A21" s="15" t="s">
        <v>32</v>
      </c>
      <c r="B21" s="67">
        <v>0</v>
      </c>
      <c r="C21" s="68">
        <v>0</v>
      </c>
      <c r="D21" s="68">
        <v>0</v>
      </c>
      <c r="E21" s="67">
        <v>0</v>
      </c>
      <c r="F21" s="68">
        <v>0</v>
      </c>
      <c r="G21" s="69">
        <v>0</v>
      </c>
      <c r="H21" s="68">
        <v>2</v>
      </c>
      <c r="I21" s="68">
        <v>1</v>
      </c>
      <c r="J21" s="68">
        <v>1</v>
      </c>
      <c r="K21" s="67">
        <v>2</v>
      </c>
      <c r="L21" s="79">
        <v>1</v>
      </c>
      <c r="M21" s="80">
        <v>1</v>
      </c>
    </row>
    <row r="22" spans="1:13">
      <c r="A22" s="15" t="s">
        <v>34</v>
      </c>
      <c r="B22" s="67">
        <v>2</v>
      </c>
      <c r="C22" s="68">
        <v>-1</v>
      </c>
      <c r="D22" s="68">
        <v>3</v>
      </c>
      <c r="E22" s="67">
        <v>0</v>
      </c>
      <c r="F22" s="68">
        <v>0</v>
      </c>
      <c r="G22" s="69">
        <v>0</v>
      </c>
      <c r="H22" s="68">
        <v>10</v>
      </c>
      <c r="I22" s="68">
        <v>1</v>
      </c>
      <c r="J22" s="68">
        <v>9</v>
      </c>
      <c r="K22" s="67">
        <v>8</v>
      </c>
      <c r="L22" s="79">
        <v>2</v>
      </c>
      <c r="M22" s="80">
        <v>6</v>
      </c>
    </row>
    <row r="23" spans="1:13">
      <c r="A23" s="15" t="s">
        <v>36</v>
      </c>
      <c r="B23" s="67">
        <v>-1</v>
      </c>
      <c r="C23" s="68">
        <v>1</v>
      </c>
      <c r="D23" s="68">
        <v>-2</v>
      </c>
      <c r="E23" s="67">
        <v>0</v>
      </c>
      <c r="F23" s="68">
        <v>0</v>
      </c>
      <c r="G23" s="69">
        <v>0</v>
      </c>
      <c r="H23" s="68">
        <v>3</v>
      </c>
      <c r="I23" s="68">
        <v>2</v>
      </c>
      <c r="J23" s="68">
        <v>1</v>
      </c>
      <c r="K23" s="67">
        <v>4</v>
      </c>
      <c r="L23" s="79">
        <v>1</v>
      </c>
      <c r="M23" s="80">
        <v>3</v>
      </c>
    </row>
    <row r="24" spans="1:13" ht="21" customHeight="1">
      <c r="A24" s="36" t="s">
        <v>38</v>
      </c>
      <c r="B24" s="64">
        <v>1</v>
      </c>
      <c r="C24" s="65">
        <v>-3</v>
      </c>
      <c r="D24" s="65">
        <v>4</v>
      </c>
      <c r="E24" s="64">
        <v>0</v>
      </c>
      <c r="F24" s="65">
        <v>0</v>
      </c>
      <c r="G24" s="66">
        <v>0</v>
      </c>
      <c r="H24" s="65">
        <v>41</v>
      </c>
      <c r="I24" s="65">
        <v>23</v>
      </c>
      <c r="J24" s="65">
        <v>18</v>
      </c>
      <c r="K24" s="64">
        <v>40</v>
      </c>
      <c r="L24" s="77">
        <v>26</v>
      </c>
      <c r="M24" s="78">
        <v>14</v>
      </c>
    </row>
    <row r="25" spans="1:13">
      <c r="A25" s="15" t="s">
        <v>40</v>
      </c>
      <c r="B25" s="67">
        <v>3</v>
      </c>
      <c r="C25" s="68">
        <v>1</v>
      </c>
      <c r="D25" s="68">
        <v>2</v>
      </c>
      <c r="E25" s="67">
        <v>0</v>
      </c>
      <c r="F25" s="68">
        <v>0</v>
      </c>
      <c r="G25" s="69">
        <v>0</v>
      </c>
      <c r="H25" s="68">
        <v>4</v>
      </c>
      <c r="I25" s="68">
        <v>2</v>
      </c>
      <c r="J25" s="68">
        <v>2</v>
      </c>
      <c r="K25" s="67">
        <v>1</v>
      </c>
      <c r="L25" s="79">
        <v>1</v>
      </c>
      <c r="M25" s="80">
        <v>0</v>
      </c>
    </row>
    <row r="26" spans="1:13">
      <c r="A26" s="15" t="s">
        <v>42</v>
      </c>
      <c r="B26" s="67">
        <v>-3</v>
      </c>
      <c r="C26" s="68">
        <v>-4</v>
      </c>
      <c r="D26" s="68">
        <v>1</v>
      </c>
      <c r="E26" s="67">
        <v>0</v>
      </c>
      <c r="F26" s="68">
        <v>0</v>
      </c>
      <c r="G26" s="69">
        <v>0</v>
      </c>
      <c r="H26" s="68">
        <v>5</v>
      </c>
      <c r="I26" s="68">
        <v>1</v>
      </c>
      <c r="J26" s="68">
        <v>4</v>
      </c>
      <c r="K26" s="67">
        <v>8</v>
      </c>
      <c r="L26" s="79">
        <v>5</v>
      </c>
      <c r="M26" s="80">
        <v>3</v>
      </c>
    </row>
    <row r="27" spans="1:13">
      <c r="A27" s="15" t="s">
        <v>44</v>
      </c>
      <c r="B27" s="67">
        <v>3</v>
      </c>
      <c r="C27" s="68">
        <v>1</v>
      </c>
      <c r="D27" s="68">
        <v>2</v>
      </c>
      <c r="E27" s="67">
        <v>0</v>
      </c>
      <c r="F27" s="68">
        <v>0</v>
      </c>
      <c r="G27" s="69">
        <v>0</v>
      </c>
      <c r="H27" s="68">
        <v>6</v>
      </c>
      <c r="I27" s="68">
        <v>3</v>
      </c>
      <c r="J27" s="68">
        <v>3</v>
      </c>
      <c r="K27" s="67">
        <v>3</v>
      </c>
      <c r="L27" s="79">
        <v>2</v>
      </c>
      <c r="M27" s="80">
        <v>1</v>
      </c>
    </row>
    <row r="28" spans="1:13">
      <c r="A28" s="15" t="s">
        <v>46</v>
      </c>
      <c r="B28" s="67">
        <v>4</v>
      </c>
      <c r="C28" s="68">
        <v>1</v>
      </c>
      <c r="D28" s="68">
        <v>3</v>
      </c>
      <c r="E28" s="67">
        <v>0</v>
      </c>
      <c r="F28" s="68">
        <v>0</v>
      </c>
      <c r="G28" s="69">
        <v>0</v>
      </c>
      <c r="H28" s="68">
        <v>8</v>
      </c>
      <c r="I28" s="68">
        <v>4</v>
      </c>
      <c r="J28" s="68">
        <v>4</v>
      </c>
      <c r="K28" s="67">
        <v>4</v>
      </c>
      <c r="L28" s="79">
        <v>3</v>
      </c>
      <c r="M28" s="80">
        <v>1</v>
      </c>
    </row>
    <row r="29" spans="1:13">
      <c r="A29" s="15" t="s">
        <v>48</v>
      </c>
      <c r="B29" s="67">
        <v>-6</v>
      </c>
      <c r="C29" s="68">
        <v>-2</v>
      </c>
      <c r="D29" s="68">
        <v>-4</v>
      </c>
      <c r="E29" s="67">
        <v>0</v>
      </c>
      <c r="F29" s="68">
        <v>0</v>
      </c>
      <c r="G29" s="69">
        <v>0</v>
      </c>
      <c r="H29" s="68">
        <v>18</v>
      </c>
      <c r="I29" s="68">
        <v>13</v>
      </c>
      <c r="J29" s="68">
        <v>5</v>
      </c>
      <c r="K29" s="67">
        <v>24</v>
      </c>
      <c r="L29" s="79">
        <v>15</v>
      </c>
      <c r="M29" s="80">
        <v>9</v>
      </c>
    </row>
    <row r="30" spans="1:13" ht="21" customHeight="1">
      <c r="A30" s="36" t="s">
        <v>50</v>
      </c>
      <c r="B30" s="64">
        <v>-37</v>
      </c>
      <c r="C30" s="65">
        <v>-13</v>
      </c>
      <c r="D30" s="65">
        <v>-24</v>
      </c>
      <c r="E30" s="64">
        <v>0</v>
      </c>
      <c r="F30" s="65">
        <v>0</v>
      </c>
      <c r="G30" s="66">
        <v>0</v>
      </c>
      <c r="H30" s="65">
        <v>225</v>
      </c>
      <c r="I30" s="65">
        <v>114</v>
      </c>
      <c r="J30" s="65">
        <v>111</v>
      </c>
      <c r="K30" s="64">
        <v>262</v>
      </c>
      <c r="L30" s="77">
        <v>127</v>
      </c>
      <c r="M30" s="78">
        <v>135</v>
      </c>
    </row>
    <row r="31" spans="1:13">
      <c r="A31" s="15" t="s">
        <v>52</v>
      </c>
      <c r="B31" s="67">
        <v>5</v>
      </c>
      <c r="C31" s="68">
        <v>5</v>
      </c>
      <c r="D31" s="68">
        <v>0</v>
      </c>
      <c r="E31" s="67">
        <v>0</v>
      </c>
      <c r="F31" s="68">
        <v>0</v>
      </c>
      <c r="G31" s="69">
        <v>0</v>
      </c>
      <c r="H31" s="68">
        <v>26</v>
      </c>
      <c r="I31" s="68">
        <v>17</v>
      </c>
      <c r="J31" s="68">
        <v>9</v>
      </c>
      <c r="K31" s="67">
        <v>21</v>
      </c>
      <c r="L31" s="79">
        <v>12</v>
      </c>
      <c r="M31" s="80">
        <v>9</v>
      </c>
    </row>
    <row r="32" spans="1:13">
      <c r="A32" s="15" t="s">
        <v>54</v>
      </c>
      <c r="B32" s="67">
        <v>10</v>
      </c>
      <c r="C32" s="68">
        <v>5</v>
      </c>
      <c r="D32" s="68">
        <v>5</v>
      </c>
      <c r="E32" s="67">
        <v>0</v>
      </c>
      <c r="F32" s="68">
        <v>0</v>
      </c>
      <c r="G32" s="69">
        <v>0</v>
      </c>
      <c r="H32" s="68">
        <v>56</v>
      </c>
      <c r="I32" s="68">
        <v>23</v>
      </c>
      <c r="J32" s="68">
        <v>33</v>
      </c>
      <c r="K32" s="67">
        <v>46</v>
      </c>
      <c r="L32" s="79">
        <v>18</v>
      </c>
      <c r="M32" s="80">
        <v>28</v>
      </c>
    </row>
    <row r="33" spans="1:13">
      <c r="A33" s="15" t="s">
        <v>56</v>
      </c>
      <c r="B33" s="67">
        <v>-17</v>
      </c>
      <c r="C33" s="68">
        <v>-5</v>
      </c>
      <c r="D33" s="68">
        <v>-12</v>
      </c>
      <c r="E33" s="67">
        <v>0</v>
      </c>
      <c r="F33" s="68">
        <v>0</v>
      </c>
      <c r="G33" s="69">
        <v>0</v>
      </c>
      <c r="H33" s="68">
        <v>31</v>
      </c>
      <c r="I33" s="68">
        <v>13</v>
      </c>
      <c r="J33" s="68">
        <v>18</v>
      </c>
      <c r="K33" s="67">
        <v>48</v>
      </c>
      <c r="L33" s="79">
        <v>18</v>
      </c>
      <c r="M33" s="80">
        <v>30</v>
      </c>
    </row>
    <row r="34" spans="1:13">
      <c r="A34" s="15" t="s">
        <v>58</v>
      </c>
      <c r="B34" s="67">
        <v>-30</v>
      </c>
      <c r="C34" s="68">
        <v>-13</v>
      </c>
      <c r="D34" s="68">
        <v>-17</v>
      </c>
      <c r="E34" s="67">
        <v>0</v>
      </c>
      <c r="F34" s="68">
        <v>0</v>
      </c>
      <c r="G34" s="69">
        <v>0</v>
      </c>
      <c r="H34" s="68">
        <v>55</v>
      </c>
      <c r="I34" s="68">
        <v>32</v>
      </c>
      <c r="J34" s="68">
        <v>23</v>
      </c>
      <c r="K34" s="67">
        <v>85</v>
      </c>
      <c r="L34" s="79">
        <v>45</v>
      </c>
      <c r="M34" s="80">
        <v>40</v>
      </c>
    </row>
    <row r="35" spans="1:13">
      <c r="A35" s="15" t="s">
        <v>60</v>
      </c>
      <c r="B35" s="67">
        <v>-5</v>
      </c>
      <c r="C35" s="68">
        <v>-5</v>
      </c>
      <c r="D35" s="68">
        <v>0</v>
      </c>
      <c r="E35" s="67">
        <v>0</v>
      </c>
      <c r="F35" s="68">
        <v>0</v>
      </c>
      <c r="G35" s="69">
        <v>0</v>
      </c>
      <c r="H35" s="68">
        <v>57</v>
      </c>
      <c r="I35" s="68">
        <v>29</v>
      </c>
      <c r="J35" s="68">
        <v>28</v>
      </c>
      <c r="K35" s="67">
        <v>62</v>
      </c>
      <c r="L35" s="79">
        <v>34</v>
      </c>
      <c r="M35" s="80">
        <v>28</v>
      </c>
    </row>
    <row r="36" spans="1:13" ht="21" customHeight="1">
      <c r="A36" s="36" t="s">
        <v>62</v>
      </c>
      <c r="B36" s="64">
        <v>-10</v>
      </c>
      <c r="C36" s="65">
        <v>-3</v>
      </c>
      <c r="D36" s="65">
        <v>-7</v>
      </c>
      <c r="E36" s="64">
        <v>2</v>
      </c>
      <c r="F36" s="65">
        <v>2</v>
      </c>
      <c r="G36" s="66">
        <v>0</v>
      </c>
      <c r="H36" s="65">
        <v>257</v>
      </c>
      <c r="I36" s="65">
        <v>137</v>
      </c>
      <c r="J36" s="65">
        <v>120</v>
      </c>
      <c r="K36" s="64">
        <v>265</v>
      </c>
      <c r="L36" s="77">
        <v>138</v>
      </c>
      <c r="M36" s="78">
        <v>127</v>
      </c>
    </row>
    <row r="37" spans="1:13">
      <c r="A37" s="15" t="s">
        <v>64</v>
      </c>
      <c r="B37" s="67">
        <v>19</v>
      </c>
      <c r="C37" s="68">
        <v>10</v>
      </c>
      <c r="D37" s="68">
        <v>9</v>
      </c>
      <c r="E37" s="67">
        <v>0</v>
      </c>
      <c r="F37" s="68">
        <v>0</v>
      </c>
      <c r="G37" s="69">
        <v>0</v>
      </c>
      <c r="H37" s="68">
        <v>78</v>
      </c>
      <c r="I37" s="68">
        <v>46</v>
      </c>
      <c r="J37" s="68">
        <v>32</v>
      </c>
      <c r="K37" s="67">
        <v>59</v>
      </c>
      <c r="L37" s="79">
        <v>36</v>
      </c>
      <c r="M37" s="80">
        <v>23</v>
      </c>
    </row>
    <row r="38" spans="1:13">
      <c r="A38" s="15" t="s">
        <v>66</v>
      </c>
      <c r="B38" s="67">
        <v>-18</v>
      </c>
      <c r="C38" s="68">
        <v>-11</v>
      </c>
      <c r="D38" s="68">
        <v>-7</v>
      </c>
      <c r="E38" s="67">
        <v>0</v>
      </c>
      <c r="F38" s="68">
        <v>0</v>
      </c>
      <c r="G38" s="69">
        <v>0</v>
      </c>
      <c r="H38" s="68">
        <v>47</v>
      </c>
      <c r="I38" s="68">
        <v>23</v>
      </c>
      <c r="J38" s="68">
        <v>24</v>
      </c>
      <c r="K38" s="67">
        <v>65</v>
      </c>
      <c r="L38" s="79">
        <v>34</v>
      </c>
      <c r="M38" s="80">
        <v>31</v>
      </c>
    </row>
    <row r="39" spans="1:13">
      <c r="A39" s="15" t="s">
        <v>68</v>
      </c>
      <c r="B39" s="67">
        <v>-9</v>
      </c>
      <c r="C39" s="68">
        <v>-1</v>
      </c>
      <c r="D39" s="68">
        <v>-8</v>
      </c>
      <c r="E39" s="67">
        <v>0</v>
      </c>
      <c r="F39" s="68">
        <v>0</v>
      </c>
      <c r="G39" s="69">
        <v>0</v>
      </c>
      <c r="H39" s="68">
        <v>43</v>
      </c>
      <c r="I39" s="68">
        <v>22</v>
      </c>
      <c r="J39" s="68">
        <v>21</v>
      </c>
      <c r="K39" s="67">
        <v>52</v>
      </c>
      <c r="L39" s="79">
        <v>23</v>
      </c>
      <c r="M39" s="80">
        <v>29</v>
      </c>
    </row>
    <row r="40" spans="1:13">
      <c r="A40" s="15" t="s">
        <v>70</v>
      </c>
      <c r="B40" s="67">
        <v>-11</v>
      </c>
      <c r="C40" s="68">
        <v>-4</v>
      </c>
      <c r="D40" s="68">
        <v>-7</v>
      </c>
      <c r="E40" s="67">
        <v>2</v>
      </c>
      <c r="F40" s="68">
        <v>2</v>
      </c>
      <c r="G40" s="69">
        <v>0</v>
      </c>
      <c r="H40" s="68">
        <v>41</v>
      </c>
      <c r="I40" s="68">
        <v>19</v>
      </c>
      <c r="J40" s="68">
        <v>22</v>
      </c>
      <c r="K40" s="67">
        <v>50</v>
      </c>
      <c r="L40" s="79">
        <v>21</v>
      </c>
      <c r="M40" s="80">
        <v>29</v>
      </c>
    </row>
    <row r="41" spans="1:13">
      <c r="A41" s="15" t="s">
        <v>72</v>
      </c>
      <c r="B41" s="67">
        <v>9</v>
      </c>
      <c r="C41" s="68">
        <v>3</v>
      </c>
      <c r="D41" s="68">
        <v>6</v>
      </c>
      <c r="E41" s="67">
        <v>0</v>
      </c>
      <c r="F41" s="68">
        <v>0</v>
      </c>
      <c r="G41" s="69">
        <v>0</v>
      </c>
      <c r="H41" s="68">
        <v>48</v>
      </c>
      <c r="I41" s="68">
        <v>27</v>
      </c>
      <c r="J41" s="68">
        <v>21</v>
      </c>
      <c r="K41" s="67">
        <v>39</v>
      </c>
      <c r="L41" s="79">
        <v>24</v>
      </c>
      <c r="M41" s="80">
        <v>15</v>
      </c>
    </row>
    <row r="42" spans="1:13" ht="21" customHeight="1">
      <c r="A42" s="36" t="s">
        <v>74</v>
      </c>
      <c r="B42" s="64">
        <v>8</v>
      </c>
      <c r="C42" s="65">
        <v>16</v>
      </c>
      <c r="D42" s="65">
        <v>-8</v>
      </c>
      <c r="E42" s="64">
        <v>0</v>
      </c>
      <c r="F42" s="65">
        <v>0</v>
      </c>
      <c r="G42" s="66">
        <v>0</v>
      </c>
      <c r="H42" s="65">
        <v>156</v>
      </c>
      <c r="I42" s="65">
        <v>94</v>
      </c>
      <c r="J42" s="65">
        <v>62</v>
      </c>
      <c r="K42" s="64">
        <v>148</v>
      </c>
      <c r="L42" s="77">
        <v>78</v>
      </c>
      <c r="M42" s="78">
        <v>70</v>
      </c>
    </row>
    <row r="43" spans="1:13">
      <c r="A43" s="15" t="s">
        <v>76</v>
      </c>
      <c r="B43" s="67">
        <v>-3</v>
      </c>
      <c r="C43" s="68">
        <v>1</v>
      </c>
      <c r="D43" s="68">
        <v>-4</v>
      </c>
      <c r="E43" s="67">
        <v>0</v>
      </c>
      <c r="F43" s="68">
        <v>0</v>
      </c>
      <c r="G43" s="69">
        <v>0</v>
      </c>
      <c r="H43" s="68">
        <v>40</v>
      </c>
      <c r="I43" s="68">
        <v>24</v>
      </c>
      <c r="J43" s="68">
        <v>16</v>
      </c>
      <c r="K43" s="67">
        <v>43</v>
      </c>
      <c r="L43" s="79">
        <v>23</v>
      </c>
      <c r="M43" s="80">
        <v>20</v>
      </c>
    </row>
    <row r="44" spans="1:13">
      <c r="A44" s="15" t="s">
        <v>78</v>
      </c>
      <c r="B44" s="67">
        <v>3</v>
      </c>
      <c r="C44" s="68">
        <v>10</v>
      </c>
      <c r="D44" s="68">
        <v>-7</v>
      </c>
      <c r="E44" s="67">
        <v>0</v>
      </c>
      <c r="F44" s="68">
        <v>0</v>
      </c>
      <c r="G44" s="69">
        <v>0</v>
      </c>
      <c r="H44" s="68">
        <v>36</v>
      </c>
      <c r="I44" s="68">
        <v>26</v>
      </c>
      <c r="J44" s="68">
        <v>10</v>
      </c>
      <c r="K44" s="67">
        <v>33</v>
      </c>
      <c r="L44" s="79">
        <v>16</v>
      </c>
      <c r="M44" s="80">
        <v>17</v>
      </c>
    </row>
    <row r="45" spans="1:13">
      <c r="A45" s="15" t="s">
        <v>80</v>
      </c>
      <c r="B45" s="67">
        <v>15</v>
      </c>
      <c r="C45" s="68">
        <v>8</v>
      </c>
      <c r="D45" s="68">
        <v>7</v>
      </c>
      <c r="E45" s="67">
        <v>0</v>
      </c>
      <c r="F45" s="68">
        <v>0</v>
      </c>
      <c r="G45" s="69">
        <v>0</v>
      </c>
      <c r="H45" s="68">
        <v>34</v>
      </c>
      <c r="I45" s="68">
        <v>18</v>
      </c>
      <c r="J45" s="68">
        <v>16</v>
      </c>
      <c r="K45" s="67">
        <v>19</v>
      </c>
      <c r="L45" s="79">
        <v>10</v>
      </c>
      <c r="M45" s="80">
        <v>9</v>
      </c>
    </row>
    <row r="46" spans="1:13">
      <c r="A46" s="15" t="s">
        <v>82</v>
      </c>
      <c r="B46" s="67">
        <v>-4</v>
      </c>
      <c r="C46" s="68">
        <v>-1</v>
      </c>
      <c r="D46" s="68">
        <v>-3</v>
      </c>
      <c r="E46" s="67">
        <v>0</v>
      </c>
      <c r="F46" s="68">
        <v>0</v>
      </c>
      <c r="G46" s="69">
        <v>0</v>
      </c>
      <c r="H46" s="68">
        <v>25</v>
      </c>
      <c r="I46" s="68">
        <v>14</v>
      </c>
      <c r="J46" s="68">
        <v>11</v>
      </c>
      <c r="K46" s="67">
        <v>29</v>
      </c>
      <c r="L46" s="79">
        <v>15</v>
      </c>
      <c r="M46" s="80">
        <v>14</v>
      </c>
    </row>
    <row r="47" spans="1:13">
      <c r="A47" s="15" t="s">
        <v>84</v>
      </c>
      <c r="B47" s="67">
        <v>-3</v>
      </c>
      <c r="C47" s="68">
        <v>-2</v>
      </c>
      <c r="D47" s="68">
        <v>-1</v>
      </c>
      <c r="E47" s="67">
        <v>0</v>
      </c>
      <c r="F47" s="68">
        <v>0</v>
      </c>
      <c r="G47" s="69">
        <v>0</v>
      </c>
      <c r="H47" s="68">
        <v>21</v>
      </c>
      <c r="I47" s="68">
        <v>12</v>
      </c>
      <c r="J47" s="68">
        <v>9</v>
      </c>
      <c r="K47" s="67">
        <v>24</v>
      </c>
      <c r="L47" s="79">
        <v>14</v>
      </c>
      <c r="M47" s="80">
        <v>10</v>
      </c>
    </row>
    <row r="48" spans="1:13" ht="21" customHeight="1">
      <c r="A48" s="36" t="s">
        <v>86</v>
      </c>
      <c r="B48" s="64">
        <v>7</v>
      </c>
      <c r="C48" s="65">
        <v>-3</v>
      </c>
      <c r="D48" s="65">
        <v>10</v>
      </c>
      <c r="E48" s="64">
        <v>1</v>
      </c>
      <c r="F48" s="65">
        <v>1</v>
      </c>
      <c r="G48" s="66">
        <v>0</v>
      </c>
      <c r="H48" s="65">
        <v>114</v>
      </c>
      <c r="I48" s="65">
        <v>54</v>
      </c>
      <c r="J48" s="65">
        <v>60</v>
      </c>
      <c r="K48" s="64">
        <v>106</v>
      </c>
      <c r="L48" s="77">
        <v>56</v>
      </c>
      <c r="M48" s="78">
        <v>50</v>
      </c>
    </row>
    <row r="49" spans="1:13">
      <c r="A49" s="15" t="s">
        <v>88</v>
      </c>
      <c r="B49" s="67">
        <v>-6</v>
      </c>
      <c r="C49" s="68">
        <v>-4</v>
      </c>
      <c r="D49" s="68">
        <v>-2</v>
      </c>
      <c r="E49" s="67">
        <v>1</v>
      </c>
      <c r="F49" s="68">
        <v>1</v>
      </c>
      <c r="G49" s="69">
        <v>0</v>
      </c>
      <c r="H49" s="68">
        <v>17</v>
      </c>
      <c r="I49" s="68">
        <v>6</v>
      </c>
      <c r="J49" s="68">
        <v>11</v>
      </c>
      <c r="K49" s="67">
        <v>22</v>
      </c>
      <c r="L49" s="79">
        <v>9</v>
      </c>
      <c r="M49" s="80">
        <v>13</v>
      </c>
    </row>
    <row r="50" spans="1:13">
      <c r="A50" s="15" t="s">
        <v>90</v>
      </c>
      <c r="B50" s="67">
        <v>18</v>
      </c>
      <c r="C50" s="68">
        <v>3</v>
      </c>
      <c r="D50" s="68">
        <v>15</v>
      </c>
      <c r="E50" s="67">
        <v>0</v>
      </c>
      <c r="F50" s="68">
        <v>0</v>
      </c>
      <c r="G50" s="69">
        <v>0</v>
      </c>
      <c r="H50" s="68">
        <v>35</v>
      </c>
      <c r="I50" s="68">
        <v>16</v>
      </c>
      <c r="J50" s="68">
        <v>19</v>
      </c>
      <c r="K50" s="67">
        <v>17</v>
      </c>
      <c r="L50" s="79">
        <v>13</v>
      </c>
      <c r="M50" s="80">
        <v>4</v>
      </c>
    </row>
    <row r="51" spans="1:13">
      <c r="A51" s="15" t="s">
        <v>92</v>
      </c>
      <c r="B51" s="67">
        <v>-6</v>
      </c>
      <c r="C51" s="68">
        <v>-1</v>
      </c>
      <c r="D51" s="68">
        <v>-5</v>
      </c>
      <c r="E51" s="67">
        <v>0</v>
      </c>
      <c r="F51" s="68">
        <v>0</v>
      </c>
      <c r="G51" s="69">
        <v>0</v>
      </c>
      <c r="H51" s="68">
        <v>23</v>
      </c>
      <c r="I51" s="68">
        <v>13</v>
      </c>
      <c r="J51" s="68">
        <v>10</v>
      </c>
      <c r="K51" s="67">
        <v>29</v>
      </c>
      <c r="L51" s="79">
        <v>14</v>
      </c>
      <c r="M51" s="80">
        <v>15</v>
      </c>
    </row>
    <row r="52" spans="1:13">
      <c r="A52" s="15" t="s">
        <v>94</v>
      </c>
      <c r="B52" s="67">
        <v>1</v>
      </c>
      <c r="C52" s="68">
        <v>-2</v>
      </c>
      <c r="D52" s="68">
        <v>3</v>
      </c>
      <c r="E52" s="67">
        <v>0</v>
      </c>
      <c r="F52" s="68">
        <v>0</v>
      </c>
      <c r="G52" s="69">
        <v>0</v>
      </c>
      <c r="H52" s="68">
        <v>19</v>
      </c>
      <c r="I52" s="68">
        <v>7</v>
      </c>
      <c r="J52" s="68">
        <v>12</v>
      </c>
      <c r="K52" s="67">
        <v>18</v>
      </c>
      <c r="L52" s="79">
        <v>9</v>
      </c>
      <c r="M52" s="80">
        <v>9</v>
      </c>
    </row>
    <row r="53" spans="1:13">
      <c r="A53" s="15" t="s">
        <v>96</v>
      </c>
      <c r="B53" s="67">
        <v>0</v>
      </c>
      <c r="C53" s="68">
        <v>1</v>
      </c>
      <c r="D53" s="68">
        <v>-1</v>
      </c>
      <c r="E53" s="67">
        <v>0</v>
      </c>
      <c r="F53" s="68">
        <v>0</v>
      </c>
      <c r="G53" s="69">
        <v>0</v>
      </c>
      <c r="H53" s="68">
        <v>20</v>
      </c>
      <c r="I53" s="68">
        <v>12</v>
      </c>
      <c r="J53" s="68">
        <v>8</v>
      </c>
      <c r="K53" s="67">
        <v>20</v>
      </c>
      <c r="L53" s="79">
        <v>11</v>
      </c>
      <c r="M53" s="80">
        <v>9</v>
      </c>
    </row>
    <row r="54" spans="1:13" ht="21" customHeight="1">
      <c r="A54" s="36" t="s">
        <v>98</v>
      </c>
      <c r="B54" s="64">
        <v>25</v>
      </c>
      <c r="C54" s="65">
        <v>13</v>
      </c>
      <c r="D54" s="65">
        <v>12</v>
      </c>
      <c r="E54" s="64">
        <v>3</v>
      </c>
      <c r="F54" s="65">
        <v>2</v>
      </c>
      <c r="G54" s="66">
        <v>1</v>
      </c>
      <c r="H54" s="65">
        <v>107</v>
      </c>
      <c r="I54" s="65">
        <v>57</v>
      </c>
      <c r="J54" s="65">
        <v>50</v>
      </c>
      <c r="K54" s="64">
        <v>79</v>
      </c>
      <c r="L54" s="77">
        <v>42</v>
      </c>
      <c r="M54" s="78">
        <v>37</v>
      </c>
    </row>
    <row r="55" spans="1:13">
      <c r="A55" s="15" t="s">
        <v>100</v>
      </c>
      <c r="B55" s="67">
        <v>9</v>
      </c>
      <c r="C55" s="68">
        <v>6</v>
      </c>
      <c r="D55" s="68">
        <v>3</v>
      </c>
      <c r="E55" s="67">
        <v>0</v>
      </c>
      <c r="F55" s="68">
        <v>0</v>
      </c>
      <c r="G55" s="69">
        <v>0</v>
      </c>
      <c r="H55" s="68">
        <v>21</v>
      </c>
      <c r="I55" s="68">
        <v>12</v>
      </c>
      <c r="J55" s="68">
        <v>9</v>
      </c>
      <c r="K55" s="67">
        <v>12</v>
      </c>
      <c r="L55" s="79">
        <v>6</v>
      </c>
      <c r="M55" s="80">
        <v>6</v>
      </c>
    </row>
    <row r="56" spans="1:13">
      <c r="A56" s="15" t="s">
        <v>102</v>
      </c>
      <c r="B56" s="67">
        <v>5</v>
      </c>
      <c r="C56" s="68">
        <v>-3</v>
      </c>
      <c r="D56" s="68">
        <v>8</v>
      </c>
      <c r="E56" s="67">
        <v>1</v>
      </c>
      <c r="F56" s="68">
        <v>1</v>
      </c>
      <c r="G56" s="69">
        <v>0</v>
      </c>
      <c r="H56" s="68">
        <v>27</v>
      </c>
      <c r="I56" s="68">
        <v>10</v>
      </c>
      <c r="J56" s="68">
        <v>17</v>
      </c>
      <c r="K56" s="67">
        <v>21</v>
      </c>
      <c r="L56" s="79">
        <v>12</v>
      </c>
      <c r="M56" s="80">
        <v>9</v>
      </c>
    </row>
    <row r="57" spans="1:13">
      <c r="A57" s="15" t="s">
        <v>104</v>
      </c>
      <c r="B57" s="67">
        <v>3</v>
      </c>
      <c r="C57" s="68">
        <v>4</v>
      </c>
      <c r="D57" s="68">
        <v>-1</v>
      </c>
      <c r="E57" s="67">
        <v>0</v>
      </c>
      <c r="F57" s="68">
        <v>0</v>
      </c>
      <c r="G57" s="69">
        <v>0</v>
      </c>
      <c r="H57" s="68">
        <v>21</v>
      </c>
      <c r="I57" s="68">
        <v>9</v>
      </c>
      <c r="J57" s="68">
        <v>12</v>
      </c>
      <c r="K57" s="67">
        <v>18</v>
      </c>
      <c r="L57" s="79">
        <v>5</v>
      </c>
      <c r="M57" s="80">
        <v>13</v>
      </c>
    </row>
    <row r="58" spans="1:13">
      <c r="A58" s="15" t="s">
        <v>106</v>
      </c>
      <c r="B58" s="67">
        <v>5</v>
      </c>
      <c r="C58" s="68">
        <v>7</v>
      </c>
      <c r="D58" s="68">
        <v>-2</v>
      </c>
      <c r="E58" s="67">
        <v>2</v>
      </c>
      <c r="F58" s="68">
        <v>1</v>
      </c>
      <c r="G58" s="69">
        <v>1</v>
      </c>
      <c r="H58" s="68">
        <v>20</v>
      </c>
      <c r="I58" s="68">
        <v>17</v>
      </c>
      <c r="J58" s="68">
        <v>3</v>
      </c>
      <c r="K58" s="67">
        <v>13</v>
      </c>
      <c r="L58" s="79">
        <v>9</v>
      </c>
      <c r="M58" s="80">
        <v>4</v>
      </c>
    </row>
    <row r="59" spans="1:13">
      <c r="A59" s="15" t="s">
        <v>108</v>
      </c>
      <c r="B59" s="67">
        <v>3</v>
      </c>
      <c r="C59" s="68">
        <v>-1</v>
      </c>
      <c r="D59" s="68">
        <v>4</v>
      </c>
      <c r="E59" s="67">
        <v>0</v>
      </c>
      <c r="F59" s="68">
        <v>0</v>
      </c>
      <c r="G59" s="69">
        <v>0</v>
      </c>
      <c r="H59" s="68">
        <v>18</v>
      </c>
      <c r="I59" s="68">
        <v>9</v>
      </c>
      <c r="J59" s="68">
        <v>9</v>
      </c>
      <c r="K59" s="67">
        <v>15</v>
      </c>
      <c r="L59" s="79">
        <v>10</v>
      </c>
      <c r="M59" s="80">
        <v>5</v>
      </c>
    </row>
    <row r="60" spans="1:13" ht="21" customHeight="1">
      <c r="A60" s="36" t="s">
        <v>110</v>
      </c>
      <c r="B60" s="64">
        <v>9</v>
      </c>
      <c r="C60" s="65">
        <v>-4</v>
      </c>
      <c r="D60" s="65">
        <v>13</v>
      </c>
      <c r="E60" s="64">
        <v>4</v>
      </c>
      <c r="F60" s="65">
        <v>4</v>
      </c>
      <c r="G60" s="66">
        <v>0</v>
      </c>
      <c r="H60" s="65">
        <v>81</v>
      </c>
      <c r="I60" s="65">
        <v>40</v>
      </c>
      <c r="J60" s="65">
        <v>41</v>
      </c>
      <c r="K60" s="64">
        <v>68</v>
      </c>
      <c r="L60" s="77">
        <v>40</v>
      </c>
      <c r="M60" s="78">
        <v>28</v>
      </c>
    </row>
    <row r="61" spans="1:13">
      <c r="A61" s="15" t="s">
        <v>112</v>
      </c>
      <c r="B61" s="67">
        <v>4</v>
      </c>
      <c r="C61" s="68">
        <v>-2</v>
      </c>
      <c r="D61" s="68">
        <v>6</v>
      </c>
      <c r="E61" s="67">
        <v>0</v>
      </c>
      <c r="F61" s="68">
        <v>0</v>
      </c>
      <c r="G61" s="69">
        <v>0</v>
      </c>
      <c r="H61" s="68">
        <v>17</v>
      </c>
      <c r="I61" s="68">
        <v>5</v>
      </c>
      <c r="J61" s="68">
        <v>12</v>
      </c>
      <c r="K61" s="67">
        <v>13</v>
      </c>
      <c r="L61" s="79">
        <v>7</v>
      </c>
      <c r="M61" s="80">
        <v>6</v>
      </c>
    </row>
    <row r="62" spans="1:13">
      <c r="A62" s="15" t="s">
        <v>114</v>
      </c>
      <c r="B62" s="67">
        <v>2</v>
      </c>
      <c r="C62" s="68">
        <v>0</v>
      </c>
      <c r="D62" s="68">
        <v>2</v>
      </c>
      <c r="E62" s="67">
        <v>1</v>
      </c>
      <c r="F62" s="68">
        <v>1</v>
      </c>
      <c r="G62" s="69">
        <v>0</v>
      </c>
      <c r="H62" s="68">
        <v>13</v>
      </c>
      <c r="I62" s="68">
        <v>7</v>
      </c>
      <c r="J62" s="68">
        <v>6</v>
      </c>
      <c r="K62" s="67">
        <v>10</v>
      </c>
      <c r="L62" s="79">
        <v>6</v>
      </c>
      <c r="M62" s="80">
        <v>4</v>
      </c>
    </row>
    <row r="63" spans="1:13">
      <c r="A63" s="15" t="s">
        <v>116</v>
      </c>
      <c r="B63" s="67">
        <v>-3</v>
      </c>
      <c r="C63" s="68">
        <v>-4</v>
      </c>
      <c r="D63" s="68">
        <v>1</v>
      </c>
      <c r="E63" s="67">
        <v>2</v>
      </c>
      <c r="F63" s="68">
        <v>2</v>
      </c>
      <c r="G63" s="69">
        <v>0</v>
      </c>
      <c r="H63" s="68">
        <v>14</v>
      </c>
      <c r="I63" s="68">
        <v>7</v>
      </c>
      <c r="J63" s="68">
        <v>7</v>
      </c>
      <c r="K63" s="67">
        <v>15</v>
      </c>
      <c r="L63" s="79">
        <v>9</v>
      </c>
      <c r="M63" s="80">
        <v>6</v>
      </c>
    </row>
    <row r="64" spans="1:13">
      <c r="A64" s="15" t="s">
        <v>118</v>
      </c>
      <c r="B64" s="67">
        <v>4</v>
      </c>
      <c r="C64" s="68">
        <v>2</v>
      </c>
      <c r="D64" s="68">
        <v>2</v>
      </c>
      <c r="E64" s="67">
        <v>0</v>
      </c>
      <c r="F64" s="68">
        <v>0</v>
      </c>
      <c r="G64" s="69">
        <v>0</v>
      </c>
      <c r="H64" s="68">
        <v>21</v>
      </c>
      <c r="I64" s="68">
        <v>12</v>
      </c>
      <c r="J64" s="68">
        <v>9</v>
      </c>
      <c r="K64" s="67">
        <v>17</v>
      </c>
      <c r="L64" s="79">
        <v>10</v>
      </c>
      <c r="M64" s="80">
        <v>7</v>
      </c>
    </row>
    <row r="65" spans="1:13">
      <c r="A65" s="19" t="s">
        <v>120</v>
      </c>
      <c r="B65" s="70">
        <v>2</v>
      </c>
      <c r="C65" s="71">
        <v>0</v>
      </c>
      <c r="D65" s="71">
        <v>2</v>
      </c>
      <c r="E65" s="70">
        <v>1</v>
      </c>
      <c r="F65" s="71">
        <v>1</v>
      </c>
      <c r="G65" s="72">
        <v>0</v>
      </c>
      <c r="H65" s="71">
        <v>16</v>
      </c>
      <c r="I65" s="71">
        <v>9</v>
      </c>
      <c r="J65" s="71">
        <v>7</v>
      </c>
      <c r="K65" s="70">
        <v>13</v>
      </c>
      <c r="L65" s="81">
        <v>8</v>
      </c>
      <c r="M65" s="82">
        <v>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54</v>
      </c>
      <c r="C69" s="50">
        <v>84</v>
      </c>
      <c r="D69" s="84">
        <v>70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27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32</v>
      </c>
      <c r="C75" s="65">
        <v>15</v>
      </c>
      <c r="D75" s="65">
        <v>17</v>
      </c>
      <c r="E75" s="64">
        <v>7</v>
      </c>
      <c r="F75" s="65">
        <v>4</v>
      </c>
      <c r="G75" s="66">
        <v>3</v>
      </c>
      <c r="H75" s="65">
        <v>85</v>
      </c>
      <c r="I75" s="65">
        <v>44</v>
      </c>
      <c r="J75" s="65">
        <v>41</v>
      </c>
      <c r="K75" s="64">
        <v>46</v>
      </c>
      <c r="L75" s="77">
        <v>25</v>
      </c>
      <c r="M75" s="78">
        <v>21</v>
      </c>
    </row>
    <row r="76" spans="1:13">
      <c r="A76" s="27" t="s">
        <v>5</v>
      </c>
      <c r="B76" s="67">
        <v>14</v>
      </c>
      <c r="C76" s="68">
        <v>3</v>
      </c>
      <c r="D76" s="68">
        <v>11</v>
      </c>
      <c r="E76" s="67">
        <v>2</v>
      </c>
      <c r="F76" s="68">
        <v>2</v>
      </c>
      <c r="G76" s="69">
        <v>0</v>
      </c>
      <c r="H76" s="68">
        <v>29</v>
      </c>
      <c r="I76" s="68">
        <v>11</v>
      </c>
      <c r="J76" s="68">
        <v>18</v>
      </c>
      <c r="K76" s="67">
        <v>13</v>
      </c>
      <c r="L76" s="79">
        <v>6</v>
      </c>
      <c r="M76" s="80">
        <v>7</v>
      </c>
    </row>
    <row r="77" spans="1:13">
      <c r="A77" s="27" t="s">
        <v>7</v>
      </c>
      <c r="B77" s="67">
        <v>3</v>
      </c>
      <c r="C77" s="68">
        <v>3</v>
      </c>
      <c r="D77" s="68">
        <v>0</v>
      </c>
      <c r="E77" s="67">
        <v>1</v>
      </c>
      <c r="F77" s="68">
        <v>0</v>
      </c>
      <c r="G77" s="69">
        <v>1</v>
      </c>
      <c r="H77" s="68">
        <v>9</v>
      </c>
      <c r="I77" s="68">
        <v>6</v>
      </c>
      <c r="J77" s="68">
        <v>3</v>
      </c>
      <c r="K77" s="67">
        <v>5</v>
      </c>
      <c r="L77" s="79">
        <v>3</v>
      </c>
      <c r="M77" s="80">
        <v>2</v>
      </c>
    </row>
    <row r="78" spans="1:13">
      <c r="A78" s="27" t="s">
        <v>9</v>
      </c>
      <c r="B78" s="67">
        <v>11</v>
      </c>
      <c r="C78" s="68">
        <v>7</v>
      </c>
      <c r="D78" s="68">
        <v>4</v>
      </c>
      <c r="E78" s="67">
        <v>0</v>
      </c>
      <c r="F78" s="68">
        <v>0</v>
      </c>
      <c r="G78" s="69">
        <v>0</v>
      </c>
      <c r="H78" s="68">
        <v>20</v>
      </c>
      <c r="I78" s="68">
        <v>11</v>
      </c>
      <c r="J78" s="68">
        <v>9</v>
      </c>
      <c r="K78" s="67">
        <v>9</v>
      </c>
      <c r="L78" s="79">
        <v>4</v>
      </c>
      <c r="M78" s="80">
        <v>5</v>
      </c>
    </row>
    <row r="79" spans="1:13">
      <c r="A79" s="27" t="s">
        <v>11</v>
      </c>
      <c r="B79" s="67">
        <v>0</v>
      </c>
      <c r="C79" s="68">
        <v>-1</v>
      </c>
      <c r="D79" s="68">
        <v>1</v>
      </c>
      <c r="E79" s="67">
        <v>3</v>
      </c>
      <c r="F79" s="68">
        <v>2</v>
      </c>
      <c r="G79" s="69">
        <v>1</v>
      </c>
      <c r="H79" s="68">
        <v>13</v>
      </c>
      <c r="I79" s="68">
        <v>8</v>
      </c>
      <c r="J79" s="68">
        <v>5</v>
      </c>
      <c r="K79" s="67">
        <v>10</v>
      </c>
      <c r="L79" s="79">
        <v>7</v>
      </c>
      <c r="M79" s="80">
        <v>3</v>
      </c>
    </row>
    <row r="80" spans="1:13">
      <c r="A80" s="27" t="s">
        <v>13</v>
      </c>
      <c r="B80" s="67">
        <v>4</v>
      </c>
      <c r="C80" s="68">
        <v>3</v>
      </c>
      <c r="D80" s="68">
        <v>1</v>
      </c>
      <c r="E80" s="67">
        <v>1</v>
      </c>
      <c r="F80" s="68">
        <v>0</v>
      </c>
      <c r="G80" s="69">
        <v>1</v>
      </c>
      <c r="H80" s="68">
        <v>14</v>
      </c>
      <c r="I80" s="68">
        <v>8</v>
      </c>
      <c r="J80" s="68">
        <v>6</v>
      </c>
      <c r="K80" s="67">
        <v>9</v>
      </c>
      <c r="L80" s="79">
        <v>5</v>
      </c>
      <c r="M80" s="80">
        <v>4</v>
      </c>
    </row>
    <row r="81" spans="1:13" ht="21" customHeight="1">
      <c r="A81" s="38" t="s">
        <v>15</v>
      </c>
      <c r="B81" s="64">
        <v>7</v>
      </c>
      <c r="C81" s="65">
        <v>17</v>
      </c>
      <c r="D81" s="65">
        <v>-10</v>
      </c>
      <c r="E81" s="64">
        <v>12</v>
      </c>
      <c r="F81" s="65">
        <v>4</v>
      </c>
      <c r="G81" s="66">
        <v>8</v>
      </c>
      <c r="H81" s="65">
        <v>55</v>
      </c>
      <c r="I81" s="65">
        <v>32</v>
      </c>
      <c r="J81" s="65">
        <v>23</v>
      </c>
      <c r="K81" s="64">
        <v>36</v>
      </c>
      <c r="L81" s="77">
        <v>11</v>
      </c>
      <c r="M81" s="78">
        <v>25</v>
      </c>
    </row>
    <row r="82" spans="1:13">
      <c r="A82" s="27" t="s">
        <v>17</v>
      </c>
      <c r="B82" s="67">
        <v>0</v>
      </c>
      <c r="C82" s="68">
        <v>2</v>
      </c>
      <c r="D82" s="68">
        <v>-2</v>
      </c>
      <c r="E82" s="67">
        <v>2</v>
      </c>
      <c r="F82" s="68">
        <v>0</v>
      </c>
      <c r="G82" s="69">
        <v>2</v>
      </c>
      <c r="H82" s="68">
        <v>12</v>
      </c>
      <c r="I82" s="68">
        <v>6</v>
      </c>
      <c r="J82" s="68">
        <v>6</v>
      </c>
      <c r="K82" s="67">
        <v>10</v>
      </c>
      <c r="L82" s="79">
        <v>4</v>
      </c>
      <c r="M82" s="80">
        <v>6</v>
      </c>
    </row>
    <row r="83" spans="1:13">
      <c r="A83" s="27" t="s">
        <v>19</v>
      </c>
      <c r="B83" s="67">
        <v>2</v>
      </c>
      <c r="C83" s="68">
        <v>5</v>
      </c>
      <c r="D83" s="68">
        <v>-3</v>
      </c>
      <c r="E83" s="67">
        <v>1</v>
      </c>
      <c r="F83" s="68">
        <v>0</v>
      </c>
      <c r="G83" s="69">
        <v>1</v>
      </c>
      <c r="H83" s="68">
        <v>11</v>
      </c>
      <c r="I83" s="68">
        <v>7</v>
      </c>
      <c r="J83" s="68">
        <v>4</v>
      </c>
      <c r="K83" s="67">
        <v>8</v>
      </c>
      <c r="L83" s="79">
        <v>2</v>
      </c>
      <c r="M83" s="80">
        <v>6</v>
      </c>
    </row>
    <row r="84" spans="1:13">
      <c r="A84" s="27" t="s">
        <v>21</v>
      </c>
      <c r="B84" s="67">
        <v>12</v>
      </c>
      <c r="C84" s="68">
        <v>12</v>
      </c>
      <c r="D84" s="68">
        <v>0</v>
      </c>
      <c r="E84" s="67">
        <v>1</v>
      </c>
      <c r="F84" s="68">
        <v>0</v>
      </c>
      <c r="G84" s="69">
        <v>1</v>
      </c>
      <c r="H84" s="68">
        <v>18</v>
      </c>
      <c r="I84" s="68">
        <v>13</v>
      </c>
      <c r="J84" s="68">
        <v>5</v>
      </c>
      <c r="K84" s="67">
        <v>5</v>
      </c>
      <c r="L84" s="79">
        <v>1</v>
      </c>
      <c r="M84" s="80">
        <v>4</v>
      </c>
    </row>
    <row r="85" spans="1:13">
      <c r="A85" s="27" t="s">
        <v>23</v>
      </c>
      <c r="B85" s="67">
        <v>-2</v>
      </c>
      <c r="C85" s="68">
        <v>-1</v>
      </c>
      <c r="D85" s="68">
        <v>-1</v>
      </c>
      <c r="E85" s="67">
        <v>6</v>
      </c>
      <c r="F85" s="68">
        <v>4</v>
      </c>
      <c r="G85" s="69">
        <v>2</v>
      </c>
      <c r="H85" s="68">
        <v>12</v>
      </c>
      <c r="I85" s="68">
        <v>6</v>
      </c>
      <c r="J85" s="68">
        <v>6</v>
      </c>
      <c r="K85" s="67">
        <v>8</v>
      </c>
      <c r="L85" s="79">
        <v>3</v>
      </c>
      <c r="M85" s="80">
        <v>5</v>
      </c>
    </row>
    <row r="86" spans="1:13">
      <c r="A86" s="27" t="s">
        <v>25</v>
      </c>
      <c r="B86" s="67">
        <v>-5</v>
      </c>
      <c r="C86" s="68">
        <v>-1</v>
      </c>
      <c r="D86" s="68">
        <v>-4</v>
      </c>
      <c r="E86" s="67">
        <v>2</v>
      </c>
      <c r="F86" s="68">
        <v>0</v>
      </c>
      <c r="G86" s="69">
        <v>2</v>
      </c>
      <c r="H86" s="68">
        <v>2</v>
      </c>
      <c r="I86" s="68">
        <v>0</v>
      </c>
      <c r="J86" s="68">
        <v>2</v>
      </c>
      <c r="K86" s="67">
        <v>5</v>
      </c>
      <c r="L86" s="79">
        <v>1</v>
      </c>
      <c r="M86" s="80">
        <v>4</v>
      </c>
    </row>
    <row r="87" spans="1:13" ht="21" customHeight="1">
      <c r="A87" s="38" t="s">
        <v>27</v>
      </c>
      <c r="B87" s="64">
        <v>8</v>
      </c>
      <c r="C87" s="65">
        <v>0</v>
      </c>
      <c r="D87" s="65">
        <v>8</v>
      </c>
      <c r="E87" s="64">
        <v>9</v>
      </c>
      <c r="F87" s="65">
        <v>4</v>
      </c>
      <c r="G87" s="66">
        <v>5</v>
      </c>
      <c r="H87" s="65">
        <v>60</v>
      </c>
      <c r="I87" s="65">
        <v>29</v>
      </c>
      <c r="J87" s="65">
        <v>31</v>
      </c>
      <c r="K87" s="64">
        <v>43</v>
      </c>
      <c r="L87" s="77">
        <v>25</v>
      </c>
      <c r="M87" s="78">
        <v>18</v>
      </c>
    </row>
    <row r="88" spans="1:13">
      <c r="A88" s="27" t="s">
        <v>29</v>
      </c>
      <c r="B88" s="67">
        <v>5</v>
      </c>
      <c r="C88" s="68">
        <v>3</v>
      </c>
      <c r="D88" s="68">
        <v>2</v>
      </c>
      <c r="E88" s="67">
        <v>1</v>
      </c>
      <c r="F88" s="68">
        <v>0</v>
      </c>
      <c r="G88" s="69">
        <v>1</v>
      </c>
      <c r="H88" s="68">
        <v>15</v>
      </c>
      <c r="I88" s="68">
        <v>7</v>
      </c>
      <c r="J88" s="68">
        <v>8</v>
      </c>
      <c r="K88" s="67">
        <v>9</v>
      </c>
      <c r="L88" s="79">
        <v>4</v>
      </c>
      <c r="M88" s="80">
        <v>5</v>
      </c>
    </row>
    <row r="89" spans="1:13">
      <c r="A89" s="27" t="s">
        <v>31</v>
      </c>
      <c r="B89" s="67">
        <v>-2</v>
      </c>
      <c r="C89" s="68">
        <v>-3</v>
      </c>
      <c r="D89" s="68">
        <v>1</v>
      </c>
      <c r="E89" s="67">
        <v>2</v>
      </c>
      <c r="F89" s="68">
        <v>1</v>
      </c>
      <c r="G89" s="69">
        <v>1</v>
      </c>
      <c r="H89" s="68">
        <v>13</v>
      </c>
      <c r="I89" s="68">
        <v>5</v>
      </c>
      <c r="J89" s="68">
        <v>8</v>
      </c>
      <c r="K89" s="67">
        <v>13</v>
      </c>
      <c r="L89" s="79">
        <v>7</v>
      </c>
      <c r="M89" s="80">
        <v>6</v>
      </c>
    </row>
    <row r="90" spans="1:13">
      <c r="A90" s="27" t="s">
        <v>33</v>
      </c>
      <c r="B90" s="67">
        <v>-2</v>
      </c>
      <c r="C90" s="68">
        <v>-3</v>
      </c>
      <c r="D90" s="68">
        <v>1</v>
      </c>
      <c r="E90" s="67">
        <v>4</v>
      </c>
      <c r="F90" s="68">
        <v>3</v>
      </c>
      <c r="G90" s="69">
        <v>1</v>
      </c>
      <c r="H90" s="68">
        <v>10</v>
      </c>
      <c r="I90" s="68">
        <v>6</v>
      </c>
      <c r="J90" s="68">
        <v>4</v>
      </c>
      <c r="K90" s="67">
        <v>8</v>
      </c>
      <c r="L90" s="79">
        <v>6</v>
      </c>
      <c r="M90" s="80">
        <v>2</v>
      </c>
    </row>
    <row r="91" spans="1:13">
      <c r="A91" s="27" t="s">
        <v>35</v>
      </c>
      <c r="B91" s="67">
        <v>2</v>
      </c>
      <c r="C91" s="68">
        <v>0</v>
      </c>
      <c r="D91" s="68">
        <v>2</v>
      </c>
      <c r="E91" s="67">
        <v>1</v>
      </c>
      <c r="F91" s="68">
        <v>0</v>
      </c>
      <c r="G91" s="69">
        <v>1</v>
      </c>
      <c r="H91" s="68">
        <v>11</v>
      </c>
      <c r="I91" s="68">
        <v>5</v>
      </c>
      <c r="J91" s="68">
        <v>6</v>
      </c>
      <c r="K91" s="67">
        <v>8</v>
      </c>
      <c r="L91" s="79">
        <v>5</v>
      </c>
      <c r="M91" s="80">
        <v>3</v>
      </c>
    </row>
    <row r="92" spans="1:13">
      <c r="A92" s="27" t="s">
        <v>37</v>
      </c>
      <c r="B92" s="67">
        <v>5</v>
      </c>
      <c r="C92" s="68">
        <v>3</v>
      </c>
      <c r="D92" s="68">
        <v>2</v>
      </c>
      <c r="E92" s="67">
        <v>1</v>
      </c>
      <c r="F92" s="68">
        <v>0</v>
      </c>
      <c r="G92" s="69">
        <v>1</v>
      </c>
      <c r="H92" s="68">
        <v>11</v>
      </c>
      <c r="I92" s="68">
        <v>6</v>
      </c>
      <c r="J92" s="68">
        <v>5</v>
      </c>
      <c r="K92" s="67">
        <v>5</v>
      </c>
      <c r="L92" s="79">
        <v>3</v>
      </c>
      <c r="M92" s="80">
        <v>2</v>
      </c>
    </row>
    <row r="93" spans="1:13" ht="21" customHeight="1">
      <c r="A93" s="38" t="s">
        <v>39</v>
      </c>
      <c r="B93" s="64">
        <v>5</v>
      </c>
      <c r="C93" s="65">
        <v>0</v>
      </c>
      <c r="D93" s="65">
        <v>5</v>
      </c>
      <c r="E93" s="64">
        <v>19</v>
      </c>
      <c r="F93" s="65">
        <v>14</v>
      </c>
      <c r="G93" s="66">
        <v>5</v>
      </c>
      <c r="H93" s="65">
        <v>42</v>
      </c>
      <c r="I93" s="65">
        <v>22</v>
      </c>
      <c r="J93" s="65">
        <v>20</v>
      </c>
      <c r="K93" s="64">
        <v>18</v>
      </c>
      <c r="L93" s="77">
        <v>8</v>
      </c>
      <c r="M93" s="78">
        <v>10</v>
      </c>
    </row>
    <row r="94" spans="1:13">
      <c r="A94" s="27" t="s">
        <v>41</v>
      </c>
      <c r="B94" s="67">
        <v>2</v>
      </c>
      <c r="C94" s="68">
        <v>1</v>
      </c>
      <c r="D94" s="68">
        <v>1</v>
      </c>
      <c r="E94" s="67">
        <v>3</v>
      </c>
      <c r="F94" s="68">
        <v>2</v>
      </c>
      <c r="G94" s="69">
        <v>1</v>
      </c>
      <c r="H94" s="68">
        <v>7</v>
      </c>
      <c r="I94" s="68">
        <v>4</v>
      </c>
      <c r="J94" s="68">
        <v>3</v>
      </c>
      <c r="K94" s="67">
        <v>2</v>
      </c>
      <c r="L94" s="79">
        <v>1</v>
      </c>
      <c r="M94" s="80">
        <v>1</v>
      </c>
    </row>
    <row r="95" spans="1:13">
      <c r="A95" s="27" t="s">
        <v>43</v>
      </c>
      <c r="B95" s="67">
        <v>1</v>
      </c>
      <c r="C95" s="68">
        <v>-1</v>
      </c>
      <c r="D95" s="68">
        <v>2</v>
      </c>
      <c r="E95" s="67">
        <v>5</v>
      </c>
      <c r="F95" s="68">
        <v>4</v>
      </c>
      <c r="G95" s="69">
        <v>1</v>
      </c>
      <c r="H95" s="68">
        <v>11</v>
      </c>
      <c r="I95" s="68">
        <v>6</v>
      </c>
      <c r="J95" s="68">
        <v>5</v>
      </c>
      <c r="K95" s="67">
        <v>5</v>
      </c>
      <c r="L95" s="79">
        <v>3</v>
      </c>
      <c r="M95" s="80">
        <v>2</v>
      </c>
    </row>
    <row r="96" spans="1:13">
      <c r="A96" s="27" t="s">
        <v>45</v>
      </c>
      <c r="B96" s="67">
        <v>2</v>
      </c>
      <c r="C96" s="68">
        <v>-2</v>
      </c>
      <c r="D96" s="68">
        <v>4</v>
      </c>
      <c r="E96" s="67">
        <v>4</v>
      </c>
      <c r="F96" s="68">
        <v>4</v>
      </c>
      <c r="G96" s="69">
        <v>0</v>
      </c>
      <c r="H96" s="68">
        <v>13</v>
      </c>
      <c r="I96" s="68">
        <v>4</v>
      </c>
      <c r="J96" s="68">
        <v>9</v>
      </c>
      <c r="K96" s="67">
        <v>7</v>
      </c>
      <c r="L96" s="79">
        <v>2</v>
      </c>
      <c r="M96" s="80">
        <v>5</v>
      </c>
    </row>
    <row r="97" spans="1:13">
      <c r="A97" s="27" t="s">
        <v>47</v>
      </c>
      <c r="B97" s="67">
        <v>0</v>
      </c>
      <c r="C97" s="68">
        <v>2</v>
      </c>
      <c r="D97" s="68">
        <v>-2</v>
      </c>
      <c r="E97" s="67">
        <v>5</v>
      </c>
      <c r="F97" s="68">
        <v>2</v>
      </c>
      <c r="G97" s="69">
        <v>3</v>
      </c>
      <c r="H97" s="68">
        <v>7</v>
      </c>
      <c r="I97" s="68">
        <v>5</v>
      </c>
      <c r="J97" s="68">
        <v>2</v>
      </c>
      <c r="K97" s="67">
        <v>2</v>
      </c>
      <c r="L97" s="79">
        <v>1</v>
      </c>
      <c r="M97" s="80">
        <v>1</v>
      </c>
    </row>
    <row r="98" spans="1:13">
      <c r="A98" s="27" t="s">
        <v>49</v>
      </c>
      <c r="B98" s="67">
        <v>0</v>
      </c>
      <c r="C98" s="68">
        <v>0</v>
      </c>
      <c r="D98" s="68">
        <v>0</v>
      </c>
      <c r="E98" s="67">
        <v>2</v>
      </c>
      <c r="F98" s="68">
        <v>2</v>
      </c>
      <c r="G98" s="69">
        <v>0</v>
      </c>
      <c r="H98" s="68">
        <v>4</v>
      </c>
      <c r="I98" s="68">
        <v>3</v>
      </c>
      <c r="J98" s="68">
        <v>1</v>
      </c>
      <c r="K98" s="67">
        <v>2</v>
      </c>
      <c r="L98" s="79">
        <v>1</v>
      </c>
      <c r="M98" s="80">
        <v>1</v>
      </c>
    </row>
    <row r="99" spans="1:13" ht="21" customHeight="1">
      <c r="A99" s="38" t="s">
        <v>51</v>
      </c>
      <c r="B99" s="64">
        <v>-17</v>
      </c>
      <c r="C99" s="65">
        <v>-8</v>
      </c>
      <c r="D99" s="65">
        <v>-9</v>
      </c>
      <c r="E99" s="64">
        <v>34</v>
      </c>
      <c r="F99" s="65">
        <v>20</v>
      </c>
      <c r="G99" s="66">
        <v>14</v>
      </c>
      <c r="H99" s="65">
        <v>34</v>
      </c>
      <c r="I99" s="65">
        <v>17</v>
      </c>
      <c r="J99" s="65">
        <v>17</v>
      </c>
      <c r="K99" s="64">
        <v>17</v>
      </c>
      <c r="L99" s="77">
        <v>5</v>
      </c>
      <c r="M99" s="78">
        <v>12</v>
      </c>
    </row>
    <row r="100" spans="1:13">
      <c r="A100" s="27" t="s">
        <v>53</v>
      </c>
      <c r="B100" s="67">
        <v>1</v>
      </c>
      <c r="C100" s="68">
        <v>1</v>
      </c>
      <c r="D100" s="68">
        <v>0</v>
      </c>
      <c r="E100" s="67">
        <v>7</v>
      </c>
      <c r="F100" s="68">
        <v>4</v>
      </c>
      <c r="G100" s="69">
        <v>3</v>
      </c>
      <c r="H100" s="68">
        <v>10</v>
      </c>
      <c r="I100" s="68">
        <v>6</v>
      </c>
      <c r="J100" s="68">
        <v>4</v>
      </c>
      <c r="K100" s="67">
        <v>2</v>
      </c>
      <c r="L100" s="79">
        <v>1</v>
      </c>
      <c r="M100" s="80">
        <v>1</v>
      </c>
    </row>
    <row r="101" spans="1:13">
      <c r="A101" s="27" t="s">
        <v>55</v>
      </c>
      <c r="B101" s="67">
        <v>-2</v>
      </c>
      <c r="C101" s="68">
        <v>-2</v>
      </c>
      <c r="D101" s="68">
        <v>0</v>
      </c>
      <c r="E101" s="67">
        <v>7</v>
      </c>
      <c r="F101" s="68">
        <v>4</v>
      </c>
      <c r="G101" s="69">
        <v>3</v>
      </c>
      <c r="H101" s="68">
        <v>7</v>
      </c>
      <c r="I101" s="68">
        <v>3</v>
      </c>
      <c r="J101" s="68">
        <v>4</v>
      </c>
      <c r="K101" s="67">
        <v>2</v>
      </c>
      <c r="L101" s="79">
        <v>1</v>
      </c>
      <c r="M101" s="80">
        <v>1</v>
      </c>
    </row>
    <row r="102" spans="1:13">
      <c r="A102" s="27" t="s">
        <v>57</v>
      </c>
      <c r="B102" s="67">
        <v>-4</v>
      </c>
      <c r="C102" s="68">
        <v>-3</v>
      </c>
      <c r="D102" s="68">
        <v>-1</v>
      </c>
      <c r="E102" s="67">
        <v>4</v>
      </c>
      <c r="F102" s="68">
        <v>3</v>
      </c>
      <c r="G102" s="69">
        <v>1</v>
      </c>
      <c r="H102" s="68">
        <v>2</v>
      </c>
      <c r="I102" s="68">
        <v>1</v>
      </c>
      <c r="J102" s="68">
        <v>1</v>
      </c>
      <c r="K102" s="67">
        <v>2</v>
      </c>
      <c r="L102" s="79">
        <v>1</v>
      </c>
      <c r="M102" s="80">
        <v>1</v>
      </c>
    </row>
    <row r="103" spans="1:13">
      <c r="A103" s="27" t="s">
        <v>59</v>
      </c>
      <c r="B103" s="67">
        <v>-5</v>
      </c>
      <c r="C103" s="68">
        <v>-1</v>
      </c>
      <c r="D103" s="68">
        <v>-4</v>
      </c>
      <c r="E103" s="67">
        <v>8</v>
      </c>
      <c r="F103" s="68">
        <v>4</v>
      </c>
      <c r="G103" s="69">
        <v>4</v>
      </c>
      <c r="H103" s="68">
        <v>9</v>
      </c>
      <c r="I103" s="68">
        <v>3</v>
      </c>
      <c r="J103" s="68">
        <v>6</v>
      </c>
      <c r="K103" s="67">
        <v>6</v>
      </c>
      <c r="L103" s="79">
        <v>0</v>
      </c>
      <c r="M103" s="80">
        <v>6</v>
      </c>
    </row>
    <row r="104" spans="1:13">
      <c r="A104" s="27" t="s">
        <v>61</v>
      </c>
      <c r="B104" s="67">
        <v>-7</v>
      </c>
      <c r="C104" s="68">
        <v>-3</v>
      </c>
      <c r="D104" s="68">
        <v>-4</v>
      </c>
      <c r="E104" s="67">
        <v>8</v>
      </c>
      <c r="F104" s="68">
        <v>5</v>
      </c>
      <c r="G104" s="69">
        <v>3</v>
      </c>
      <c r="H104" s="68">
        <v>6</v>
      </c>
      <c r="I104" s="68">
        <v>4</v>
      </c>
      <c r="J104" s="68">
        <v>2</v>
      </c>
      <c r="K104" s="67">
        <v>5</v>
      </c>
      <c r="L104" s="79">
        <v>2</v>
      </c>
      <c r="M104" s="80">
        <v>3</v>
      </c>
    </row>
    <row r="105" spans="1:13" ht="21" customHeight="1">
      <c r="A105" s="38" t="s">
        <v>63</v>
      </c>
      <c r="B105" s="64">
        <v>-49</v>
      </c>
      <c r="C105" s="65">
        <v>-26</v>
      </c>
      <c r="D105" s="65">
        <v>-23</v>
      </c>
      <c r="E105" s="64">
        <v>58</v>
      </c>
      <c r="F105" s="65">
        <v>37</v>
      </c>
      <c r="G105" s="66">
        <v>21</v>
      </c>
      <c r="H105" s="65">
        <v>27</v>
      </c>
      <c r="I105" s="65">
        <v>17</v>
      </c>
      <c r="J105" s="65">
        <v>10</v>
      </c>
      <c r="K105" s="64">
        <v>18</v>
      </c>
      <c r="L105" s="77">
        <v>6</v>
      </c>
      <c r="M105" s="78">
        <v>12</v>
      </c>
    </row>
    <row r="106" spans="1:13">
      <c r="A106" s="27" t="s">
        <v>65</v>
      </c>
      <c r="B106" s="67">
        <v>-9</v>
      </c>
      <c r="C106" s="68">
        <v>-5</v>
      </c>
      <c r="D106" s="68">
        <v>-4</v>
      </c>
      <c r="E106" s="67">
        <v>12</v>
      </c>
      <c r="F106" s="68">
        <v>10</v>
      </c>
      <c r="G106" s="69">
        <v>2</v>
      </c>
      <c r="H106" s="68">
        <v>7</v>
      </c>
      <c r="I106" s="68">
        <v>6</v>
      </c>
      <c r="J106" s="68">
        <v>1</v>
      </c>
      <c r="K106" s="67">
        <v>4</v>
      </c>
      <c r="L106" s="79">
        <v>1</v>
      </c>
      <c r="M106" s="80">
        <v>3</v>
      </c>
    </row>
    <row r="107" spans="1:13">
      <c r="A107" s="27" t="s">
        <v>67</v>
      </c>
      <c r="B107" s="67">
        <v>-12</v>
      </c>
      <c r="C107" s="68">
        <v>-3</v>
      </c>
      <c r="D107" s="68">
        <v>-9</v>
      </c>
      <c r="E107" s="67">
        <v>14</v>
      </c>
      <c r="F107" s="68">
        <v>5</v>
      </c>
      <c r="G107" s="69">
        <v>9</v>
      </c>
      <c r="H107" s="68">
        <v>5</v>
      </c>
      <c r="I107" s="68">
        <v>3</v>
      </c>
      <c r="J107" s="68">
        <v>2</v>
      </c>
      <c r="K107" s="67">
        <v>3</v>
      </c>
      <c r="L107" s="79">
        <v>1</v>
      </c>
      <c r="M107" s="80">
        <v>2</v>
      </c>
    </row>
    <row r="108" spans="1:13">
      <c r="A108" s="27" t="s">
        <v>69</v>
      </c>
      <c r="B108" s="67">
        <v>-10</v>
      </c>
      <c r="C108" s="68">
        <v>-9</v>
      </c>
      <c r="D108" s="68">
        <v>-1</v>
      </c>
      <c r="E108" s="67">
        <v>13</v>
      </c>
      <c r="F108" s="68">
        <v>11</v>
      </c>
      <c r="G108" s="69">
        <v>2</v>
      </c>
      <c r="H108" s="68">
        <v>5</v>
      </c>
      <c r="I108" s="68">
        <v>3</v>
      </c>
      <c r="J108" s="68">
        <v>2</v>
      </c>
      <c r="K108" s="67">
        <v>2</v>
      </c>
      <c r="L108" s="79">
        <v>1</v>
      </c>
      <c r="M108" s="80">
        <v>1</v>
      </c>
    </row>
    <row r="109" spans="1:13">
      <c r="A109" s="27" t="s">
        <v>71</v>
      </c>
      <c r="B109" s="67">
        <v>-7</v>
      </c>
      <c r="C109" s="68">
        <v>-2</v>
      </c>
      <c r="D109" s="68">
        <v>-5</v>
      </c>
      <c r="E109" s="67">
        <v>9</v>
      </c>
      <c r="F109" s="68">
        <v>4</v>
      </c>
      <c r="G109" s="69">
        <v>5</v>
      </c>
      <c r="H109" s="68">
        <v>3</v>
      </c>
      <c r="I109" s="68">
        <v>2</v>
      </c>
      <c r="J109" s="68">
        <v>1</v>
      </c>
      <c r="K109" s="67">
        <v>1</v>
      </c>
      <c r="L109" s="79">
        <v>0</v>
      </c>
      <c r="M109" s="80">
        <v>1</v>
      </c>
    </row>
    <row r="110" spans="1:13">
      <c r="A110" s="27" t="s">
        <v>73</v>
      </c>
      <c r="B110" s="67">
        <v>-11</v>
      </c>
      <c r="C110" s="68">
        <v>-7</v>
      </c>
      <c r="D110" s="68">
        <v>-4</v>
      </c>
      <c r="E110" s="67">
        <v>10</v>
      </c>
      <c r="F110" s="68">
        <v>7</v>
      </c>
      <c r="G110" s="69">
        <v>3</v>
      </c>
      <c r="H110" s="68">
        <v>7</v>
      </c>
      <c r="I110" s="68">
        <v>3</v>
      </c>
      <c r="J110" s="68">
        <v>4</v>
      </c>
      <c r="K110" s="67">
        <v>8</v>
      </c>
      <c r="L110" s="79">
        <v>3</v>
      </c>
      <c r="M110" s="80">
        <v>5</v>
      </c>
    </row>
    <row r="111" spans="1:13" ht="21" customHeight="1">
      <c r="A111" s="38" t="s">
        <v>75</v>
      </c>
      <c r="B111" s="64">
        <v>-85</v>
      </c>
      <c r="C111" s="65">
        <v>-66</v>
      </c>
      <c r="D111" s="65">
        <v>-19</v>
      </c>
      <c r="E111" s="64">
        <v>91</v>
      </c>
      <c r="F111" s="65">
        <v>65</v>
      </c>
      <c r="G111" s="66">
        <v>26</v>
      </c>
      <c r="H111" s="65">
        <v>23</v>
      </c>
      <c r="I111" s="65">
        <v>10</v>
      </c>
      <c r="J111" s="65">
        <v>13</v>
      </c>
      <c r="K111" s="64">
        <v>17</v>
      </c>
      <c r="L111" s="77">
        <v>11</v>
      </c>
      <c r="M111" s="78">
        <v>6</v>
      </c>
    </row>
    <row r="112" spans="1:13">
      <c r="A112" s="27" t="s">
        <v>77</v>
      </c>
      <c r="B112" s="67">
        <v>-19</v>
      </c>
      <c r="C112" s="68">
        <v>-13</v>
      </c>
      <c r="D112" s="68">
        <v>-6</v>
      </c>
      <c r="E112" s="67">
        <v>20</v>
      </c>
      <c r="F112" s="68">
        <v>12</v>
      </c>
      <c r="G112" s="69">
        <v>8</v>
      </c>
      <c r="H112" s="68">
        <v>6</v>
      </c>
      <c r="I112" s="68">
        <v>3</v>
      </c>
      <c r="J112" s="68">
        <v>3</v>
      </c>
      <c r="K112" s="67">
        <v>5</v>
      </c>
      <c r="L112" s="79">
        <v>4</v>
      </c>
      <c r="M112" s="80">
        <v>1</v>
      </c>
    </row>
    <row r="113" spans="1:13">
      <c r="A113" s="27" t="s">
        <v>79</v>
      </c>
      <c r="B113" s="67">
        <v>-14</v>
      </c>
      <c r="C113" s="68">
        <v>-17</v>
      </c>
      <c r="D113" s="68">
        <v>3</v>
      </c>
      <c r="E113" s="67">
        <v>18</v>
      </c>
      <c r="F113" s="68">
        <v>18</v>
      </c>
      <c r="G113" s="69">
        <v>0</v>
      </c>
      <c r="H113" s="68">
        <v>6</v>
      </c>
      <c r="I113" s="68">
        <v>2</v>
      </c>
      <c r="J113" s="68">
        <v>4</v>
      </c>
      <c r="K113" s="67">
        <v>2</v>
      </c>
      <c r="L113" s="79">
        <v>1</v>
      </c>
      <c r="M113" s="80">
        <v>1</v>
      </c>
    </row>
    <row r="114" spans="1:13">
      <c r="A114" s="27" t="s">
        <v>81</v>
      </c>
      <c r="B114" s="67">
        <v>-18</v>
      </c>
      <c r="C114" s="68">
        <v>-14</v>
      </c>
      <c r="D114" s="68">
        <v>-4</v>
      </c>
      <c r="E114" s="67">
        <v>20</v>
      </c>
      <c r="F114" s="68">
        <v>14</v>
      </c>
      <c r="G114" s="69">
        <v>6</v>
      </c>
      <c r="H114" s="68">
        <v>4</v>
      </c>
      <c r="I114" s="68">
        <v>1</v>
      </c>
      <c r="J114" s="68">
        <v>3</v>
      </c>
      <c r="K114" s="67">
        <v>2</v>
      </c>
      <c r="L114" s="79">
        <v>1</v>
      </c>
      <c r="M114" s="80">
        <v>1</v>
      </c>
    </row>
    <row r="115" spans="1:13">
      <c r="A115" s="27" t="s">
        <v>83</v>
      </c>
      <c r="B115" s="67">
        <v>-18</v>
      </c>
      <c r="C115" s="68">
        <v>-10</v>
      </c>
      <c r="D115" s="68">
        <v>-8</v>
      </c>
      <c r="E115" s="67">
        <v>18</v>
      </c>
      <c r="F115" s="68">
        <v>9</v>
      </c>
      <c r="G115" s="69">
        <v>9</v>
      </c>
      <c r="H115" s="68">
        <v>5</v>
      </c>
      <c r="I115" s="68">
        <v>3</v>
      </c>
      <c r="J115" s="68">
        <v>2</v>
      </c>
      <c r="K115" s="67">
        <v>5</v>
      </c>
      <c r="L115" s="79">
        <v>4</v>
      </c>
      <c r="M115" s="80">
        <v>1</v>
      </c>
    </row>
    <row r="116" spans="1:13">
      <c r="A116" s="27" t="s">
        <v>85</v>
      </c>
      <c r="B116" s="67">
        <v>-16</v>
      </c>
      <c r="C116" s="68">
        <v>-12</v>
      </c>
      <c r="D116" s="68">
        <v>-4</v>
      </c>
      <c r="E116" s="67">
        <v>15</v>
      </c>
      <c r="F116" s="68">
        <v>12</v>
      </c>
      <c r="G116" s="69">
        <v>3</v>
      </c>
      <c r="H116" s="68">
        <v>2</v>
      </c>
      <c r="I116" s="68">
        <v>1</v>
      </c>
      <c r="J116" s="68">
        <v>1</v>
      </c>
      <c r="K116" s="67">
        <v>3</v>
      </c>
      <c r="L116" s="79">
        <v>1</v>
      </c>
      <c r="M116" s="80">
        <v>2</v>
      </c>
    </row>
    <row r="117" spans="1:13" ht="21" customHeight="1">
      <c r="A117" s="38" t="s">
        <v>87</v>
      </c>
      <c r="B117" s="64">
        <v>-131</v>
      </c>
      <c r="C117" s="65">
        <v>-75</v>
      </c>
      <c r="D117" s="65">
        <v>-56</v>
      </c>
      <c r="E117" s="64">
        <v>137</v>
      </c>
      <c r="F117" s="65">
        <v>78</v>
      </c>
      <c r="G117" s="66">
        <v>59</v>
      </c>
      <c r="H117" s="65">
        <v>22</v>
      </c>
      <c r="I117" s="65">
        <v>5</v>
      </c>
      <c r="J117" s="65">
        <v>17</v>
      </c>
      <c r="K117" s="64">
        <v>16</v>
      </c>
      <c r="L117" s="77">
        <v>2</v>
      </c>
      <c r="M117" s="78">
        <v>14</v>
      </c>
    </row>
    <row r="118" spans="1:13">
      <c r="A118" s="27" t="s">
        <v>89</v>
      </c>
      <c r="B118" s="67">
        <v>-20</v>
      </c>
      <c r="C118" s="68">
        <v>-12</v>
      </c>
      <c r="D118" s="68">
        <v>-8</v>
      </c>
      <c r="E118" s="67">
        <v>19</v>
      </c>
      <c r="F118" s="68">
        <v>11</v>
      </c>
      <c r="G118" s="69">
        <v>8</v>
      </c>
      <c r="H118" s="68">
        <v>1</v>
      </c>
      <c r="I118" s="68">
        <v>0</v>
      </c>
      <c r="J118" s="68">
        <v>1</v>
      </c>
      <c r="K118" s="67">
        <v>2</v>
      </c>
      <c r="L118" s="79">
        <v>1</v>
      </c>
      <c r="M118" s="80">
        <v>1</v>
      </c>
    </row>
    <row r="119" spans="1:13">
      <c r="A119" s="27" t="s">
        <v>91</v>
      </c>
      <c r="B119" s="67">
        <v>-20</v>
      </c>
      <c r="C119" s="68">
        <v>-16</v>
      </c>
      <c r="D119" s="68">
        <v>-4</v>
      </c>
      <c r="E119" s="67">
        <v>24</v>
      </c>
      <c r="F119" s="68">
        <v>17</v>
      </c>
      <c r="G119" s="69">
        <v>7</v>
      </c>
      <c r="H119" s="68">
        <v>7</v>
      </c>
      <c r="I119" s="68">
        <v>2</v>
      </c>
      <c r="J119" s="68">
        <v>5</v>
      </c>
      <c r="K119" s="67">
        <v>3</v>
      </c>
      <c r="L119" s="79">
        <v>1</v>
      </c>
      <c r="M119" s="80">
        <v>2</v>
      </c>
    </row>
    <row r="120" spans="1:13">
      <c r="A120" s="27" t="s">
        <v>93</v>
      </c>
      <c r="B120" s="67">
        <v>-37</v>
      </c>
      <c r="C120" s="68">
        <v>-19</v>
      </c>
      <c r="D120" s="68">
        <v>-18</v>
      </c>
      <c r="E120" s="67">
        <v>38</v>
      </c>
      <c r="F120" s="68">
        <v>20</v>
      </c>
      <c r="G120" s="69">
        <v>18</v>
      </c>
      <c r="H120" s="68">
        <v>5</v>
      </c>
      <c r="I120" s="68">
        <v>1</v>
      </c>
      <c r="J120" s="68">
        <v>4</v>
      </c>
      <c r="K120" s="67">
        <v>4</v>
      </c>
      <c r="L120" s="79">
        <v>0</v>
      </c>
      <c r="M120" s="80">
        <v>4</v>
      </c>
    </row>
    <row r="121" spans="1:13">
      <c r="A121" s="27" t="s">
        <v>95</v>
      </c>
      <c r="B121" s="67">
        <v>-24</v>
      </c>
      <c r="C121" s="68">
        <v>-13</v>
      </c>
      <c r="D121" s="68">
        <v>-11</v>
      </c>
      <c r="E121" s="67">
        <v>27</v>
      </c>
      <c r="F121" s="68">
        <v>14</v>
      </c>
      <c r="G121" s="69">
        <v>13</v>
      </c>
      <c r="H121" s="68">
        <v>6</v>
      </c>
      <c r="I121" s="68">
        <v>1</v>
      </c>
      <c r="J121" s="68">
        <v>5</v>
      </c>
      <c r="K121" s="67">
        <v>3</v>
      </c>
      <c r="L121" s="79">
        <v>0</v>
      </c>
      <c r="M121" s="80">
        <v>3</v>
      </c>
    </row>
    <row r="122" spans="1:13">
      <c r="A122" s="27" t="s">
        <v>97</v>
      </c>
      <c r="B122" s="67">
        <v>-30</v>
      </c>
      <c r="C122" s="68">
        <v>-15</v>
      </c>
      <c r="D122" s="68">
        <v>-15</v>
      </c>
      <c r="E122" s="67">
        <v>29</v>
      </c>
      <c r="F122" s="68">
        <v>16</v>
      </c>
      <c r="G122" s="69">
        <v>13</v>
      </c>
      <c r="H122" s="68">
        <v>3</v>
      </c>
      <c r="I122" s="68">
        <v>1</v>
      </c>
      <c r="J122" s="68">
        <v>2</v>
      </c>
      <c r="K122" s="67">
        <v>4</v>
      </c>
      <c r="L122" s="79">
        <v>0</v>
      </c>
      <c r="M122" s="80">
        <v>4</v>
      </c>
    </row>
    <row r="123" spans="1:13" ht="21" customHeight="1">
      <c r="A123" s="38" t="s">
        <v>99</v>
      </c>
      <c r="B123" s="64">
        <v>-98</v>
      </c>
      <c r="C123" s="65">
        <v>-45</v>
      </c>
      <c r="D123" s="65">
        <v>-53</v>
      </c>
      <c r="E123" s="64">
        <v>98</v>
      </c>
      <c r="F123" s="65">
        <v>40</v>
      </c>
      <c r="G123" s="66">
        <v>58</v>
      </c>
      <c r="H123" s="65">
        <v>10</v>
      </c>
      <c r="I123" s="65">
        <v>0</v>
      </c>
      <c r="J123" s="65">
        <v>10</v>
      </c>
      <c r="K123" s="64">
        <v>10</v>
      </c>
      <c r="L123" s="77">
        <v>5</v>
      </c>
      <c r="M123" s="78">
        <v>5</v>
      </c>
    </row>
    <row r="124" spans="1:13">
      <c r="A124" s="27" t="s">
        <v>101</v>
      </c>
      <c r="B124" s="67">
        <v>-27</v>
      </c>
      <c r="C124" s="68">
        <v>-13</v>
      </c>
      <c r="D124" s="68">
        <v>-14</v>
      </c>
      <c r="E124" s="67">
        <v>25</v>
      </c>
      <c r="F124" s="68">
        <v>11</v>
      </c>
      <c r="G124" s="69">
        <v>14</v>
      </c>
      <c r="H124" s="68">
        <v>1</v>
      </c>
      <c r="I124" s="68">
        <v>0</v>
      </c>
      <c r="J124" s="68">
        <v>1</v>
      </c>
      <c r="K124" s="67">
        <v>3</v>
      </c>
      <c r="L124" s="79">
        <v>2</v>
      </c>
      <c r="M124" s="80">
        <v>1</v>
      </c>
    </row>
    <row r="125" spans="1:13">
      <c r="A125" s="27" t="s">
        <v>103</v>
      </c>
      <c r="B125" s="67">
        <v>-18</v>
      </c>
      <c r="C125" s="68">
        <v>-8</v>
      </c>
      <c r="D125" s="68">
        <v>-10</v>
      </c>
      <c r="E125" s="67">
        <v>14</v>
      </c>
      <c r="F125" s="68">
        <v>6</v>
      </c>
      <c r="G125" s="69">
        <v>8</v>
      </c>
      <c r="H125" s="68">
        <v>0</v>
      </c>
      <c r="I125" s="68">
        <v>0</v>
      </c>
      <c r="J125" s="68">
        <v>0</v>
      </c>
      <c r="K125" s="67">
        <v>4</v>
      </c>
      <c r="L125" s="79">
        <v>2</v>
      </c>
      <c r="M125" s="80">
        <v>2</v>
      </c>
    </row>
    <row r="126" spans="1:13">
      <c r="A126" s="27" t="s">
        <v>105</v>
      </c>
      <c r="B126" s="67">
        <v>-18</v>
      </c>
      <c r="C126" s="68">
        <v>-9</v>
      </c>
      <c r="D126" s="68">
        <v>-9</v>
      </c>
      <c r="E126" s="67">
        <v>20</v>
      </c>
      <c r="F126" s="68">
        <v>9</v>
      </c>
      <c r="G126" s="69">
        <v>11</v>
      </c>
      <c r="H126" s="68">
        <v>3</v>
      </c>
      <c r="I126" s="68">
        <v>0</v>
      </c>
      <c r="J126" s="68">
        <v>3</v>
      </c>
      <c r="K126" s="67">
        <v>1</v>
      </c>
      <c r="L126" s="79">
        <v>0</v>
      </c>
      <c r="M126" s="80">
        <v>1</v>
      </c>
    </row>
    <row r="127" spans="1:13">
      <c r="A127" s="27" t="s">
        <v>107</v>
      </c>
      <c r="B127" s="67">
        <v>-15</v>
      </c>
      <c r="C127" s="68">
        <v>-8</v>
      </c>
      <c r="D127" s="68">
        <v>-7</v>
      </c>
      <c r="E127" s="67">
        <v>18</v>
      </c>
      <c r="F127" s="68">
        <v>7</v>
      </c>
      <c r="G127" s="69">
        <v>11</v>
      </c>
      <c r="H127" s="68">
        <v>5</v>
      </c>
      <c r="I127" s="68">
        <v>0</v>
      </c>
      <c r="J127" s="68">
        <v>5</v>
      </c>
      <c r="K127" s="67">
        <v>2</v>
      </c>
      <c r="L127" s="79">
        <v>1</v>
      </c>
      <c r="M127" s="80">
        <v>1</v>
      </c>
    </row>
    <row r="128" spans="1:13">
      <c r="A128" s="27" t="s">
        <v>109</v>
      </c>
      <c r="B128" s="67">
        <v>-20</v>
      </c>
      <c r="C128" s="68">
        <v>-7</v>
      </c>
      <c r="D128" s="68">
        <v>-13</v>
      </c>
      <c r="E128" s="67">
        <v>21</v>
      </c>
      <c r="F128" s="68">
        <v>7</v>
      </c>
      <c r="G128" s="69">
        <v>14</v>
      </c>
      <c r="H128" s="68">
        <v>1</v>
      </c>
      <c r="I128" s="68">
        <v>0</v>
      </c>
      <c r="J128" s="68">
        <v>1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55</v>
      </c>
      <c r="C129" s="65">
        <v>-14</v>
      </c>
      <c r="D129" s="65">
        <v>-41</v>
      </c>
      <c r="E129" s="64">
        <v>53</v>
      </c>
      <c r="F129" s="65">
        <v>14</v>
      </c>
      <c r="G129" s="66">
        <v>39</v>
      </c>
      <c r="H129" s="65">
        <v>3</v>
      </c>
      <c r="I129" s="65">
        <v>1</v>
      </c>
      <c r="J129" s="65">
        <v>2</v>
      </c>
      <c r="K129" s="64">
        <v>5</v>
      </c>
      <c r="L129" s="77">
        <v>1</v>
      </c>
      <c r="M129" s="78">
        <v>4</v>
      </c>
    </row>
    <row r="130" spans="1:14">
      <c r="A130" s="27" t="s">
        <v>113</v>
      </c>
      <c r="B130" s="67">
        <v>-14</v>
      </c>
      <c r="C130" s="68">
        <v>-3</v>
      </c>
      <c r="D130" s="68">
        <v>-11</v>
      </c>
      <c r="E130" s="67">
        <v>15</v>
      </c>
      <c r="F130" s="68">
        <v>3</v>
      </c>
      <c r="G130" s="69">
        <v>12</v>
      </c>
      <c r="H130" s="68">
        <v>2</v>
      </c>
      <c r="I130" s="68">
        <v>0</v>
      </c>
      <c r="J130" s="68">
        <v>2</v>
      </c>
      <c r="K130" s="67">
        <v>1</v>
      </c>
      <c r="L130" s="79">
        <v>0</v>
      </c>
      <c r="M130" s="80">
        <v>1</v>
      </c>
    </row>
    <row r="131" spans="1:14">
      <c r="A131" s="27" t="s">
        <v>115</v>
      </c>
      <c r="B131" s="67">
        <v>-12</v>
      </c>
      <c r="C131" s="68">
        <v>-1</v>
      </c>
      <c r="D131" s="68">
        <v>-11</v>
      </c>
      <c r="E131" s="67">
        <v>12</v>
      </c>
      <c r="F131" s="68">
        <v>1</v>
      </c>
      <c r="G131" s="69">
        <v>11</v>
      </c>
      <c r="H131" s="68">
        <v>0</v>
      </c>
      <c r="I131" s="68">
        <v>0</v>
      </c>
      <c r="J131" s="68">
        <v>0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-13</v>
      </c>
      <c r="C132" s="68">
        <v>-4</v>
      </c>
      <c r="D132" s="68">
        <v>-9</v>
      </c>
      <c r="E132" s="67">
        <v>12</v>
      </c>
      <c r="F132" s="68">
        <v>4</v>
      </c>
      <c r="G132" s="69">
        <v>8</v>
      </c>
      <c r="H132" s="68">
        <v>0</v>
      </c>
      <c r="I132" s="68">
        <v>0</v>
      </c>
      <c r="J132" s="68">
        <v>0</v>
      </c>
      <c r="K132" s="67">
        <v>1</v>
      </c>
      <c r="L132" s="79">
        <v>0</v>
      </c>
      <c r="M132" s="80">
        <v>1</v>
      </c>
    </row>
    <row r="133" spans="1:14">
      <c r="A133" s="27" t="s">
        <v>119</v>
      </c>
      <c r="B133" s="67">
        <v>-14</v>
      </c>
      <c r="C133" s="68">
        <v>-5</v>
      </c>
      <c r="D133" s="68">
        <v>-9</v>
      </c>
      <c r="E133" s="67">
        <v>11</v>
      </c>
      <c r="F133" s="68">
        <v>4</v>
      </c>
      <c r="G133" s="69">
        <v>7</v>
      </c>
      <c r="H133" s="68">
        <v>0</v>
      </c>
      <c r="I133" s="68">
        <v>0</v>
      </c>
      <c r="J133" s="68">
        <v>0</v>
      </c>
      <c r="K133" s="67">
        <v>3</v>
      </c>
      <c r="L133" s="79">
        <v>1</v>
      </c>
      <c r="M133" s="80">
        <v>2</v>
      </c>
    </row>
    <row r="134" spans="1:14">
      <c r="A134" s="27" t="s">
        <v>121</v>
      </c>
      <c r="B134" s="67">
        <v>-2</v>
      </c>
      <c r="C134" s="68">
        <v>-1</v>
      </c>
      <c r="D134" s="68">
        <v>-1</v>
      </c>
      <c r="E134" s="67">
        <v>3</v>
      </c>
      <c r="F134" s="68">
        <v>2</v>
      </c>
      <c r="G134" s="69">
        <v>1</v>
      </c>
      <c r="H134" s="68">
        <v>1</v>
      </c>
      <c r="I134" s="68">
        <v>1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18</v>
      </c>
      <c r="C135" s="40">
        <v>-4</v>
      </c>
      <c r="D135" s="40">
        <v>-14</v>
      </c>
      <c r="E135" s="42">
        <v>18</v>
      </c>
      <c r="F135" s="40">
        <v>4</v>
      </c>
      <c r="G135" s="43">
        <v>14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8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3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31</v>
      </c>
      <c r="C5" s="62">
        <v>-19</v>
      </c>
      <c r="D5" s="62">
        <v>-12</v>
      </c>
      <c r="E5" s="61">
        <v>125</v>
      </c>
      <c r="F5" s="62">
        <v>70</v>
      </c>
      <c r="G5" s="63">
        <v>55</v>
      </c>
      <c r="H5" s="62">
        <v>327</v>
      </c>
      <c r="I5" s="62">
        <v>190</v>
      </c>
      <c r="J5" s="62">
        <v>137</v>
      </c>
      <c r="K5" s="61">
        <v>262</v>
      </c>
      <c r="L5" s="75">
        <v>149</v>
      </c>
      <c r="M5" s="76">
        <v>113</v>
      </c>
    </row>
    <row r="6" spans="1:13" ht="23.25" customHeight="1">
      <c r="A6" s="36" t="s">
        <v>2</v>
      </c>
      <c r="B6" s="64">
        <v>45</v>
      </c>
      <c r="C6" s="65">
        <v>16</v>
      </c>
      <c r="D6" s="65">
        <v>29</v>
      </c>
      <c r="E6" s="64">
        <v>0</v>
      </c>
      <c r="F6" s="65">
        <v>0</v>
      </c>
      <c r="G6" s="66">
        <v>0</v>
      </c>
      <c r="H6" s="65">
        <v>20</v>
      </c>
      <c r="I6" s="65">
        <v>9</v>
      </c>
      <c r="J6" s="65">
        <v>11</v>
      </c>
      <c r="K6" s="64">
        <v>4</v>
      </c>
      <c r="L6" s="77">
        <v>3</v>
      </c>
      <c r="M6" s="78">
        <v>1</v>
      </c>
    </row>
    <row r="7" spans="1:13">
      <c r="A7" s="15" t="s">
        <v>4</v>
      </c>
      <c r="B7" s="67">
        <v>32</v>
      </c>
      <c r="C7" s="68">
        <v>11</v>
      </c>
      <c r="D7" s="68">
        <v>21</v>
      </c>
      <c r="E7" s="67">
        <v>0</v>
      </c>
      <c r="F7" s="68">
        <v>0</v>
      </c>
      <c r="G7" s="69">
        <v>0</v>
      </c>
      <c r="H7" s="68">
        <v>3</v>
      </c>
      <c r="I7" s="68">
        <v>1</v>
      </c>
      <c r="J7" s="68">
        <v>2</v>
      </c>
      <c r="K7" s="67">
        <v>0</v>
      </c>
      <c r="L7" s="79">
        <v>0</v>
      </c>
      <c r="M7" s="80">
        <v>0</v>
      </c>
    </row>
    <row r="8" spans="1:13">
      <c r="A8" s="15" t="s">
        <v>6</v>
      </c>
      <c r="B8" s="67">
        <v>2</v>
      </c>
      <c r="C8" s="68">
        <v>1</v>
      </c>
      <c r="D8" s="68">
        <v>1</v>
      </c>
      <c r="E8" s="67">
        <v>0</v>
      </c>
      <c r="F8" s="68">
        <v>0</v>
      </c>
      <c r="G8" s="69">
        <v>0</v>
      </c>
      <c r="H8" s="68">
        <v>5</v>
      </c>
      <c r="I8" s="68">
        <v>3</v>
      </c>
      <c r="J8" s="68">
        <v>2</v>
      </c>
      <c r="K8" s="67">
        <v>3</v>
      </c>
      <c r="L8" s="79">
        <v>2</v>
      </c>
      <c r="M8" s="80">
        <v>1</v>
      </c>
    </row>
    <row r="9" spans="1:13">
      <c r="A9" s="15" t="s">
        <v>8</v>
      </c>
      <c r="B9" s="67">
        <v>4</v>
      </c>
      <c r="C9" s="68">
        <v>1</v>
      </c>
      <c r="D9" s="68">
        <v>3</v>
      </c>
      <c r="E9" s="67">
        <v>0</v>
      </c>
      <c r="F9" s="68">
        <v>0</v>
      </c>
      <c r="G9" s="69">
        <v>0</v>
      </c>
      <c r="H9" s="68">
        <v>4</v>
      </c>
      <c r="I9" s="68">
        <v>1</v>
      </c>
      <c r="J9" s="68">
        <v>3</v>
      </c>
      <c r="K9" s="67">
        <v>0</v>
      </c>
      <c r="L9" s="79">
        <v>0</v>
      </c>
      <c r="M9" s="80">
        <v>0</v>
      </c>
    </row>
    <row r="10" spans="1:13">
      <c r="A10" s="15" t="s">
        <v>10</v>
      </c>
      <c r="B10" s="67">
        <v>3</v>
      </c>
      <c r="C10" s="68">
        <v>2</v>
      </c>
      <c r="D10" s="68">
        <v>1</v>
      </c>
      <c r="E10" s="67">
        <v>0</v>
      </c>
      <c r="F10" s="68">
        <v>0</v>
      </c>
      <c r="G10" s="69">
        <v>0</v>
      </c>
      <c r="H10" s="68">
        <v>3</v>
      </c>
      <c r="I10" s="68">
        <v>2</v>
      </c>
      <c r="J10" s="68">
        <v>1</v>
      </c>
      <c r="K10" s="67">
        <v>0</v>
      </c>
      <c r="L10" s="79">
        <v>0</v>
      </c>
      <c r="M10" s="80">
        <v>0</v>
      </c>
    </row>
    <row r="11" spans="1:13">
      <c r="A11" s="15" t="s">
        <v>12</v>
      </c>
      <c r="B11" s="67">
        <v>4</v>
      </c>
      <c r="C11" s="68">
        <v>1</v>
      </c>
      <c r="D11" s="68">
        <v>3</v>
      </c>
      <c r="E11" s="67">
        <v>0</v>
      </c>
      <c r="F11" s="68">
        <v>0</v>
      </c>
      <c r="G11" s="69">
        <v>0</v>
      </c>
      <c r="H11" s="68">
        <v>5</v>
      </c>
      <c r="I11" s="68">
        <v>2</v>
      </c>
      <c r="J11" s="68">
        <v>3</v>
      </c>
      <c r="K11" s="67">
        <v>1</v>
      </c>
      <c r="L11" s="79">
        <v>1</v>
      </c>
      <c r="M11" s="80">
        <v>0</v>
      </c>
    </row>
    <row r="12" spans="1:13" ht="21" customHeight="1">
      <c r="A12" s="36" t="s">
        <v>14</v>
      </c>
      <c r="B12" s="64">
        <v>3</v>
      </c>
      <c r="C12" s="65">
        <v>1</v>
      </c>
      <c r="D12" s="65">
        <v>2</v>
      </c>
      <c r="E12" s="64">
        <v>0</v>
      </c>
      <c r="F12" s="65">
        <v>0</v>
      </c>
      <c r="G12" s="66">
        <v>0</v>
      </c>
      <c r="H12" s="65">
        <v>5</v>
      </c>
      <c r="I12" s="65">
        <v>2</v>
      </c>
      <c r="J12" s="65">
        <v>3</v>
      </c>
      <c r="K12" s="64">
        <v>2</v>
      </c>
      <c r="L12" s="77">
        <v>1</v>
      </c>
      <c r="M12" s="78">
        <v>1</v>
      </c>
    </row>
    <row r="13" spans="1:13">
      <c r="A13" s="15" t="s">
        <v>16</v>
      </c>
      <c r="B13" s="67">
        <v>0</v>
      </c>
      <c r="C13" s="68">
        <v>1</v>
      </c>
      <c r="D13" s="68">
        <v>-1</v>
      </c>
      <c r="E13" s="67">
        <v>0</v>
      </c>
      <c r="F13" s="68">
        <v>0</v>
      </c>
      <c r="G13" s="69">
        <v>0</v>
      </c>
      <c r="H13" s="68">
        <v>1</v>
      </c>
      <c r="I13" s="68">
        <v>1</v>
      </c>
      <c r="J13" s="68">
        <v>0</v>
      </c>
      <c r="K13" s="67">
        <v>1</v>
      </c>
      <c r="L13" s="79">
        <v>0</v>
      </c>
      <c r="M13" s="80">
        <v>1</v>
      </c>
    </row>
    <row r="14" spans="1:13">
      <c r="A14" s="15" t="s">
        <v>18</v>
      </c>
      <c r="B14" s="67">
        <v>1</v>
      </c>
      <c r="C14" s="68">
        <v>0</v>
      </c>
      <c r="D14" s="68">
        <v>1</v>
      </c>
      <c r="E14" s="67">
        <v>0</v>
      </c>
      <c r="F14" s="68">
        <v>0</v>
      </c>
      <c r="G14" s="69">
        <v>0</v>
      </c>
      <c r="H14" s="68">
        <v>1</v>
      </c>
      <c r="I14" s="68">
        <v>0</v>
      </c>
      <c r="J14" s="68">
        <v>1</v>
      </c>
      <c r="K14" s="67">
        <v>0</v>
      </c>
      <c r="L14" s="79">
        <v>0</v>
      </c>
      <c r="M14" s="80">
        <v>0</v>
      </c>
    </row>
    <row r="15" spans="1:13">
      <c r="A15" s="15" t="s">
        <v>20</v>
      </c>
      <c r="B15" s="67">
        <v>1</v>
      </c>
      <c r="C15" s="68">
        <v>1</v>
      </c>
      <c r="D15" s="68">
        <v>0</v>
      </c>
      <c r="E15" s="67">
        <v>0</v>
      </c>
      <c r="F15" s="68">
        <v>0</v>
      </c>
      <c r="G15" s="69">
        <v>0</v>
      </c>
      <c r="H15" s="68">
        <v>1</v>
      </c>
      <c r="I15" s="68">
        <v>1</v>
      </c>
      <c r="J15" s="68">
        <v>0</v>
      </c>
      <c r="K15" s="67">
        <v>0</v>
      </c>
      <c r="L15" s="79">
        <v>0</v>
      </c>
      <c r="M15" s="80">
        <v>0</v>
      </c>
    </row>
    <row r="16" spans="1:13">
      <c r="A16" s="15" t="s">
        <v>22</v>
      </c>
      <c r="B16" s="67">
        <v>-1</v>
      </c>
      <c r="C16" s="68">
        <v>-1</v>
      </c>
      <c r="D16" s="68">
        <v>0</v>
      </c>
      <c r="E16" s="67">
        <v>0</v>
      </c>
      <c r="F16" s="68">
        <v>0</v>
      </c>
      <c r="G16" s="69">
        <v>0</v>
      </c>
      <c r="H16" s="68">
        <v>0</v>
      </c>
      <c r="I16" s="68">
        <v>0</v>
      </c>
      <c r="J16" s="68">
        <v>0</v>
      </c>
      <c r="K16" s="67">
        <v>1</v>
      </c>
      <c r="L16" s="79">
        <v>1</v>
      </c>
      <c r="M16" s="80">
        <v>0</v>
      </c>
    </row>
    <row r="17" spans="1:13">
      <c r="A17" s="15" t="s">
        <v>24</v>
      </c>
      <c r="B17" s="67">
        <v>2</v>
      </c>
      <c r="C17" s="68">
        <v>0</v>
      </c>
      <c r="D17" s="68">
        <v>2</v>
      </c>
      <c r="E17" s="67">
        <v>0</v>
      </c>
      <c r="F17" s="68">
        <v>0</v>
      </c>
      <c r="G17" s="69">
        <v>0</v>
      </c>
      <c r="H17" s="68">
        <v>2</v>
      </c>
      <c r="I17" s="68">
        <v>0</v>
      </c>
      <c r="J17" s="68">
        <v>2</v>
      </c>
      <c r="K17" s="67">
        <v>0</v>
      </c>
      <c r="L17" s="79">
        <v>0</v>
      </c>
      <c r="M17" s="80">
        <v>0</v>
      </c>
    </row>
    <row r="18" spans="1:13" ht="21" customHeight="1">
      <c r="A18" s="36" t="s">
        <v>26</v>
      </c>
      <c r="B18" s="64">
        <v>0</v>
      </c>
      <c r="C18" s="65">
        <v>-2</v>
      </c>
      <c r="D18" s="65">
        <v>2</v>
      </c>
      <c r="E18" s="64">
        <v>0</v>
      </c>
      <c r="F18" s="65">
        <v>0</v>
      </c>
      <c r="G18" s="66">
        <v>0</v>
      </c>
      <c r="H18" s="65">
        <v>5</v>
      </c>
      <c r="I18" s="65">
        <v>1</v>
      </c>
      <c r="J18" s="65">
        <v>4</v>
      </c>
      <c r="K18" s="64">
        <v>5</v>
      </c>
      <c r="L18" s="77">
        <v>3</v>
      </c>
      <c r="M18" s="78">
        <v>2</v>
      </c>
    </row>
    <row r="19" spans="1:13">
      <c r="A19" s="15" t="s">
        <v>28</v>
      </c>
      <c r="B19" s="67">
        <v>-1</v>
      </c>
      <c r="C19" s="68">
        <v>-1</v>
      </c>
      <c r="D19" s="68">
        <v>0</v>
      </c>
      <c r="E19" s="67">
        <v>0</v>
      </c>
      <c r="F19" s="68">
        <v>0</v>
      </c>
      <c r="G19" s="69">
        <v>0</v>
      </c>
      <c r="H19" s="68">
        <v>1</v>
      </c>
      <c r="I19" s="68">
        <v>0</v>
      </c>
      <c r="J19" s="68">
        <v>1</v>
      </c>
      <c r="K19" s="67">
        <v>2</v>
      </c>
      <c r="L19" s="79">
        <v>1</v>
      </c>
      <c r="M19" s="80">
        <v>1</v>
      </c>
    </row>
    <row r="20" spans="1:13">
      <c r="A20" s="15" t="s">
        <v>30</v>
      </c>
      <c r="B20" s="67">
        <v>1</v>
      </c>
      <c r="C20" s="68">
        <v>1</v>
      </c>
      <c r="D20" s="68">
        <v>0</v>
      </c>
      <c r="E20" s="67">
        <v>0</v>
      </c>
      <c r="F20" s="68">
        <v>0</v>
      </c>
      <c r="G20" s="69">
        <v>0</v>
      </c>
      <c r="H20" s="68">
        <v>1</v>
      </c>
      <c r="I20" s="68">
        <v>1</v>
      </c>
      <c r="J20" s="68">
        <v>0</v>
      </c>
      <c r="K20" s="67">
        <v>0</v>
      </c>
      <c r="L20" s="79">
        <v>0</v>
      </c>
      <c r="M20" s="80">
        <v>0</v>
      </c>
    </row>
    <row r="21" spans="1:13">
      <c r="A21" s="15" t="s">
        <v>32</v>
      </c>
      <c r="B21" s="67">
        <v>1</v>
      </c>
      <c r="C21" s="68">
        <v>0</v>
      </c>
      <c r="D21" s="68">
        <v>1</v>
      </c>
      <c r="E21" s="67">
        <v>0</v>
      </c>
      <c r="F21" s="68">
        <v>0</v>
      </c>
      <c r="G21" s="69">
        <v>0</v>
      </c>
      <c r="H21" s="68">
        <v>1</v>
      </c>
      <c r="I21" s="68">
        <v>0</v>
      </c>
      <c r="J21" s="68">
        <v>1</v>
      </c>
      <c r="K21" s="67">
        <v>0</v>
      </c>
      <c r="L21" s="79">
        <v>0</v>
      </c>
      <c r="M21" s="80">
        <v>0</v>
      </c>
    </row>
    <row r="22" spans="1:13">
      <c r="A22" s="15" t="s">
        <v>34</v>
      </c>
      <c r="B22" s="67">
        <v>-1</v>
      </c>
      <c r="C22" s="68">
        <v>-2</v>
      </c>
      <c r="D22" s="68">
        <v>1</v>
      </c>
      <c r="E22" s="67">
        <v>0</v>
      </c>
      <c r="F22" s="68">
        <v>0</v>
      </c>
      <c r="G22" s="69">
        <v>0</v>
      </c>
      <c r="H22" s="68">
        <v>2</v>
      </c>
      <c r="I22" s="68">
        <v>0</v>
      </c>
      <c r="J22" s="68">
        <v>2</v>
      </c>
      <c r="K22" s="67">
        <v>3</v>
      </c>
      <c r="L22" s="79">
        <v>2</v>
      </c>
      <c r="M22" s="80">
        <v>1</v>
      </c>
    </row>
    <row r="23" spans="1:13">
      <c r="A23" s="15" t="s">
        <v>36</v>
      </c>
      <c r="B23" s="67">
        <v>0</v>
      </c>
      <c r="C23" s="68">
        <v>0</v>
      </c>
      <c r="D23" s="68">
        <v>0</v>
      </c>
      <c r="E23" s="67">
        <v>0</v>
      </c>
      <c r="F23" s="68">
        <v>0</v>
      </c>
      <c r="G23" s="69">
        <v>0</v>
      </c>
      <c r="H23" s="68">
        <v>0</v>
      </c>
      <c r="I23" s="68">
        <v>0</v>
      </c>
      <c r="J23" s="68">
        <v>0</v>
      </c>
      <c r="K23" s="67">
        <v>0</v>
      </c>
      <c r="L23" s="79">
        <v>0</v>
      </c>
      <c r="M23" s="80">
        <v>0</v>
      </c>
    </row>
    <row r="24" spans="1:13" ht="21" customHeight="1">
      <c r="A24" s="36" t="s">
        <v>38</v>
      </c>
      <c r="B24" s="64">
        <v>-4</v>
      </c>
      <c r="C24" s="65">
        <v>1</v>
      </c>
      <c r="D24" s="65">
        <v>-5</v>
      </c>
      <c r="E24" s="64">
        <v>0</v>
      </c>
      <c r="F24" s="65">
        <v>0</v>
      </c>
      <c r="G24" s="66">
        <v>0</v>
      </c>
      <c r="H24" s="65">
        <v>11</v>
      </c>
      <c r="I24" s="65">
        <v>8</v>
      </c>
      <c r="J24" s="65">
        <v>3</v>
      </c>
      <c r="K24" s="64">
        <v>15</v>
      </c>
      <c r="L24" s="77">
        <v>7</v>
      </c>
      <c r="M24" s="78">
        <v>8</v>
      </c>
    </row>
    <row r="25" spans="1:13">
      <c r="A25" s="15" t="s">
        <v>40</v>
      </c>
      <c r="B25" s="67">
        <v>0</v>
      </c>
      <c r="C25" s="68">
        <v>1</v>
      </c>
      <c r="D25" s="68">
        <v>-1</v>
      </c>
      <c r="E25" s="67">
        <v>0</v>
      </c>
      <c r="F25" s="68">
        <v>0</v>
      </c>
      <c r="G25" s="69">
        <v>0</v>
      </c>
      <c r="H25" s="68">
        <v>1</v>
      </c>
      <c r="I25" s="68">
        <v>1</v>
      </c>
      <c r="J25" s="68">
        <v>0</v>
      </c>
      <c r="K25" s="67">
        <v>1</v>
      </c>
      <c r="L25" s="79">
        <v>0</v>
      </c>
      <c r="M25" s="80">
        <v>1</v>
      </c>
    </row>
    <row r="26" spans="1:13">
      <c r="A26" s="15" t="s">
        <v>42</v>
      </c>
      <c r="B26" s="67">
        <v>-3</v>
      </c>
      <c r="C26" s="68">
        <v>-1</v>
      </c>
      <c r="D26" s="68">
        <v>-2</v>
      </c>
      <c r="E26" s="67">
        <v>0</v>
      </c>
      <c r="F26" s="68">
        <v>0</v>
      </c>
      <c r="G26" s="69">
        <v>0</v>
      </c>
      <c r="H26" s="68">
        <v>0</v>
      </c>
      <c r="I26" s="68">
        <v>0</v>
      </c>
      <c r="J26" s="68">
        <v>0</v>
      </c>
      <c r="K26" s="67">
        <v>3</v>
      </c>
      <c r="L26" s="79">
        <v>1</v>
      </c>
      <c r="M26" s="80">
        <v>2</v>
      </c>
    </row>
    <row r="27" spans="1:13">
      <c r="A27" s="15" t="s">
        <v>44</v>
      </c>
      <c r="B27" s="67">
        <v>0</v>
      </c>
      <c r="C27" s="68">
        <v>-1</v>
      </c>
      <c r="D27" s="68">
        <v>1</v>
      </c>
      <c r="E27" s="67">
        <v>0</v>
      </c>
      <c r="F27" s="68">
        <v>0</v>
      </c>
      <c r="G27" s="69">
        <v>0</v>
      </c>
      <c r="H27" s="68">
        <v>1</v>
      </c>
      <c r="I27" s="68">
        <v>0</v>
      </c>
      <c r="J27" s="68">
        <v>1</v>
      </c>
      <c r="K27" s="67">
        <v>1</v>
      </c>
      <c r="L27" s="79">
        <v>1</v>
      </c>
      <c r="M27" s="80">
        <v>0</v>
      </c>
    </row>
    <row r="28" spans="1:13">
      <c r="A28" s="15" t="s">
        <v>46</v>
      </c>
      <c r="B28" s="67">
        <v>-1</v>
      </c>
      <c r="C28" s="68">
        <v>0</v>
      </c>
      <c r="D28" s="68">
        <v>-1</v>
      </c>
      <c r="E28" s="67">
        <v>0</v>
      </c>
      <c r="F28" s="68">
        <v>0</v>
      </c>
      <c r="G28" s="69">
        <v>0</v>
      </c>
      <c r="H28" s="68">
        <v>4</v>
      </c>
      <c r="I28" s="68">
        <v>2</v>
      </c>
      <c r="J28" s="68">
        <v>2</v>
      </c>
      <c r="K28" s="67">
        <v>5</v>
      </c>
      <c r="L28" s="79">
        <v>2</v>
      </c>
      <c r="M28" s="80">
        <v>3</v>
      </c>
    </row>
    <row r="29" spans="1:13">
      <c r="A29" s="15" t="s">
        <v>48</v>
      </c>
      <c r="B29" s="67">
        <v>0</v>
      </c>
      <c r="C29" s="68">
        <v>2</v>
      </c>
      <c r="D29" s="68">
        <v>-2</v>
      </c>
      <c r="E29" s="67">
        <v>0</v>
      </c>
      <c r="F29" s="68">
        <v>0</v>
      </c>
      <c r="G29" s="69">
        <v>0</v>
      </c>
      <c r="H29" s="68">
        <v>5</v>
      </c>
      <c r="I29" s="68">
        <v>5</v>
      </c>
      <c r="J29" s="68">
        <v>0</v>
      </c>
      <c r="K29" s="67">
        <v>5</v>
      </c>
      <c r="L29" s="79">
        <v>3</v>
      </c>
      <c r="M29" s="80">
        <v>2</v>
      </c>
    </row>
    <row r="30" spans="1:13" ht="21" customHeight="1">
      <c r="A30" s="36" t="s">
        <v>50</v>
      </c>
      <c r="B30" s="64">
        <v>1</v>
      </c>
      <c r="C30" s="65">
        <v>7</v>
      </c>
      <c r="D30" s="65">
        <v>-6</v>
      </c>
      <c r="E30" s="64">
        <v>1</v>
      </c>
      <c r="F30" s="65">
        <v>1</v>
      </c>
      <c r="G30" s="66">
        <v>0</v>
      </c>
      <c r="H30" s="65">
        <v>53</v>
      </c>
      <c r="I30" s="65">
        <v>35</v>
      </c>
      <c r="J30" s="65">
        <v>18</v>
      </c>
      <c r="K30" s="64">
        <v>51</v>
      </c>
      <c r="L30" s="77">
        <v>27</v>
      </c>
      <c r="M30" s="78">
        <v>24</v>
      </c>
    </row>
    <row r="31" spans="1:13">
      <c r="A31" s="15" t="s">
        <v>52</v>
      </c>
      <c r="B31" s="67">
        <v>5</v>
      </c>
      <c r="C31" s="68">
        <v>4</v>
      </c>
      <c r="D31" s="68">
        <v>1</v>
      </c>
      <c r="E31" s="67">
        <v>0</v>
      </c>
      <c r="F31" s="68">
        <v>0</v>
      </c>
      <c r="G31" s="69">
        <v>0</v>
      </c>
      <c r="H31" s="68">
        <v>7</v>
      </c>
      <c r="I31" s="68">
        <v>5</v>
      </c>
      <c r="J31" s="68">
        <v>2</v>
      </c>
      <c r="K31" s="67">
        <v>2</v>
      </c>
      <c r="L31" s="79">
        <v>1</v>
      </c>
      <c r="M31" s="80">
        <v>1</v>
      </c>
    </row>
    <row r="32" spans="1:13">
      <c r="A32" s="15" t="s">
        <v>54</v>
      </c>
      <c r="B32" s="67">
        <v>-1</v>
      </c>
      <c r="C32" s="68">
        <v>1</v>
      </c>
      <c r="D32" s="68">
        <v>-2</v>
      </c>
      <c r="E32" s="67">
        <v>1</v>
      </c>
      <c r="F32" s="68">
        <v>1</v>
      </c>
      <c r="G32" s="69">
        <v>0</v>
      </c>
      <c r="H32" s="68">
        <v>10</v>
      </c>
      <c r="I32" s="68">
        <v>7</v>
      </c>
      <c r="J32" s="68">
        <v>3</v>
      </c>
      <c r="K32" s="67">
        <v>10</v>
      </c>
      <c r="L32" s="79">
        <v>5</v>
      </c>
      <c r="M32" s="80">
        <v>5</v>
      </c>
    </row>
    <row r="33" spans="1:13">
      <c r="A33" s="15" t="s">
        <v>56</v>
      </c>
      <c r="B33" s="67">
        <v>-4</v>
      </c>
      <c r="C33" s="68">
        <v>-5</v>
      </c>
      <c r="D33" s="68">
        <v>1</v>
      </c>
      <c r="E33" s="67">
        <v>0</v>
      </c>
      <c r="F33" s="68">
        <v>0</v>
      </c>
      <c r="G33" s="69">
        <v>0</v>
      </c>
      <c r="H33" s="68">
        <v>5</v>
      </c>
      <c r="I33" s="68">
        <v>2</v>
      </c>
      <c r="J33" s="68">
        <v>3</v>
      </c>
      <c r="K33" s="67">
        <v>9</v>
      </c>
      <c r="L33" s="79">
        <v>7</v>
      </c>
      <c r="M33" s="80">
        <v>2</v>
      </c>
    </row>
    <row r="34" spans="1:13">
      <c r="A34" s="15" t="s">
        <v>58</v>
      </c>
      <c r="B34" s="67">
        <v>-4</v>
      </c>
      <c r="C34" s="68">
        <v>2</v>
      </c>
      <c r="D34" s="68">
        <v>-6</v>
      </c>
      <c r="E34" s="67">
        <v>0</v>
      </c>
      <c r="F34" s="68">
        <v>0</v>
      </c>
      <c r="G34" s="69">
        <v>0</v>
      </c>
      <c r="H34" s="68">
        <v>16</v>
      </c>
      <c r="I34" s="68">
        <v>13</v>
      </c>
      <c r="J34" s="68">
        <v>3</v>
      </c>
      <c r="K34" s="67">
        <v>20</v>
      </c>
      <c r="L34" s="79">
        <v>11</v>
      </c>
      <c r="M34" s="80">
        <v>9</v>
      </c>
    </row>
    <row r="35" spans="1:13">
      <c r="A35" s="15" t="s">
        <v>60</v>
      </c>
      <c r="B35" s="67">
        <v>5</v>
      </c>
      <c r="C35" s="68">
        <v>5</v>
      </c>
      <c r="D35" s="68">
        <v>0</v>
      </c>
      <c r="E35" s="67">
        <v>0</v>
      </c>
      <c r="F35" s="68">
        <v>0</v>
      </c>
      <c r="G35" s="69">
        <v>0</v>
      </c>
      <c r="H35" s="68">
        <v>15</v>
      </c>
      <c r="I35" s="68">
        <v>8</v>
      </c>
      <c r="J35" s="68">
        <v>7</v>
      </c>
      <c r="K35" s="67">
        <v>10</v>
      </c>
      <c r="L35" s="79">
        <v>3</v>
      </c>
      <c r="M35" s="80">
        <v>7</v>
      </c>
    </row>
    <row r="36" spans="1:13" ht="21" customHeight="1">
      <c r="A36" s="36" t="s">
        <v>62</v>
      </c>
      <c r="B36" s="64">
        <v>14</v>
      </c>
      <c r="C36" s="65">
        <v>24</v>
      </c>
      <c r="D36" s="65">
        <v>-10</v>
      </c>
      <c r="E36" s="64">
        <v>0</v>
      </c>
      <c r="F36" s="65">
        <v>0</v>
      </c>
      <c r="G36" s="66">
        <v>0</v>
      </c>
      <c r="H36" s="65">
        <v>70</v>
      </c>
      <c r="I36" s="65">
        <v>53</v>
      </c>
      <c r="J36" s="65">
        <v>17</v>
      </c>
      <c r="K36" s="64">
        <v>56</v>
      </c>
      <c r="L36" s="77">
        <v>29</v>
      </c>
      <c r="M36" s="78">
        <v>27</v>
      </c>
    </row>
    <row r="37" spans="1:13">
      <c r="A37" s="15" t="s">
        <v>64</v>
      </c>
      <c r="B37" s="67">
        <v>4</v>
      </c>
      <c r="C37" s="68">
        <v>8</v>
      </c>
      <c r="D37" s="68">
        <v>-4</v>
      </c>
      <c r="E37" s="67">
        <v>0</v>
      </c>
      <c r="F37" s="68">
        <v>0</v>
      </c>
      <c r="G37" s="69">
        <v>0</v>
      </c>
      <c r="H37" s="68">
        <v>18</v>
      </c>
      <c r="I37" s="68">
        <v>14</v>
      </c>
      <c r="J37" s="68">
        <v>4</v>
      </c>
      <c r="K37" s="67">
        <v>14</v>
      </c>
      <c r="L37" s="79">
        <v>6</v>
      </c>
      <c r="M37" s="80">
        <v>8</v>
      </c>
    </row>
    <row r="38" spans="1:13">
      <c r="A38" s="15" t="s">
        <v>66</v>
      </c>
      <c r="B38" s="67">
        <v>6</v>
      </c>
      <c r="C38" s="68">
        <v>6</v>
      </c>
      <c r="D38" s="68">
        <v>0</v>
      </c>
      <c r="E38" s="67">
        <v>0</v>
      </c>
      <c r="F38" s="68">
        <v>0</v>
      </c>
      <c r="G38" s="69">
        <v>0</v>
      </c>
      <c r="H38" s="68">
        <v>19</v>
      </c>
      <c r="I38" s="68">
        <v>15</v>
      </c>
      <c r="J38" s="68">
        <v>4</v>
      </c>
      <c r="K38" s="67">
        <v>13</v>
      </c>
      <c r="L38" s="79">
        <v>9</v>
      </c>
      <c r="M38" s="80">
        <v>4</v>
      </c>
    </row>
    <row r="39" spans="1:13">
      <c r="A39" s="15" t="s">
        <v>68</v>
      </c>
      <c r="B39" s="67">
        <v>3</v>
      </c>
      <c r="C39" s="68">
        <v>5</v>
      </c>
      <c r="D39" s="68">
        <v>-2</v>
      </c>
      <c r="E39" s="67">
        <v>0</v>
      </c>
      <c r="F39" s="68">
        <v>0</v>
      </c>
      <c r="G39" s="69">
        <v>0</v>
      </c>
      <c r="H39" s="68">
        <v>13</v>
      </c>
      <c r="I39" s="68">
        <v>9</v>
      </c>
      <c r="J39" s="68">
        <v>4</v>
      </c>
      <c r="K39" s="67">
        <v>10</v>
      </c>
      <c r="L39" s="79">
        <v>4</v>
      </c>
      <c r="M39" s="80">
        <v>6</v>
      </c>
    </row>
    <row r="40" spans="1:13">
      <c r="A40" s="15" t="s">
        <v>70</v>
      </c>
      <c r="B40" s="67">
        <v>-1</v>
      </c>
      <c r="C40" s="68">
        <v>2</v>
      </c>
      <c r="D40" s="68">
        <v>-3</v>
      </c>
      <c r="E40" s="67">
        <v>0</v>
      </c>
      <c r="F40" s="68">
        <v>0</v>
      </c>
      <c r="G40" s="69">
        <v>0</v>
      </c>
      <c r="H40" s="68">
        <v>11</v>
      </c>
      <c r="I40" s="68">
        <v>8</v>
      </c>
      <c r="J40" s="68">
        <v>3</v>
      </c>
      <c r="K40" s="67">
        <v>12</v>
      </c>
      <c r="L40" s="79">
        <v>6</v>
      </c>
      <c r="M40" s="80">
        <v>6</v>
      </c>
    </row>
    <row r="41" spans="1:13">
      <c r="A41" s="15" t="s">
        <v>72</v>
      </c>
      <c r="B41" s="67">
        <v>2</v>
      </c>
      <c r="C41" s="68">
        <v>3</v>
      </c>
      <c r="D41" s="68">
        <v>-1</v>
      </c>
      <c r="E41" s="67">
        <v>0</v>
      </c>
      <c r="F41" s="68">
        <v>0</v>
      </c>
      <c r="G41" s="69">
        <v>0</v>
      </c>
      <c r="H41" s="68">
        <v>9</v>
      </c>
      <c r="I41" s="68">
        <v>7</v>
      </c>
      <c r="J41" s="68">
        <v>2</v>
      </c>
      <c r="K41" s="67">
        <v>7</v>
      </c>
      <c r="L41" s="79">
        <v>4</v>
      </c>
      <c r="M41" s="80">
        <v>3</v>
      </c>
    </row>
    <row r="42" spans="1:13" ht="21" customHeight="1">
      <c r="A42" s="36" t="s">
        <v>74</v>
      </c>
      <c r="B42" s="64">
        <v>13</v>
      </c>
      <c r="C42" s="65">
        <v>3</v>
      </c>
      <c r="D42" s="65">
        <v>10</v>
      </c>
      <c r="E42" s="64">
        <v>0</v>
      </c>
      <c r="F42" s="65">
        <v>0</v>
      </c>
      <c r="G42" s="66">
        <v>0</v>
      </c>
      <c r="H42" s="65">
        <v>44</v>
      </c>
      <c r="I42" s="65">
        <v>20</v>
      </c>
      <c r="J42" s="65">
        <v>24</v>
      </c>
      <c r="K42" s="64">
        <v>31</v>
      </c>
      <c r="L42" s="77">
        <v>17</v>
      </c>
      <c r="M42" s="78">
        <v>14</v>
      </c>
    </row>
    <row r="43" spans="1:13">
      <c r="A43" s="15" t="s">
        <v>76</v>
      </c>
      <c r="B43" s="67">
        <v>4</v>
      </c>
      <c r="C43" s="68">
        <v>-1</v>
      </c>
      <c r="D43" s="68">
        <v>5</v>
      </c>
      <c r="E43" s="67">
        <v>0</v>
      </c>
      <c r="F43" s="68">
        <v>0</v>
      </c>
      <c r="G43" s="69">
        <v>0</v>
      </c>
      <c r="H43" s="68">
        <v>12</v>
      </c>
      <c r="I43" s="68">
        <v>4</v>
      </c>
      <c r="J43" s="68">
        <v>8</v>
      </c>
      <c r="K43" s="67">
        <v>8</v>
      </c>
      <c r="L43" s="79">
        <v>5</v>
      </c>
      <c r="M43" s="80">
        <v>3</v>
      </c>
    </row>
    <row r="44" spans="1:13">
      <c r="A44" s="15" t="s">
        <v>78</v>
      </c>
      <c r="B44" s="67">
        <v>1</v>
      </c>
      <c r="C44" s="68">
        <v>1</v>
      </c>
      <c r="D44" s="68">
        <v>0</v>
      </c>
      <c r="E44" s="67">
        <v>0</v>
      </c>
      <c r="F44" s="68">
        <v>0</v>
      </c>
      <c r="G44" s="69">
        <v>0</v>
      </c>
      <c r="H44" s="68">
        <v>7</v>
      </c>
      <c r="I44" s="68">
        <v>4</v>
      </c>
      <c r="J44" s="68">
        <v>3</v>
      </c>
      <c r="K44" s="67">
        <v>6</v>
      </c>
      <c r="L44" s="79">
        <v>3</v>
      </c>
      <c r="M44" s="80">
        <v>3</v>
      </c>
    </row>
    <row r="45" spans="1:13">
      <c r="A45" s="15" t="s">
        <v>80</v>
      </c>
      <c r="B45" s="67">
        <v>5</v>
      </c>
      <c r="C45" s="68">
        <v>5</v>
      </c>
      <c r="D45" s="68">
        <v>0</v>
      </c>
      <c r="E45" s="67">
        <v>0</v>
      </c>
      <c r="F45" s="68">
        <v>0</v>
      </c>
      <c r="G45" s="69">
        <v>0</v>
      </c>
      <c r="H45" s="68">
        <v>10</v>
      </c>
      <c r="I45" s="68">
        <v>6</v>
      </c>
      <c r="J45" s="68">
        <v>4</v>
      </c>
      <c r="K45" s="67">
        <v>5</v>
      </c>
      <c r="L45" s="79">
        <v>1</v>
      </c>
      <c r="M45" s="80">
        <v>4</v>
      </c>
    </row>
    <row r="46" spans="1:13">
      <c r="A46" s="15" t="s">
        <v>82</v>
      </c>
      <c r="B46" s="67">
        <v>1</v>
      </c>
      <c r="C46" s="68">
        <v>-1</v>
      </c>
      <c r="D46" s="68">
        <v>2</v>
      </c>
      <c r="E46" s="67">
        <v>0</v>
      </c>
      <c r="F46" s="68">
        <v>0</v>
      </c>
      <c r="G46" s="69">
        <v>0</v>
      </c>
      <c r="H46" s="68">
        <v>10</v>
      </c>
      <c r="I46" s="68">
        <v>4</v>
      </c>
      <c r="J46" s="68">
        <v>6</v>
      </c>
      <c r="K46" s="67">
        <v>9</v>
      </c>
      <c r="L46" s="79">
        <v>5</v>
      </c>
      <c r="M46" s="80">
        <v>4</v>
      </c>
    </row>
    <row r="47" spans="1:13">
      <c r="A47" s="15" t="s">
        <v>84</v>
      </c>
      <c r="B47" s="67">
        <v>2</v>
      </c>
      <c r="C47" s="68">
        <v>-1</v>
      </c>
      <c r="D47" s="68">
        <v>3</v>
      </c>
      <c r="E47" s="67">
        <v>0</v>
      </c>
      <c r="F47" s="68">
        <v>0</v>
      </c>
      <c r="G47" s="69">
        <v>0</v>
      </c>
      <c r="H47" s="68">
        <v>5</v>
      </c>
      <c r="I47" s="68">
        <v>2</v>
      </c>
      <c r="J47" s="68">
        <v>3</v>
      </c>
      <c r="K47" s="67">
        <v>3</v>
      </c>
      <c r="L47" s="79">
        <v>3</v>
      </c>
      <c r="M47" s="80">
        <v>0</v>
      </c>
    </row>
    <row r="48" spans="1:13" ht="21" customHeight="1">
      <c r="A48" s="36" t="s">
        <v>86</v>
      </c>
      <c r="B48" s="64">
        <v>-4</v>
      </c>
      <c r="C48" s="65">
        <v>-4</v>
      </c>
      <c r="D48" s="65">
        <v>0</v>
      </c>
      <c r="E48" s="64">
        <v>0</v>
      </c>
      <c r="F48" s="65">
        <v>0</v>
      </c>
      <c r="G48" s="66">
        <v>0</v>
      </c>
      <c r="H48" s="65">
        <v>15</v>
      </c>
      <c r="I48" s="65">
        <v>10</v>
      </c>
      <c r="J48" s="65">
        <v>5</v>
      </c>
      <c r="K48" s="64">
        <v>19</v>
      </c>
      <c r="L48" s="77">
        <v>14</v>
      </c>
      <c r="M48" s="78">
        <v>5</v>
      </c>
    </row>
    <row r="49" spans="1:13">
      <c r="A49" s="15" t="s">
        <v>88</v>
      </c>
      <c r="B49" s="67">
        <v>-2</v>
      </c>
      <c r="C49" s="68">
        <v>-2</v>
      </c>
      <c r="D49" s="68">
        <v>0</v>
      </c>
      <c r="E49" s="67">
        <v>0</v>
      </c>
      <c r="F49" s="68">
        <v>0</v>
      </c>
      <c r="G49" s="69">
        <v>0</v>
      </c>
      <c r="H49" s="68">
        <v>2</v>
      </c>
      <c r="I49" s="68">
        <v>2</v>
      </c>
      <c r="J49" s="68">
        <v>0</v>
      </c>
      <c r="K49" s="67">
        <v>4</v>
      </c>
      <c r="L49" s="79">
        <v>4</v>
      </c>
      <c r="M49" s="80">
        <v>0</v>
      </c>
    </row>
    <row r="50" spans="1:13">
      <c r="A50" s="15" t="s">
        <v>90</v>
      </c>
      <c r="B50" s="67">
        <v>-1</v>
      </c>
      <c r="C50" s="68">
        <v>-1</v>
      </c>
      <c r="D50" s="68">
        <v>0</v>
      </c>
      <c r="E50" s="67">
        <v>0</v>
      </c>
      <c r="F50" s="68">
        <v>0</v>
      </c>
      <c r="G50" s="69">
        <v>0</v>
      </c>
      <c r="H50" s="68">
        <v>4</v>
      </c>
      <c r="I50" s="68">
        <v>3</v>
      </c>
      <c r="J50" s="68">
        <v>1</v>
      </c>
      <c r="K50" s="67">
        <v>5</v>
      </c>
      <c r="L50" s="79">
        <v>4</v>
      </c>
      <c r="M50" s="80">
        <v>1</v>
      </c>
    </row>
    <row r="51" spans="1:13">
      <c r="A51" s="15" t="s">
        <v>92</v>
      </c>
      <c r="B51" s="67">
        <v>3</v>
      </c>
      <c r="C51" s="68">
        <v>0</v>
      </c>
      <c r="D51" s="68">
        <v>3</v>
      </c>
      <c r="E51" s="67">
        <v>0</v>
      </c>
      <c r="F51" s="68">
        <v>0</v>
      </c>
      <c r="G51" s="69">
        <v>0</v>
      </c>
      <c r="H51" s="68">
        <v>4</v>
      </c>
      <c r="I51" s="68">
        <v>1</v>
      </c>
      <c r="J51" s="68">
        <v>3</v>
      </c>
      <c r="K51" s="67">
        <v>1</v>
      </c>
      <c r="L51" s="79">
        <v>1</v>
      </c>
      <c r="M51" s="80">
        <v>0</v>
      </c>
    </row>
    <row r="52" spans="1:13">
      <c r="A52" s="15" t="s">
        <v>94</v>
      </c>
      <c r="B52" s="67">
        <v>-3</v>
      </c>
      <c r="C52" s="68">
        <v>-1</v>
      </c>
      <c r="D52" s="68">
        <v>-2</v>
      </c>
      <c r="E52" s="67">
        <v>0</v>
      </c>
      <c r="F52" s="68">
        <v>0</v>
      </c>
      <c r="G52" s="69">
        <v>0</v>
      </c>
      <c r="H52" s="68">
        <v>2</v>
      </c>
      <c r="I52" s="68">
        <v>2</v>
      </c>
      <c r="J52" s="68">
        <v>0</v>
      </c>
      <c r="K52" s="67">
        <v>5</v>
      </c>
      <c r="L52" s="79">
        <v>3</v>
      </c>
      <c r="M52" s="80">
        <v>2</v>
      </c>
    </row>
    <row r="53" spans="1:13">
      <c r="A53" s="15" t="s">
        <v>96</v>
      </c>
      <c r="B53" s="67">
        <v>-1</v>
      </c>
      <c r="C53" s="68">
        <v>0</v>
      </c>
      <c r="D53" s="68">
        <v>-1</v>
      </c>
      <c r="E53" s="67">
        <v>0</v>
      </c>
      <c r="F53" s="68">
        <v>0</v>
      </c>
      <c r="G53" s="69">
        <v>0</v>
      </c>
      <c r="H53" s="68">
        <v>3</v>
      </c>
      <c r="I53" s="68">
        <v>2</v>
      </c>
      <c r="J53" s="68">
        <v>1</v>
      </c>
      <c r="K53" s="67">
        <v>4</v>
      </c>
      <c r="L53" s="79">
        <v>2</v>
      </c>
      <c r="M53" s="80">
        <v>2</v>
      </c>
    </row>
    <row r="54" spans="1:13" ht="21" customHeight="1">
      <c r="A54" s="36" t="s">
        <v>98</v>
      </c>
      <c r="B54" s="64">
        <v>-3</v>
      </c>
      <c r="C54" s="65">
        <v>-3</v>
      </c>
      <c r="D54" s="65">
        <v>0</v>
      </c>
      <c r="E54" s="64">
        <v>0</v>
      </c>
      <c r="F54" s="65">
        <v>0</v>
      </c>
      <c r="G54" s="66">
        <v>0</v>
      </c>
      <c r="H54" s="65">
        <v>16</v>
      </c>
      <c r="I54" s="65">
        <v>9</v>
      </c>
      <c r="J54" s="65">
        <v>7</v>
      </c>
      <c r="K54" s="64">
        <v>19</v>
      </c>
      <c r="L54" s="77">
        <v>12</v>
      </c>
      <c r="M54" s="78">
        <v>7</v>
      </c>
    </row>
    <row r="55" spans="1:13">
      <c r="A55" s="15" t="s">
        <v>100</v>
      </c>
      <c r="B55" s="67">
        <v>-4</v>
      </c>
      <c r="C55" s="68">
        <v>-3</v>
      </c>
      <c r="D55" s="68">
        <v>-1</v>
      </c>
      <c r="E55" s="67">
        <v>0</v>
      </c>
      <c r="F55" s="68">
        <v>0</v>
      </c>
      <c r="G55" s="69">
        <v>0</v>
      </c>
      <c r="H55" s="68">
        <v>0</v>
      </c>
      <c r="I55" s="68">
        <v>0</v>
      </c>
      <c r="J55" s="68">
        <v>0</v>
      </c>
      <c r="K55" s="67">
        <v>4</v>
      </c>
      <c r="L55" s="79">
        <v>3</v>
      </c>
      <c r="M55" s="80">
        <v>1</v>
      </c>
    </row>
    <row r="56" spans="1:13">
      <c r="A56" s="15" t="s">
        <v>102</v>
      </c>
      <c r="B56" s="67">
        <v>0</v>
      </c>
      <c r="C56" s="68">
        <v>0</v>
      </c>
      <c r="D56" s="68">
        <v>0</v>
      </c>
      <c r="E56" s="67">
        <v>0</v>
      </c>
      <c r="F56" s="68">
        <v>0</v>
      </c>
      <c r="G56" s="69">
        <v>0</v>
      </c>
      <c r="H56" s="68">
        <v>4</v>
      </c>
      <c r="I56" s="68">
        <v>3</v>
      </c>
      <c r="J56" s="68">
        <v>1</v>
      </c>
      <c r="K56" s="67">
        <v>4</v>
      </c>
      <c r="L56" s="79">
        <v>3</v>
      </c>
      <c r="M56" s="80">
        <v>1</v>
      </c>
    </row>
    <row r="57" spans="1:13">
      <c r="A57" s="15" t="s">
        <v>104</v>
      </c>
      <c r="B57" s="67">
        <v>3</v>
      </c>
      <c r="C57" s="68">
        <v>2</v>
      </c>
      <c r="D57" s="68">
        <v>1</v>
      </c>
      <c r="E57" s="67">
        <v>0</v>
      </c>
      <c r="F57" s="68">
        <v>0</v>
      </c>
      <c r="G57" s="69">
        <v>0</v>
      </c>
      <c r="H57" s="68">
        <v>7</v>
      </c>
      <c r="I57" s="68">
        <v>3</v>
      </c>
      <c r="J57" s="68">
        <v>4</v>
      </c>
      <c r="K57" s="67">
        <v>4</v>
      </c>
      <c r="L57" s="79">
        <v>1</v>
      </c>
      <c r="M57" s="80">
        <v>3</v>
      </c>
    </row>
    <row r="58" spans="1:13">
      <c r="A58" s="15" t="s">
        <v>106</v>
      </c>
      <c r="B58" s="67">
        <v>-2</v>
      </c>
      <c r="C58" s="68">
        <v>-3</v>
      </c>
      <c r="D58" s="68">
        <v>1</v>
      </c>
      <c r="E58" s="67">
        <v>0</v>
      </c>
      <c r="F58" s="68">
        <v>0</v>
      </c>
      <c r="G58" s="69">
        <v>0</v>
      </c>
      <c r="H58" s="68">
        <v>1</v>
      </c>
      <c r="I58" s="68">
        <v>0</v>
      </c>
      <c r="J58" s="68">
        <v>1</v>
      </c>
      <c r="K58" s="67">
        <v>3</v>
      </c>
      <c r="L58" s="79">
        <v>3</v>
      </c>
      <c r="M58" s="80">
        <v>0</v>
      </c>
    </row>
    <row r="59" spans="1:13">
      <c r="A59" s="15" t="s">
        <v>108</v>
      </c>
      <c r="B59" s="67">
        <v>0</v>
      </c>
      <c r="C59" s="68">
        <v>1</v>
      </c>
      <c r="D59" s="68">
        <v>-1</v>
      </c>
      <c r="E59" s="67">
        <v>0</v>
      </c>
      <c r="F59" s="68">
        <v>0</v>
      </c>
      <c r="G59" s="69">
        <v>0</v>
      </c>
      <c r="H59" s="68">
        <v>4</v>
      </c>
      <c r="I59" s="68">
        <v>3</v>
      </c>
      <c r="J59" s="68">
        <v>1</v>
      </c>
      <c r="K59" s="67">
        <v>4</v>
      </c>
      <c r="L59" s="79">
        <v>2</v>
      </c>
      <c r="M59" s="80">
        <v>2</v>
      </c>
    </row>
    <row r="60" spans="1:13" ht="21" customHeight="1">
      <c r="A60" s="36" t="s">
        <v>110</v>
      </c>
      <c r="B60" s="64">
        <v>1</v>
      </c>
      <c r="C60" s="65">
        <v>-5</v>
      </c>
      <c r="D60" s="65">
        <v>6</v>
      </c>
      <c r="E60" s="64">
        <v>5</v>
      </c>
      <c r="F60" s="65">
        <v>3</v>
      </c>
      <c r="G60" s="66">
        <v>2</v>
      </c>
      <c r="H60" s="65">
        <v>20</v>
      </c>
      <c r="I60" s="65">
        <v>8</v>
      </c>
      <c r="J60" s="65">
        <v>12</v>
      </c>
      <c r="K60" s="64">
        <v>14</v>
      </c>
      <c r="L60" s="77">
        <v>10</v>
      </c>
      <c r="M60" s="78">
        <v>4</v>
      </c>
    </row>
    <row r="61" spans="1:13">
      <c r="A61" s="15" t="s">
        <v>112</v>
      </c>
      <c r="B61" s="67">
        <v>4</v>
      </c>
      <c r="C61" s="68">
        <v>-1</v>
      </c>
      <c r="D61" s="68">
        <v>5</v>
      </c>
      <c r="E61" s="67">
        <v>1</v>
      </c>
      <c r="F61" s="68">
        <v>1</v>
      </c>
      <c r="G61" s="69">
        <v>0</v>
      </c>
      <c r="H61" s="68">
        <v>8</v>
      </c>
      <c r="I61" s="68">
        <v>2</v>
      </c>
      <c r="J61" s="68">
        <v>6</v>
      </c>
      <c r="K61" s="67">
        <v>3</v>
      </c>
      <c r="L61" s="79">
        <v>2</v>
      </c>
      <c r="M61" s="80">
        <v>1</v>
      </c>
    </row>
    <row r="62" spans="1:13">
      <c r="A62" s="15" t="s">
        <v>114</v>
      </c>
      <c r="B62" s="67">
        <v>-2</v>
      </c>
      <c r="C62" s="68">
        <v>0</v>
      </c>
      <c r="D62" s="68">
        <v>-2</v>
      </c>
      <c r="E62" s="67">
        <v>1</v>
      </c>
      <c r="F62" s="68">
        <v>0</v>
      </c>
      <c r="G62" s="69">
        <v>1</v>
      </c>
      <c r="H62" s="68">
        <v>2</v>
      </c>
      <c r="I62" s="68">
        <v>1</v>
      </c>
      <c r="J62" s="68">
        <v>1</v>
      </c>
      <c r="K62" s="67">
        <v>3</v>
      </c>
      <c r="L62" s="79">
        <v>1</v>
      </c>
      <c r="M62" s="80">
        <v>2</v>
      </c>
    </row>
    <row r="63" spans="1:13">
      <c r="A63" s="15" t="s">
        <v>116</v>
      </c>
      <c r="B63" s="67">
        <v>1</v>
      </c>
      <c r="C63" s="68">
        <v>-1</v>
      </c>
      <c r="D63" s="68">
        <v>2</v>
      </c>
      <c r="E63" s="67">
        <v>2</v>
      </c>
      <c r="F63" s="68">
        <v>1</v>
      </c>
      <c r="G63" s="69">
        <v>1</v>
      </c>
      <c r="H63" s="68">
        <v>6</v>
      </c>
      <c r="I63" s="68">
        <v>3</v>
      </c>
      <c r="J63" s="68">
        <v>3</v>
      </c>
      <c r="K63" s="67">
        <v>3</v>
      </c>
      <c r="L63" s="79">
        <v>3</v>
      </c>
      <c r="M63" s="80">
        <v>0</v>
      </c>
    </row>
    <row r="64" spans="1:13">
      <c r="A64" s="15" t="s">
        <v>118</v>
      </c>
      <c r="B64" s="67">
        <v>-1</v>
      </c>
      <c r="C64" s="68">
        <v>-3</v>
      </c>
      <c r="D64" s="68">
        <v>2</v>
      </c>
      <c r="E64" s="67">
        <v>1</v>
      </c>
      <c r="F64" s="68">
        <v>1</v>
      </c>
      <c r="G64" s="69">
        <v>0</v>
      </c>
      <c r="H64" s="68">
        <v>3</v>
      </c>
      <c r="I64" s="68">
        <v>1</v>
      </c>
      <c r="J64" s="68">
        <v>2</v>
      </c>
      <c r="K64" s="67">
        <v>3</v>
      </c>
      <c r="L64" s="79">
        <v>3</v>
      </c>
      <c r="M64" s="80">
        <v>0</v>
      </c>
    </row>
    <row r="65" spans="1:13">
      <c r="A65" s="19" t="s">
        <v>120</v>
      </c>
      <c r="B65" s="70">
        <v>-1</v>
      </c>
      <c r="C65" s="71">
        <v>0</v>
      </c>
      <c r="D65" s="71">
        <v>-1</v>
      </c>
      <c r="E65" s="70">
        <v>0</v>
      </c>
      <c r="F65" s="71">
        <v>0</v>
      </c>
      <c r="G65" s="72">
        <v>0</v>
      </c>
      <c r="H65" s="71">
        <v>1</v>
      </c>
      <c r="I65" s="71">
        <v>1</v>
      </c>
      <c r="J65" s="71">
        <v>0</v>
      </c>
      <c r="K65" s="70">
        <v>2</v>
      </c>
      <c r="L65" s="81">
        <v>1</v>
      </c>
      <c r="M65" s="82">
        <v>1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29</v>
      </c>
      <c r="C69" s="50">
        <v>10</v>
      </c>
      <c r="D69" s="84">
        <v>19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8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</v>
      </c>
      <c r="C75" s="65">
        <v>-2</v>
      </c>
      <c r="D75" s="65">
        <v>1</v>
      </c>
      <c r="E75" s="64">
        <v>1</v>
      </c>
      <c r="F75" s="65">
        <v>0</v>
      </c>
      <c r="G75" s="66">
        <v>1</v>
      </c>
      <c r="H75" s="65">
        <v>16</v>
      </c>
      <c r="I75" s="65">
        <v>6</v>
      </c>
      <c r="J75" s="65">
        <v>10</v>
      </c>
      <c r="K75" s="64">
        <v>16</v>
      </c>
      <c r="L75" s="77">
        <v>8</v>
      </c>
      <c r="M75" s="78">
        <v>8</v>
      </c>
    </row>
    <row r="76" spans="1:13">
      <c r="A76" s="27" t="s">
        <v>5</v>
      </c>
      <c r="B76" s="67">
        <v>0</v>
      </c>
      <c r="C76" s="68">
        <v>1</v>
      </c>
      <c r="D76" s="68">
        <v>-1</v>
      </c>
      <c r="E76" s="67">
        <v>0</v>
      </c>
      <c r="F76" s="68">
        <v>0</v>
      </c>
      <c r="G76" s="69">
        <v>0</v>
      </c>
      <c r="H76" s="68">
        <v>2</v>
      </c>
      <c r="I76" s="68">
        <v>2</v>
      </c>
      <c r="J76" s="68">
        <v>0</v>
      </c>
      <c r="K76" s="67">
        <v>2</v>
      </c>
      <c r="L76" s="79">
        <v>1</v>
      </c>
      <c r="M76" s="80">
        <v>1</v>
      </c>
    </row>
    <row r="77" spans="1:13">
      <c r="A77" s="27" t="s">
        <v>7</v>
      </c>
      <c r="B77" s="67">
        <v>1</v>
      </c>
      <c r="C77" s="68">
        <v>1</v>
      </c>
      <c r="D77" s="68">
        <v>0</v>
      </c>
      <c r="E77" s="67">
        <v>0</v>
      </c>
      <c r="F77" s="68">
        <v>0</v>
      </c>
      <c r="G77" s="69">
        <v>0</v>
      </c>
      <c r="H77" s="68">
        <v>5</v>
      </c>
      <c r="I77" s="68">
        <v>2</v>
      </c>
      <c r="J77" s="68">
        <v>3</v>
      </c>
      <c r="K77" s="67">
        <v>4</v>
      </c>
      <c r="L77" s="79">
        <v>1</v>
      </c>
      <c r="M77" s="80">
        <v>3</v>
      </c>
    </row>
    <row r="78" spans="1:13">
      <c r="A78" s="27" t="s">
        <v>9</v>
      </c>
      <c r="B78" s="67">
        <v>1</v>
      </c>
      <c r="C78" s="68">
        <v>-1</v>
      </c>
      <c r="D78" s="68">
        <v>2</v>
      </c>
      <c r="E78" s="67">
        <v>0</v>
      </c>
      <c r="F78" s="68">
        <v>0</v>
      </c>
      <c r="G78" s="69">
        <v>0</v>
      </c>
      <c r="H78" s="68">
        <v>4</v>
      </c>
      <c r="I78" s="68">
        <v>1</v>
      </c>
      <c r="J78" s="68">
        <v>3</v>
      </c>
      <c r="K78" s="67">
        <v>3</v>
      </c>
      <c r="L78" s="79">
        <v>2</v>
      </c>
      <c r="M78" s="80">
        <v>1</v>
      </c>
    </row>
    <row r="79" spans="1:13">
      <c r="A79" s="27" t="s">
        <v>11</v>
      </c>
      <c r="B79" s="67">
        <v>-2</v>
      </c>
      <c r="C79" s="68">
        <v>-1</v>
      </c>
      <c r="D79" s="68">
        <v>-1</v>
      </c>
      <c r="E79" s="67">
        <v>0</v>
      </c>
      <c r="F79" s="68">
        <v>0</v>
      </c>
      <c r="G79" s="69">
        <v>0</v>
      </c>
      <c r="H79" s="68">
        <v>3</v>
      </c>
      <c r="I79" s="68">
        <v>1</v>
      </c>
      <c r="J79" s="68">
        <v>2</v>
      </c>
      <c r="K79" s="67">
        <v>5</v>
      </c>
      <c r="L79" s="79">
        <v>2</v>
      </c>
      <c r="M79" s="80">
        <v>3</v>
      </c>
    </row>
    <row r="80" spans="1:13">
      <c r="A80" s="27" t="s">
        <v>13</v>
      </c>
      <c r="B80" s="67">
        <v>-1</v>
      </c>
      <c r="C80" s="68">
        <v>-2</v>
      </c>
      <c r="D80" s="68">
        <v>1</v>
      </c>
      <c r="E80" s="67">
        <v>1</v>
      </c>
      <c r="F80" s="68">
        <v>0</v>
      </c>
      <c r="G80" s="69">
        <v>1</v>
      </c>
      <c r="H80" s="68">
        <v>2</v>
      </c>
      <c r="I80" s="68">
        <v>0</v>
      </c>
      <c r="J80" s="68">
        <v>2</v>
      </c>
      <c r="K80" s="67">
        <v>2</v>
      </c>
      <c r="L80" s="79">
        <v>2</v>
      </c>
      <c r="M80" s="80">
        <v>0</v>
      </c>
    </row>
    <row r="81" spans="1:13" ht="21" customHeight="1">
      <c r="A81" s="38" t="s">
        <v>15</v>
      </c>
      <c r="B81" s="64">
        <v>1</v>
      </c>
      <c r="C81" s="65">
        <v>-4</v>
      </c>
      <c r="D81" s="65">
        <v>5</v>
      </c>
      <c r="E81" s="64">
        <v>4</v>
      </c>
      <c r="F81" s="65">
        <v>3</v>
      </c>
      <c r="G81" s="66">
        <v>1</v>
      </c>
      <c r="H81" s="65">
        <v>15</v>
      </c>
      <c r="I81" s="65">
        <v>7</v>
      </c>
      <c r="J81" s="65">
        <v>8</v>
      </c>
      <c r="K81" s="64">
        <v>10</v>
      </c>
      <c r="L81" s="77">
        <v>8</v>
      </c>
      <c r="M81" s="78">
        <v>2</v>
      </c>
    </row>
    <row r="82" spans="1:13">
      <c r="A82" s="27" t="s">
        <v>17</v>
      </c>
      <c r="B82" s="67">
        <v>3</v>
      </c>
      <c r="C82" s="68">
        <v>2</v>
      </c>
      <c r="D82" s="68">
        <v>1</v>
      </c>
      <c r="E82" s="67">
        <v>0</v>
      </c>
      <c r="F82" s="68">
        <v>0</v>
      </c>
      <c r="G82" s="69">
        <v>0</v>
      </c>
      <c r="H82" s="68">
        <v>4</v>
      </c>
      <c r="I82" s="68">
        <v>3</v>
      </c>
      <c r="J82" s="68">
        <v>1</v>
      </c>
      <c r="K82" s="67">
        <v>1</v>
      </c>
      <c r="L82" s="79">
        <v>1</v>
      </c>
      <c r="M82" s="80">
        <v>0</v>
      </c>
    </row>
    <row r="83" spans="1:13">
      <c r="A83" s="27" t="s">
        <v>19</v>
      </c>
      <c r="B83" s="67">
        <v>-2</v>
      </c>
      <c r="C83" s="68">
        <v>-2</v>
      </c>
      <c r="D83" s="68">
        <v>0</v>
      </c>
      <c r="E83" s="67">
        <v>0</v>
      </c>
      <c r="F83" s="68">
        <v>0</v>
      </c>
      <c r="G83" s="69">
        <v>0</v>
      </c>
      <c r="H83" s="68">
        <v>3</v>
      </c>
      <c r="I83" s="68">
        <v>2</v>
      </c>
      <c r="J83" s="68">
        <v>1</v>
      </c>
      <c r="K83" s="67">
        <v>5</v>
      </c>
      <c r="L83" s="79">
        <v>4</v>
      </c>
      <c r="M83" s="80">
        <v>1</v>
      </c>
    </row>
    <row r="84" spans="1:13">
      <c r="A84" s="27" t="s">
        <v>21</v>
      </c>
      <c r="B84" s="67">
        <v>0</v>
      </c>
      <c r="C84" s="68">
        <v>0</v>
      </c>
      <c r="D84" s="68">
        <v>0</v>
      </c>
      <c r="E84" s="67">
        <v>1</v>
      </c>
      <c r="F84" s="68">
        <v>1</v>
      </c>
      <c r="G84" s="69">
        <v>0</v>
      </c>
      <c r="H84" s="68">
        <v>1</v>
      </c>
      <c r="I84" s="68">
        <v>1</v>
      </c>
      <c r="J84" s="68">
        <v>0</v>
      </c>
      <c r="K84" s="67">
        <v>0</v>
      </c>
      <c r="L84" s="79">
        <v>0</v>
      </c>
      <c r="M84" s="80">
        <v>0</v>
      </c>
    </row>
    <row r="85" spans="1:13">
      <c r="A85" s="27" t="s">
        <v>23</v>
      </c>
      <c r="B85" s="67">
        <v>3</v>
      </c>
      <c r="C85" s="68">
        <v>-2</v>
      </c>
      <c r="D85" s="68">
        <v>5</v>
      </c>
      <c r="E85" s="67">
        <v>1</v>
      </c>
      <c r="F85" s="68">
        <v>1</v>
      </c>
      <c r="G85" s="69">
        <v>0</v>
      </c>
      <c r="H85" s="68">
        <v>5</v>
      </c>
      <c r="I85" s="68">
        <v>0</v>
      </c>
      <c r="J85" s="68">
        <v>5</v>
      </c>
      <c r="K85" s="67">
        <v>1</v>
      </c>
      <c r="L85" s="79">
        <v>1</v>
      </c>
      <c r="M85" s="80">
        <v>0</v>
      </c>
    </row>
    <row r="86" spans="1:13">
      <c r="A86" s="27" t="s">
        <v>25</v>
      </c>
      <c r="B86" s="67">
        <v>-3</v>
      </c>
      <c r="C86" s="68">
        <v>-2</v>
      </c>
      <c r="D86" s="68">
        <v>-1</v>
      </c>
      <c r="E86" s="67">
        <v>2</v>
      </c>
      <c r="F86" s="68">
        <v>1</v>
      </c>
      <c r="G86" s="69">
        <v>1</v>
      </c>
      <c r="H86" s="68">
        <v>2</v>
      </c>
      <c r="I86" s="68">
        <v>1</v>
      </c>
      <c r="J86" s="68">
        <v>1</v>
      </c>
      <c r="K86" s="67">
        <v>3</v>
      </c>
      <c r="L86" s="79">
        <v>2</v>
      </c>
      <c r="M86" s="80">
        <v>1</v>
      </c>
    </row>
    <row r="87" spans="1:13" ht="21" customHeight="1">
      <c r="A87" s="38" t="s">
        <v>27</v>
      </c>
      <c r="B87" s="64">
        <v>4</v>
      </c>
      <c r="C87" s="65">
        <v>-1</v>
      </c>
      <c r="D87" s="65">
        <v>5</v>
      </c>
      <c r="E87" s="64">
        <v>5</v>
      </c>
      <c r="F87" s="65">
        <v>4</v>
      </c>
      <c r="G87" s="66">
        <v>1</v>
      </c>
      <c r="H87" s="65">
        <v>13</v>
      </c>
      <c r="I87" s="65">
        <v>6</v>
      </c>
      <c r="J87" s="65">
        <v>7</v>
      </c>
      <c r="K87" s="64">
        <v>4</v>
      </c>
      <c r="L87" s="77">
        <v>3</v>
      </c>
      <c r="M87" s="78">
        <v>1</v>
      </c>
    </row>
    <row r="88" spans="1:13">
      <c r="A88" s="27" t="s">
        <v>29</v>
      </c>
      <c r="B88" s="67">
        <v>5</v>
      </c>
      <c r="C88" s="68">
        <v>1</v>
      </c>
      <c r="D88" s="68">
        <v>4</v>
      </c>
      <c r="E88" s="67">
        <v>0</v>
      </c>
      <c r="F88" s="68">
        <v>0</v>
      </c>
      <c r="G88" s="69">
        <v>0</v>
      </c>
      <c r="H88" s="68">
        <v>6</v>
      </c>
      <c r="I88" s="68">
        <v>2</v>
      </c>
      <c r="J88" s="68">
        <v>4</v>
      </c>
      <c r="K88" s="67">
        <v>1</v>
      </c>
      <c r="L88" s="79">
        <v>1</v>
      </c>
      <c r="M88" s="80">
        <v>0</v>
      </c>
    </row>
    <row r="89" spans="1:13">
      <c r="A89" s="27" t="s">
        <v>31</v>
      </c>
      <c r="B89" s="67">
        <v>1</v>
      </c>
      <c r="C89" s="68">
        <v>-1</v>
      </c>
      <c r="D89" s="68">
        <v>2</v>
      </c>
      <c r="E89" s="67">
        <v>1</v>
      </c>
      <c r="F89" s="68">
        <v>1</v>
      </c>
      <c r="G89" s="69">
        <v>0</v>
      </c>
      <c r="H89" s="68">
        <v>2</v>
      </c>
      <c r="I89" s="68">
        <v>0</v>
      </c>
      <c r="J89" s="68">
        <v>2</v>
      </c>
      <c r="K89" s="67">
        <v>0</v>
      </c>
      <c r="L89" s="79">
        <v>0</v>
      </c>
      <c r="M89" s="80">
        <v>0</v>
      </c>
    </row>
    <row r="90" spans="1:13">
      <c r="A90" s="27" t="s">
        <v>33</v>
      </c>
      <c r="B90" s="67">
        <v>1</v>
      </c>
      <c r="C90" s="68">
        <v>1</v>
      </c>
      <c r="D90" s="68">
        <v>0</v>
      </c>
      <c r="E90" s="67">
        <v>0</v>
      </c>
      <c r="F90" s="68">
        <v>0</v>
      </c>
      <c r="G90" s="69">
        <v>0</v>
      </c>
      <c r="H90" s="68">
        <v>2</v>
      </c>
      <c r="I90" s="68">
        <v>2</v>
      </c>
      <c r="J90" s="68">
        <v>0</v>
      </c>
      <c r="K90" s="67">
        <v>1</v>
      </c>
      <c r="L90" s="79">
        <v>1</v>
      </c>
      <c r="M90" s="80">
        <v>0</v>
      </c>
    </row>
    <row r="91" spans="1:13">
      <c r="A91" s="27" t="s">
        <v>35</v>
      </c>
      <c r="B91" s="67">
        <v>-3</v>
      </c>
      <c r="C91" s="68">
        <v>-2</v>
      </c>
      <c r="D91" s="68">
        <v>-1</v>
      </c>
      <c r="E91" s="67">
        <v>3</v>
      </c>
      <c r="F91" s="68">
        <v>2</v>
      </c>
      <c r="G91" s="69">
        <v>1</v>
      </c>
      <c r="H91" s="68">
        <v>1</v>
      </c>
      <c r="I91" s="68">
        <v>0</v>
      </c>
      <c r="J91" s="68">
        <v>1</v>
      </c>
      <c r="K91" s="67">
        <v>1</v>
      </c>
      <c r="L91" s="79">
        <v>0</v>
      </c>
      <c r="M91" s="80">
        <v>1</v>
      </c>
    </row>
    <row r="92" spans="1:13">
      <c r="A92" s="27" t="s">
        <v>37</v>
      </c>
      <c r="B92" s="67">
        <v>0</v>
      </c>
      <c r="C92" s="68">
        <v>0</v>
      </c>
      <c r="D92" s="68">
        <v>0</v>
      </c>
      <c r="E92" s="67">
        <v>1</v>
      </c>
      <c r="F92" s="68">
        <v>1</v>
      </c>
      <c r="G92" s="69">
        <v>0</v>
      </c>
      <c r="H92" s="68">
        <v>2</v>
      </c>
      <c r="I92" s="68">
        <v>2</v>
      </c>
      <c r="J92" s="68">
        <v>0</v>
      </c>
      <c r="K92" s="67">
        <v>1</v>
      </c>
      <c r="L92" s="79">
        <v>1</v>
      </c>
      <c r="M92" s="80">
        <v>0</v>
      </c>
    </row>
    <row r="93" spans="1:13" ht="21" customHeight="1">
      <c r="A93" s="38" t="s">
        <v>39</v>
      </c>
      <c r="B93" s="64">
        <v>-2</v>
      </c>
      <c r="C93" s="65">
        <v>-2</v>
      </c>
      <c r="D93" s="65">
        <v>0</v>
      </c>
      <c r="E93" s="64">
        <v>3</v>
      </c>
      <c r="F93" s="65">
        <v>2</v>
      </c>
      <c r="G93" s="66">
        <v>1</v>
      </c>
      <c r="H93" s="65">
        <v>4</v>
      </c>
      <c r="I93" s="65">
        <v>2</v>
      </c>
      <c r="J93" s="65">
        <v>2</v>
      </c>
      <c r="K93" s="64">
        <v>3</v>
      </c>
      <c r="L93" s="77">
        <v>2</v>
      </c>
      <c r="M93" s="78">
        <v>1</v>
      </c>
    </row>
    <row r="94" spans="1:13">
      <c r="A94" s="27" t="s">
        <v>41</v>
      </c>
      <c r="B94" s="67">
        <v>0</v>
      </c>
      <c r="C94" s="68">
        <v>0</v>
      </c>
      <c r="D94" s="68">
        <v>0</v>
      </c>
      <c r="E94" s="67">
        <v>0</v>
      </c>
      <c r="F94" s="68">
        <v>0</v>
      </c>
      <c r="G94" s="69">
        <v>0</v>
      </c>
      <c r="H94" s="68">
        <v>0</v>
      </c>
      <c r="I94" s="68">
        <v>0</v>
      </c>
      <c r="J94" s="68">
        <v>0</v>
      </c>
      <c r="K94" s="67">
        <v>0</v>
      </c>
      <c r="L94" s="79">
        <v>0</v>
      </c>
      <c r="M94" s="80">
        <v>0</v>
      </c>
    </row>
    <row r="95" spans="1:13">
      <c r="A95" s="27" t="s">
        <v>43</v>
      </c>
      <c r="B95" s="67">
        <v>-1</v>
      </c>
      <c r="C95" s="68">
        <v>-1</v>
      </c>
      <c r="D95" s="68">
        <v>0</v>
      </c>
      <c r="E95" s="67">
        <v>0</v>
      </c>
      <c r="F95" s="68">
        <v>0</v>
      </c>
      <c r="G95" s="69">
        <v>0</v>
      </c>
      <c r="H95" s="68">
        <v>1</v>
      </c>
      <c r="I95" s="68">
        <v>0</v>
      </c>
      <c r="J95" s="68">
        <v>1</v>
      </c>
      <c r="K95" s="67">
        <v>2</v>
      </c>
      <c r="L95" s="79">
        <v>1</v>
      </c>
      <c r="M95" s="80">
        <v>1</v>
      </c>
    </row>
    <row r="96" spans="1:13">
      <c r="A96" s="27" t="s">
        <v>45</v>
      </c>
      <c r="B96" s="67">
        <v>3</v>
      </c>
      <c r="C96" s="68">
        <v>2</v>
      </c>
      <c r="D96" s="68">
        <v>1</v>
      </c>
      <c r="E96" s="67">
        <v>0</v>
      </c>
      <c r="F96" s="68">
        <v>0</v>
      </c>
      <c r="G96" s="69">
        <v>0</v>
      </c>
      <c r="H96" s="68">
        <v>3</v>
      </c>
      <c r="I96" s="68">
        <v>2</v>
      </c>
      <c r="J96" s="68">
        <v>1</v>
      </c>
      <c r="K96" s="67">
        <v>0</v>
      </c>
      <c r="L96" s="79">
        <v>0</v>
      </c>
      <c r="M96" s="80">
        <v>0</v>
      </c>
    </row>
    <row r="97" spans="1:13">
      <c r="A97" s="27" t="s">
        <v>47</v>
      </c>
      <c r="B97" s="67">
        <v>0</v>
      </c>
      <c r="C97" s="68">
        <v>0</v>
      </c>
      <c r="D97" s="68">
        <v>0</v>
      </c>
      <c r="E97" s="67">
        <v>0</v>
      </c>
      <c r="F97" s="68">
        <v>0</v>
      </c>
      <c r="G97" s="69">
        <v>0</v>
      </c>
      <c r="H97" s="68">
        <v>0</v>
      </c>
      <c r="I97" s="68">
        <v>0</v>
      </c>
      <c r="J97" s="68">
        <v>0</v>
      </c>
      <c r="K97" s="67">
        <v>0</v>
      </c>
      <c r="L97" s="79">
        <v>0</v>
      </c>
      <c r="M97" s="80">
        <v>0</v>
      </c>
    </row>
    <row r="98" spans="1:13">
      <c r="A98" s="27" t="s">
        <v>49</v>
      </c>
      <c r="B98" s="67">
        <v>-4</v>
      </c>
      <c r="C98" s="68">
        <v>-3</v>
      </c>
      <c r="D98" s="68">
        <v>-1</v>
      </c>
      <c r="E98" s="67">
        <v>3</v>
      </c>
      <c r="F98" s="68">
        <v>2</v>
      </c>
      <c r="G98" s="69">
        <v>1</v>
      </c>
      <c r="H98" s="68">
        <v>0</v>
      </c>
      <c r="I98" s="68">
        <v>0</v>
      </c>
      <c r="J98" s="68">
        <v>0</v>
      </c>
      <c r="K98" s="67">
        <v>1</v>
      </c>
      <c r="L98" s="79">
        <v>1</v>
      </c>
      <c r="M98" s="80">
        <v>0</v>
      </c>
    </row>
    <row r="99" spans="1:13" ht="21" customHeight="1">
      <c r="A99" s="38" t="s">
        <v>51</v>
      </c>
      <c r="B99" s="64">
        <v>-5</v>
      </c>
      <c r="C99" s="65">
        <v>-2</v>
      </c>
      <c r="D99" s="65">
        <v>-3</v>
      </c>
      <c r="E99" s="64">
        <v>5</v>
      </c>
      <c r="F99" s="65">
        <v>3</v>
      </c>
      <c r="G99" s="66">
        <v>2</v>
      </c>
      <c r="H99" s="65">
        <v>5</v>
      </c>
      <c r="I99" s="65">
        <v>4</v>
      </c>
      <c r="J99" s="65">
        <v>1</v>
      </c>
      <c r="K99" s="64">
        <v>5</v>
      </c>
      <c r="L99" s="77">
        <v>3</v>
      </c>
      <c r="M99" s="78">
        <v>2</v>
      </c>
    </row>
    <row r="100" spans="1:13">
      <c r="A100" s="27" t="s">
        <v>53</v>
      </c>
      <c r="B100" s="67">
        <v>-2</v>
      </c>
      <c r="C100" s="68">
        <v>-1</v>
      </c>
      <c r="D100" s="68">
        <v>-1</v>
      </c>
      <c r="E100" s="67">
        <v>0</v>
      </c>
      <c r="F100" s="68">
        <v>0</v>
      </c>
      <c r="G100" s="69">
        <v>0</v>
      </c>
      <c r="H100" s="68">
        <v>0</v>
      </c>
      <c r="I100" s="68">
        <v>0</v>
      </c>
      <c r="J100" s="68">
        <v>0</v>
      </c>
      <c r="K100" s="67">
        <v>2</v>
      </c>
      <c r="L100" s="79">
        <v>1</v>
      </c>
      <c r="M100" s="80">
        <v>1</v>
      </c>
    </row>
    <row r="101" spans="1:13">
      <c r="A101" s="27" t="s">
        <v>55</v>
      </c>
      <c r="B101" s="67">
        <v>1</v>
      </c>
      <c r="C101" s="68">
        <v>0</v>
      </c>
      <c r="D101" s="68">
        <v>1</v>
      </c>
      <c r="E101" s="67">
        <v>0</v>
      </c>
      <c r="F101" s="68">
        <v>0</v>
      </c>
      <c r="G101" s="69">
        <v>0</v>
      </c>
      <c r="H101" s="68">
        <v>2</v>
      </c>
      <c r="I101" s="68">
        <v>1</v>
      </c>
      <c r="J101" s="68">
        <v>1</v>
      </c>
      <c r="K101" s="67">
        <v>1</v>
      </c>
      <c r="L101" s="79">
        <v>1</v>
      </c>
      <c r="M101" s="80">
        <v>0</v>
      </c>
    </row>
    <row r="102" spans="1:13">
      <c r="A102" s="27" t="s">
        <v>57</v>
      </c>
      <c r="B102" s="67">
        <v>-2</v>
      </c>
      <c r="C102" s="68">
        <v>-1</v>
      </c>
      <c r="D102" s="68">
        <v>-1</v>
      </c>
      <c r="E102" s="67">
        <v>1</v>
      </c>
      <c r="F102" s="68">
        <v>1</v>
      </c>
      <c r="G102" s="69">
        <v>0</v>
      </c>
      <c r="H102" s="68">
        <v>1</v>
      </c>
      <c r="I102" s="68">
        <v>1</v>
      </c>
      <c r="J102" s="68">
        <v>0</v>
      </c>
      <c r="K102" s="67">
        <v>2</v>
      </c>
      <c r="L102" s="79">
        <v>1</v>
      </c>
      <c r="M102" s="80">
        <v>1</v>
      </c>
    </row>
    <row r="103" spans="1:13">
      <c r="A103" s="27" t="s">
        <v>59</v>
      </c>
      <c r="B103" s="67">
        <v>-1</v>
      </c>
      <c r="C103" s="68">
        <v>-1</v>
      </c>
      <c r="D103" s="68">
        <v>0</v>
      </c>
      <c r="E103" s="67">
        <v>2</v>
      </c>
      <c r="F103" s="68">
        <v>2</v>
      </c>
      <c r="G103" s="69">
        <v>0</v>
      </c>
      <c r="H103" s="68">
        <v>1</v>
      </c>
      <c r="I103" s="68">
        <v>1</v>
      </c>
      <c r="J103" s="68">
        <v>0</v>
      </c>
      <c r="K103" s="67">
        <v>0</v>
      </c>
      <c r="L103" s="79">
        <v>0</v>
      </c>
      <c r="M103" s="80">
        <v>0</v>
      </c>
    </row>
    <row r="104" spans="1:13">
      <c r="A104" s="27" t="s">
        <v>61</v>
      </c>
      <c r="B104" s="67">
        <v>-1</v>
      </c>
      <c r="C104" s="68">
        <v>1</v>
      </c>
      <c r="D104" s="68">
        <v>-2</v>
      </c>
      <c r="E104" s="67">
        <v>2</v>
      </c>
      <c r="F104" s="68">
        <v>0</v>
      </c>
      <c r="G104" s="69">
        <v>2</v>
      </c>
      <c r="H104" s="68">
        <v>1</v>
      </c>
      <c r="I104" s="68">
        <v>1</v>
      </c>
      <c r="J104" s="68">
        <v>0</v>
      </c>
      <c r="K104" s="67">
        <v>0</v>
      </c>
      <c r="L104" s="79">
        <v>0</v>
      </c>
      <c r="M104" s="80">
        <v>0</v>
      </c>
    </row>
    <row r="105" spans="1:13" ht="21" customHeight="1">
      <c r="A105" s="38" t="s">
        <v>63</v>
      </c>
      <c r="B105" s="64">
        <v>-13</v>
      </c>
      <c r="C105" s="65">
        <v>-8</v>
      </c>
      <c r="D105" s="65">
        <v>-5</v>
      </c>
      <c r="E105" s="64">
        <v>18</v>
      </c>
      <c r="F105" s="65">
        <v>12</v>
      </c>
      <c r="G105" s="66">
        <v>6</v>
      </c>
      <c r="H105" s="65">
        <v>8</v>
      </c>
      <c r="I105" s="65">
        <v>5</v>
      </c>
      <c r="J105" s="65">
        <v>3</v>
      </c>
      <c r="K105" s="64">
        <v>3</v>
      </c>
      <c r="L105" s="77">
        <v>1</v>
      </c>
      <c r="M105" s="78">
        <v>2</v>
      </c>
    </row>
    <row r="106" spans="1:13">
      <c r="A106" s="27" t="s">
        <v>65</v>
      </c>
      <c r="B106" s="67">
        <v>-1</v>
      </c>
      <c r="C106" s="68">
        <v>0</v>
      </c>
      <c r="D106" s="68">
        <v>-1</v>
      </c>
      <c r="E106" s="67">
        <v>2</v>
      </c>
      <c r="F106" s="68">
        <v>2</v>
      </c>
      <c r="G106" s="69">
        <v>0</v>
      </c>
      <c r="H106" s="68">
        <v>3</v>
      </c>
      <c r="I106" s="68">
        <v>2</v>
      </c>
      <c r="J106" s="68">
        <v>1</v>
      </c>
      <c r="K106" s="67">
        <v>2</v>
      </c>
      <c r="L106" s="79">
        <v>0</v>
      </c>
      <c r="M106" s="80">
        <v>2</v>
      </c>
    </row>
    <row r="107" spans="1:13">
      <c r="A107" s="27" t="s">
        <v>67</v>
      </c>
      <c r="B107" s="67">
        <v>-4</v>
      </c>
      <c r="C107" s="68">
        <v>-4</v>
      </c>
      <c r="D107" s="68">
        <v>0</v>
      </c>
      <c r="E107" s="67">
        <v>4</v>
      </c>
      <c r="F107" s="68">
        <v>4</v>
      </c>
      <c r="G107" s="69">
        <v>0</v>
      </c>
      <c r="H107" s="68">
        <v>0</v>
      </c>
      <c r="I107" s="68">
        <v>0</v>
      </c>
      <c r="J107" s="68">
        <v>0</v>
      </c>
      <c r="K107" s="67">
        <v>0</v>
      </c>
      <c r="L107" s="79">
        <v>0</v>
      </c>
      <c r="M107" s="80">
        <v>0</v>
      </c>
    </row>
    <row r="108" spans="1:13">
      <c r="A108" s="27" t="s">
        <v>69</v>
      </c>
      <c r="B108" s="67">
        <v>0</v>
      </c>
      <c r="C108" s="68">
        <v>0</v>
      </c>
      <c r="D108" s="68">
        <v>0</v>
      </c>
      <c r="E108" s="67">
        <v>1</v>
      </c>
      <c r="F108" s="68">
        <v>1</v>
      </c>
      <c r="G108" s="69">
        <v>0</v>
      </c>
      <c r="H108" s="68">
        <v>1</v>
      </c>
      <c r="I108" s="68">
        <v>1</v>
      </c>
      <c r="J108" s="68">
        <v>0</v>
      </c>
      <c r="K108" s="67">
        <v>0</v>
      </c>
      <c r="L108" s="79">
        <v>0</v>
      </c>
      <c r="M108" s="80">
        <v>0</v>
      </c>
    </row>
    <row r="109" spans="1:13">
      <c r="A109" s="27" t="s">
        <v>71</v>
      </c>
      <c r="B109" s="67">
        <v>-3</v>
      </c>
      <c r="C109" s="68">
        <v>-2</v>
      </c>
      <c r="D109" s="68">
        <v>-1</v>
      </c>
      <c r="E109" s="67">
        <v>3</v>
      </c>
      <c r="F109" s="68">
        <v>1</v>
      </c>
      <c r="G109" s="69">
        <v>2</v>
      </c>
      <c r="H109" s="68">
        <v>1</v>
      </c>
      <c r="I109" s="68">
        <v>0</v>
      </c>
      <c r="J109" s="68">
        <v>1</v>
      </c>
      <c r="K109" s="67">
        <v>1</v>
      </c>
      <c r="L109" s="79">
        <v>1</v>
      </c>
      <c r="M109" s="80">
        <v>0</v>
      </c>
    </row>
    <row r="110" spans="1:13">
      <c r="A110" s="27" t="s">
        <v>73</v>
      </c>
      <c r="B110" s="67">
        <v>-5</v>
      </c>
      <c r="C110" s="68">
        <v>-2</v>
      </c>
      <c r="D110" s="68">
        <v>-3</v>
      </c>
      <c r="E110" s="67">
        <v>8</v>
      </c>
      <c r="F110" s="68">
        <v>4</v>
      </c>
      <c r="G110" s="69">
        <v>4</v>
      </c>
      <c r="H110" s="68">
        <v>3</v>
      </c>
      <c r="I110" s="68">
        <v>2</v>
      </c>
      <c r="J110" s="68">
        <v>1</v>
      </c>
      <c r="K110" s="67">
        <v>0</v>
      </c>
      <c r="L110" s="79">
        <v>0</v>
      </c>
      <c r="M110" s="80">
        <v>0</v>
      </c>
    </row>
    <row r="111" spans="1:13" ht="21" customHeight="1">
      <c r="A111" s="38" t="s">
        <v>75</v>
      </c>
      <c r="B111" s="64">
        <v>-15</v>
      </c>
      <c r="C111" s="65">
        <v>-8</v>
      </c>
      <c r="D111" s="65">
        <v>-7</v>
      </c>
      <c r="E111" s="64">
        <v>16</v>
      </c>
      <c r="F111" s="65">
        <v>10</v>
      </c>
      <c r="G111" s="66">
        <v>6</v>
      </c>
      <c r="H111" s="65">
        <v>4</v>
      </c>
      <c r="I111" s="65">
        <v>3</v>
      </c>
      <c r="J111" s="65">
        <v>1</v>
      </c>
      <c r="K111" s="64">
        <v>3</v>
      </c>
      <c r="L111" s="77">
        <v>1</v>
      </c>
      <c r="M111" s="78">
        <v>2</v>
      </c>
    </row>
    <row r="112" spans="1:13">
      <c r="A112" s="27" t="s">
        <v>77</v>
      </c>
      <c r="B112" s="67">
        <v>-2</v>
      </c>
      <c r="C112" s="68">
        <v>-2</v>
      </c>
      <c r="D112" s="68">
        <v>0</v>
      </c>
      <c r="E112" s="67">
        <v>3</v>
      </c>
      <c r="F112" s="68">
        <v>2</v>
      </c>
      <c r="G112" s="69">
        <v>1</v>
      </c>
      <c r="H112" s="68">
        <v>2</v>
      </c>
      <c r="I112" s="68">
        <v>1</v>
      </c>
      <c r="J112" s="68">
        <v>1</v>
      </c>
      <c r="K112" s="67">
        <v>1</v>
      </c>
      <c r="L112" s="79">
        <v>1</v>
      </c>
      <c r="M112" s="80">
        <v>0</v>
      </c>
    </row>
    <row r="113" spans="1:13">
      <c r="A113" s="27" t="s">
        <v>79</v>
      </c>
      <c r="B113" s="67">
        <v>-2</v>
      </c>
      <c r="C113" s="68">
        <v>-1</v>
      </c>
      <c r="D113" s="68">
        <v>-1</v>
      </c>
      <c r="E113" s="67">
        <v>2</v>
      </c>
      <c r="F113" s="68">
        <v>1</v>
      </c>
      <c r="G113" s="69">
        <v>1</v>
      </c>
      <c r="H113" s="68">
        <v>0</v>
      </c>
      <c r="I113" s="68">
        <v>0</v>
      </c>
      <c r="J113" s="68">
        <v>0</v>
      </c>
      <c r="K113" s="67">
        <v>0</v>
      </c>
      <c r="L113" s="79">
        <v>0</v>
      </c>
      <c r="M113" s="80">
        <v>0</v>
      </c>
    </row>
    <row r="114" spans="1:13">
      <c r="A114" s="27" t="s">
        <v>81</v>
      </c>
      <c r="B114" s="67">
        <v>-4</v>
      </c>
      <c r="C114" s="68">
        <v>-2</v>
      </c>
      <c r="D114" s="68">
        <v>-2</v>
      </c>
      <c r="E114" s="67">
        <v>2</v>
      </c>
      <c r="F114" s="68">
        <v>2</v>
      </c>
      <c r="G114" s="69">
        <v>0</v>
      </c>
      <c r="H114" s="68">
        <v>0</v>
      </c>
      <c r="I114" s="68">
        <v>0</v>
      </c>
      <c r="J114" s="68">
        <v>0</v>
      </c>
      <c r="K114" s="67">
        <v>2</v>
      </c>
      <c r="L114" s="79">
        <v>0</v>
      </c>
      <c r="M114" s="80">
        <v>2</v>
      </c>
    </row>
    <row r="115" spans="1:13">
      <c r="A115" s="27" t="s">
        <v>83</v>
      </c>
      <c r="B115" s="67">
        <v>-3</v>
      </c>
      <c r="C115" s="68">
        <v>-2</v>
      </c>
      <c r="D115" s="68">
        <v>-1</v>
      </c>
      <c r="E115" s="67">
        <v>3</v>
      </c>
      <c r="F115" s="68">
        <v>2</v>
      </c>
      <c r="G115" s="69">
        <v>1</v>
      </c>
      <c r="H115" s="68">
        <v>0</v>
      </c>
      <c r="I115" s="68">
        <v>0</v>
      </c>
      <c r="J115" s="68">
        <v>0</v>
      </c>
      <c r="K115" s="67">
        <v>0</v>
      </c>
      <c r="L115" s="79">
        <v>0</v>
      </c>
      <c r="M115" s="80">
        <v>0</v>
      </c>
    </row>
    <row r="116" spans="1:13">
      <c r="A116" s="27" t="s">
        <v>85</v>
      </c>
      <c r="B116" s="67">
        <v>-4</v>
      </c>
      <c r="C116" s="68">
        <v>-1</v>
      </c>
      <c r="D116" s="68">
        <v>-3</v>
      </c>
      <c r="E116" s="67">
        <v>6</v>
      </c>
      <c r="F116" s="68">
        <v>3</v>
      </c>
      <c r="G116" s="69">
        <v>3</v>
      </c>
      <c r="H116" s="68">
        <v>2</v>
      </c>
      <c r="I116" s="68">
        <v>2</v>
      </c>
      <c r="J116" s="68">
        <v>0</v>
      </c>
      <c r="K116" s="67">
        <v>0</v>
      </c>
      <c r="L116" s="79">
        <v>0</v>
      </c>
      <c r="M116" s="80">
        <v>0</v>
      </c>
    </row>
    <row r="117" spans="1:13" ht="21" customHeight="1">
      <c r="A117" s="38" t="s">
        <v>87</v>
      </c>
      <c r="B117" s="64">
        <v>-28</v>
      </c>
      <c r="C117" s="65">
        <v>-18</v>
      </c>
      <c r="D117" s="65">
        <v>-10</v>
      </c>
      <c r="E117" s="64">
        <v>29</v>
      </c>
      <c r="F117" s="65">
        <v>19</v>
      </c>
      <c r="G117" s="66">
        <v>10</v>
      </c>
      <c r="H117" s="65">
        <v>2</v>
      </c>
      <c r="I117" s="65">
        <v>1</v>
      </c>
      <c r="J117" s="65">
        <v>1</v>
      </c>
      <c r="K117" s="64">
        <v>1</v>
      </c>
      <c r="L117" s="77">
        <v>0</v>
      </c>
      <c r="M117" s="78">
        <v>1</v>
      </c>
    </row>
    <row r="118" spans="1:13">
      <c r="A118" s="27" t="s">
        <v>89</v>
      </c>
      <c r="B118" s="67">
        <v>-5</v>
      </c>
      <c r="C118" s="68">
        <v>-3</v>
      </c>
      <c r="D118" s="68">
        <v>-2</v>
      </c>
      <c r="E118" s="67">
        <v>5</v>
      </c>
      <c r="F118" s="68">
        <v>3</v>
      </c>
      <c r="G118" s="69">
        <v>2</v>
      </c>
      <c r="H118" s="68">
        <v>0</v>
      </c>
      <c r="I118" s="68">
        <v>0</v>
      </c>
      <c r="J118" s="68">
        <v>0</v>
      </c>
      <c r="K118" s="67">
        <v>0</v>
      </c>
      <c r="L118" s="79">
        <v>0</v>
      </c>
      <c r="M118" s="80">
        <v>0</v>
      </c>
    </row>
    <row r="119" spans="1:13">
      <c r="A119" s="27" t="s">
        <v>91</v>
      </c>
      <c r="B119" s="67">
        <v>-4</v>
      </c>
      <c r="C119" s="68">
        <v>-2</v>
      </c>
      <c r="D119" s="68">
        <v>-2</v>
      </c>
      <c r="E119" s="67">
        <v>4</v>
      </c>
      <c r="F119" s="68">
        <v>3</v>
      </c>
      <c r="G119" s="69">
        <v>1</v>
      </c>
      <c r="H119" s="68">
        <v>1</v>
      </c>
      <c r="I119" s="68">
        <v>1</v>
      </c>
      <c r="J119" s="68">
        <v>0</v>
      </c>
      <c r="K119" s="67">
        <v>1</v>
      </c>
      <c r="L119" s="79">
        <v>0</v>
      </c>
      <c r="M119" s="80">
        <v>1</v>
      </c>
    </row>
    <row r="120" spans="1:13">
      <c r="A120" s="27" t="s">
        <v>93</v>
      </c>
      <c r="B120" s="67">
        <v>-9</v>
      </c>
      <c r="C120" s="68">
        <v>-5</v>
      </c>
      <c r="D120" s="68">
        <v>-4</v>
      </c>
      <c r="E120" s="67">
        <v>9</v>
      </c>
      <c r="F120" s="68">
        <v>5</v>
      </c>
      <c r="G120" s="69">
        <v>4</v>
      </c>
      <c r="H120" s="68">
        <v>0</v>
      </c>
      <c r="I120" s="68">
        <v>0</v>
      </c>
      <c r="J120" s="68">
        <v>0</v>
      </c>
      <c r="K120" s="67">
        <v>0</v>
      </c>
      <c r="L120" s="79">
        <v>0</v>
      </c>
      <c r="M120" s="80">
        <v>0</v>
      </c>
    </row>
    <row r="121" spans="1:13">
      <c r="A121" s="27" t="s">
        <v>95</v>
      </c>
      <c r="B121" s="67">
        <v>-3</v>
      </c>
      <c r="C121" s="68">
        <v>-4</v>
      </c>
      <c r="D121" s="68">
        <v>1</v>
      </c>
      <c r="E121" s="67">
        <v>4</v>
      </c>
      <c r="F121" s="68">
        <v>4</v>
      </c>
      <c r="G121" s="69">
        <v>0</v>
      </c>
      <c r="H121" s="68">
        <v>1</v>
      </c>
      <c r="I121" s="68">
        <v>0</v>
      </c>
      <c r="J121" s="68">
        <v>1</v>
      </c>
      <c r="K121" s="67">
        <v>0</v>
      </c>
      <c r="L121" s="79">
        <v>0</v>
      </c>
      <c r="M121" s="80">
        <v>0</v>
      </c>
    </row>
    <row r="122" spans="1:13">
      <c r="A122" s="27" t="s">
        <v>97</v>
      </c>
      <c r="B122" s="67">
        <v>-7</v>
      </c>
      <c r="C122" s="68">
        <v>-4</v>
      </c>
      <c r="D122" s="68">
        <v>-3</v>
      </c>
      <c r="E122" s="67">
        <v>7</v>
      </c>
      <c r="F122" s="68">
        <v>4</v>
      </c>
      <c r="G122" s="69">
        <v>3</v>
      </c>
      <c r="H122" s="68">
        <v>0</v>
      </c>
      <c r="I122" s="68">
        <v>0</v>
      </c>
      <c r="J122" s="68">
        <v>0</v>
      </c>
      <c r="K122" s="67">
        <v>0</v>
      </c>
      <c r="L122" s="79">
        <v>0</v>
      </c>
      <c r="M122" s="80">
        <v>0</v>
      </c>
    </row>
    <row r="123" spans="1:13" ht="21" customHeight="1">
      <c r="A123" s="38" t="s">
        <v>99</v>
      </c>
      <c r="B123" s="64">
        <v>-20</v>
      </c>
      <c r="C123" s="65">
        <v>-9</v>
      </c>
      <c r="D123" s="65">
        <v>-11</v>
      </c>
      <c r="E123" s="64">
        <v>20</v>
      </c>
      <c r="F123" s="65">
        <v>10</v>
      </c>
      <c r="G123" s="66">
        <v>10</v>
      </c>
      <c r="H123" s="65">
        <v>1</v>
      </c>
      <c r="I123" s="65">
        <v>1</v>
      </c>
      <c r="J123" s="65">
        <v>0</v>
      </c>
      <c r="K123" s="64">
        <v>1</v>
      </c>
      <c r="L123" s="77">
        <v>0</v>
      </c>
      <c r="M123" s="78">
        <v>1</v>
      </c>
    </row>
    <row r="124" spans="1:13">
      <c r="A124" s="27" t="s">
        <v>101</v>
      </c>
      <c r="B124" s="67">
        <v>-6</v>
      </c>
      <c r="C124" s="68">
        <v>-2</v>
      </c>
      <c r="D124" s="68">
        <v>-4</v>
      </c>
      <c r="E124" s="67">
        <v>6</v>
      </c>
      <c r="F124" s="68">
        <v>2</v>
      </c>
      <c r="G124" s="69">
        <v>4</v>
      </c>
      <c r="H124" s="68">
        <v>0</v>
      </c>
      <c r="I124" s="68">
        <v>0</v>
      </c>
      <c r="J124" s="68">
        <v>0</v>
      </c>
      <c r="K124" s="67">
        <v>0</v>
      </c>
      <c r="L124" s="79">
        <v>0</v>
      </c>
      <c r="M124" s="80">
        <v>0</v>
      </c>
    </row>
    <row r="125" spans="1:13">
      <c r="A125" s="27" t="s">
        <v>103</v>
      </c>
      <c r="B125" s="67">
        <v>-2</v>
      </c>
      <c r="C125" s="68">
        <v>0</v>
      </c>
      <c r="D125" s="68">
        <v>-2</v>
      </c>
      <c r="E125" s="67">
        <v>2</v>
      </c>
      <c r="F125" s="68">
        <v>0</v>
      </c>
      <c r="G125" s="69">
        <v>2</v>
      </c>
      <c r="H125" s="68">
        <v>0</v>
      </c>
      <c r="I125" s="68">
        <v>0</v>
      </c>
      <c r="J125" s="68">
        <v>0</v>
      </c>
      <c r="K125" s="67">
        <v>0</v>
      </c>
      <c r="L125" s="79">
        <v>0</v>
      </c>
      <c r="M125" s="80">
        <v>0</v>
      </c>
    </row>
    <row r="126" spans="1:13">
      <c r="A126" s="27" t="s">
        <v>105</v>
      </c>
      <c r="B126" s="67">
        <v>-5</v>
      </c>
      <c r="C126" s="68">
        <v>-3</v>
      </c>
      <c r="D126" s="68">
        <v>-2</v>
      </c>
      <c r="E126" s="67">
        <v>4</v>
      </c>
      <c r="F126" s="68">
        <v>3</v>
      </c>
      <c r="G126" s="69">
        <v>1</v>
      </c>
      <c r="H126" s="68">
        <v>0</v>
      </c>
      <c r="I126" s="68">
        <v>0</v>
      </c>
      <c r="J126" s="68">
        <v>0</v>
      </c>
      <c r="K126" s="67">
        <v>1</v>
      </c>
      <c r="L126" s="79">
        <v>0</v>
      </c>
      <c r="M126" s="80">
        <v>1</v>
      </c>
    </row>
    <row r="127" spans="1:13">
      <c r="A127" s="27" t="s">
        <v>107</v>
      </c>
      <c r="B127" s="67">
        <v>-3</v>
      </c>
      <c r="C127" s="68">
        <v>-1</v>
      </c>
      <c r="D127" s="68">
        <v>-2</v>
      </c>
      <c r="E127" s="67">
        <v>4</v>
      </c>
      <c r="F127" s="68">
        <v>2</v>
      </c>
      <c r="G127" s="69">
        <v>2</v>
      </c>
      <c r="H127" s="68">
        <v>1</v>
      </c>
      <c r="I127" s="68">
        <v>1</v>
      </c>
      <c r="J127" s="68">
        <v>0</v>
      </c>
      <c r="K127" s="67">
        <v>0</v>
      </c>
      <c r="L127" s="79">
        <v>0</v>
      </c>
      <c r="M127" s="80">
        <v>0</v>
      </c>
    </row>
    <row r="128" spans="1:13">
      <c r="A128" s="27" t="s">
        <v>109</v>
      </c>
      <c r="B128" s="67">
        <v>-4</v>
      </c>
      <c r="C128" s="68">
        <v>-3</v>
      </c>
      <c r="D128" s="68">
        <v>-1</v>
      </c>
      <c r="E128" s="67">
        <v>4</v>
      </c>
      <c r="F128" s="68">
        <v>3</v>
      </c>
      <c r="G128" s="69">
        <v>1</v>
      </c>
      <c r="H128" s="68">
        <v>0</v>
      </c>
      <c r="I128" s="68">
        <v>0</v>
      </c>
      <c r="J128" s="68">
        <v>0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12</v>
      </c>
      <c r="C129" s="65">
        <v>-3</v>
      </c>
      <c r="D129" s="65">
        <v>-9</v>
      </c>
      <c r="E129" s="64">
        <v>12</v>
      </c>
      <c r="F129" s="65">
        <v>3</v>
      </c>
      <c r="G129" s="66">
        <v>9</v>
      </c>
      <c r="H129" s="65">
        <v>0</v>
      </c>
      <c r="I129" s="65">
        <v>0</v>
      </c>
      <c r="J129" s="65">
        <v>0</v>
      </c>
      <c r="K129" s="64">
        <v>0</v>
      </c>
      <c r="L129" s="77">
        <v>0</v>
      </c>
      <c r="M129" s="78">
        <v>0</v>
      </c>
    </row>
    <row r="130" spans="1:14">
      <c r="A130" s="27" t="s">
        <v>113</v>
      </c>
      <c r="B130" s="67">
        <v>-1</v>
      </c>
      <c r="C130" s="68">
        <v>0</v>
      </c>
      <c r="D130" s="68">
        <v>-1</v>
      </c>
      <c r="E130" s="67">
        <v>1</v>
      </c>
      <c r="F130" s="68">
        <v>0</v>
      </c>
      <c r="G130" s="69">
        <v>1</v>
      </c>
      <c r="H130" s="68">
        <v>0</v>
      </c>
      <c r="I130" s="68">
        <v>0</v>
      </c>
      <c r="J130" s="68">
        <v>0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1</v>
      </c>
      <c r="C131" s="68">
        <v>-1</v>
      </c>
      <c r="D131" s="68">
        <v>0</v>
      </c>
      <c r="E131" s="67">
        <v>1</v>
      </c>
      <c r="F131" s="68">
        <v>1</v>
      </c>
      <c r="G131" s="69">
        <v>0</v>
      </c>
      <c r="H131" s="68">
        <v>0</v>
      </c>
      <c r="I131" s="68">
        <v>0</v>
      </c>
      <c r="J131" s="68">
        <v>0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-1</v>
      </c>
      <c r="C132" s="68">
        <v>0</v>
      </c>
      <c r="D132" s="68">
        <v>-1</v>
      </c>
      <c r="E132" s="67">
        <v>1</v>
      </c>
      <c r="F132" s="68">
        <v>0</v>
      </c>
      <c r="G132" s="69">
        <v>1</v>
      </c>
      <c r="H132" s="68">
        <v>0</v>
      </c>
      <c r="I132" s="68">
        <v>0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4</v>
      </c>
      <c r="C133" s="68">
        <v>-2</v>
      </c>
      <c r="D133" s="68">
        <v>-2</v>
      </c>
      <c r="E133" s="67">
        <v>4</v>
      </c>
      <c r="F133" s="68">
        <v>2</v>
      </c>
      <c r="G133" s="69">
        <v>2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5</v>
      </c>
      <c r="C134" s="68">
        <v>0</v>
      </c>
      <c r="D134" s="68">
        <v>-5</v>
      </c>
      <c r="E134" s="67">
        <v>5</v>
      </c>
      <c r="F134" s="68">
        <v>0</v>
      </c>
      <c r="G134" s="69">
        <v>5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6</v>
      </c>
      <c r="C135" s="40">
        <v>0</v>
      </c>
      <c r="D135" s="40">
        <v>-6</v>
      </c>
      <c r="E135" s="42">
        <v>6</v>
      </c>
      <c r="F135" s="40">
        <v>0</v>
      </c>
      <c r="G135" s="43">
        <v>6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52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760</v>
      </c>
      <c r="C5" s="62">
        <v>194</v>
      </c>
      <c r="D5" s="62">
        <v>566</v>
      </c>
      <c r="E5" s="61">
        <v>1852</v>
      </c>
      <c r="F5" s="62">
        <v>1119</v>
      </c>
      <c r="G5" s="63">
        <v>733</v>
      </c>
      <c r="H5" s="62">
        <v>13995</v>
      </c>
      <c r="I5" s="62">
        <v>7754</v>
      </c>
      <c r="J5" s="62">
        <v>6241</v>
      </c>
      <c r="K5" s="61">
        <v>12146</v>
      </c>
      <c r="L5" s="75">
        <v>6824</v>
      </c>
      <c r="M5" s="76">
        <v>5322</v>
      </c>
    </row>
    <row r="6" spans="1:13" ht="23.25" customHeight="1">
      <c r="A6" s="36" t="s">
        <v>2</v>
      </c>
      <c r="B6" s="64">
        <v>698</v>
      </c>
      <c r="C6" s="65">
        <v>329</v>
      </c>
      <c r="D6" s="65">
        <v>369</v>
      </c>
      <c r="E6" s="64">
        <v>1</v>
      </c>
      <c r="F6" s="65">
        <v>1</v>
      </c>
      <c r="G6" s="66">
        <v>0</v>
      </c>
      <c r="H6" s="65">
        <v>451</v>
      </c>
      <c r="I6" s="65">
        <v>229</v>
      </c>
      <c r="J6" s="65">
        <v>222</v>
      </c>
      <c r="K6" s="64">
        <v>515</v>
      </c>
      <c r="L6" s="77">
        <v>282</v>
      </c>
      <c r="M6" s="78">
        <v>233</v>
      </c>
    </row>
    <row r="7" spans="1:13">
      <c r="A7" s="15" t="s">
        <v>4</v>
      </c>
      <c r="B7" s="67">
        <v>750</v>
      </c>
      <c r="C7" s="68">
        <v>374</v>
      </c>
      <c r="D7" s="68">
        <v>376</v>
      </c>
      <c r="E7" s="67">
        <v>1</v>
      </c>
      <c r="F7" s="68">
        <v>1</v>
      </c>
      <c r="G7" s="69">
        <v>0</v>
      </c>
      <c r="H7" s="68">
        <v>57</v>
      </c>
      <c r="I7" s="68">
        <v>27</v>
      </c>
      <c r="J7" s="68">
        <v>30</v>
      </c>
      <c r="K7" s="67">
        <v>69</v>
      </c>
      <c r="L7" s="79">
        <v>35</v>
      </c>
      <c r="M7" s="80">
        <v>34</v>
      </c>
    </row>
    <row r="8" spans="1:13">
      <c r="A8" s="15" t="s">
        <v>6</v>
      </c>
      <c r="B8" s="67">
        <v>-12</v>
      </c>
      <c r="C8" s="68">
        <v>-27</v>
      </c>
      <c r="D8" s="68">
        <v>15</v>
      </c>
      <c r="E8" s="67">
        <v>0</v>
      </c>
      <c r="F8" s="68">
        <v>0</v>
      </c>
      <c r="G8" s="69">
        <v>0</v>
      </c>
      <c r="H8" s="68">
        <v>128</v>
      </c>
      <c r="I8" s="68">
        <v>59</v>
      </c>
      <c r="J8" s="68">
        <v>69</v>
      </c>
      <c r="K8" s="67">
        <v>140</v>
      </c>
      <c r="L8" s="79">
        <v>86</v>
      </c>
      <c r="M8" s="80">
        <v>54</v>
      </c>
    </row>
    <row r="9" spans="1:13">
      <c r="A9" s="15" t="s">
        <v>8</v>
      </c>
      <c r="B9" s="67">
        <v>-16</v>
      </c>
      <c r="C9" s="68">
        <v>-8</v>
      </c>
      <c r="D9" s="68">
        <v>-8</v>
      </c>
      <c r="E9" s="67">
        <v>0</v>
      </c>
      <c r="F9" s="68">
        <v>0</v>
      </c>
      <c r="G9" s="69">
        <v>0</v>
      </c>
      <c r="H9" s="68">
        <v>93</v>
      </c>
      <c r="I9" s="68">
        <v>56</v>
      </c>
      <c r="J9" s="68">
        <v>37</v>
      </c>
      <c r="K9" s="67">
        <v>109</v>
      </c>
      <c r="L9" s="79">
        <v>64</v>
      </c>
      <c r="M9" s="80">
        <v>45</v>
      </c>
    </row>
    <row r="10" spans="1:13">
      <c r="A10" s="15" t="s">
        <v>10</v>
      </c>
      <c r="B10" s="67">
        <v>-16</v>
      </c>
      <c r="C10" s="68">
        <v>-5</v>
      </c>
      <c r="D10" s="68">
        <v>-11</v>
      </c>
      <c r="E10" s="67">
        <v>0</v>
      </c>
      <c r="F10" s="68">
        <v>0</v>
      </c>
      <c r="G10" s="69">
        <v>0</v>
      </c>
      <c r="H10" s="68">
        <v>83</v>
      </c>
      <c r="I10" s="68">
        <v>45</v>
      </c>
      <c r="J10" s="68">
        <v>38</v>
      </c>
      <c r="K10" s="67">
        <v>99</v>
      </c>
      <c r="L10" s="79">
        <v>50</v>
      </c>
      <c r="M10" s="80">
        <v>49</v>
      </c>
    </row>
    <row r="11" spans="1:13">
      <c r="A11" s="15" t="s">
        <v>12</v>
      </c>
      <c r="B11" s="67">
        <v>-8</v>
      </c>
      <c r="C11" s="68">
        <v>-5</v>
      </c>
      <c r="D11" s="68">
        <v>-3</v>
      </c>
      <c r="E11" s="67">
        <v>0</v>
      </c>
      <c r="F11" s="68">
        <v>0</v>
      </c>
      <c r="G11" s="69">
        <v>0</v>
      </c>
      <c r="H11" s="68">
        <v>90</v>
      </c>
      <c r="I11" s="68">
        <v>42</v>
      </c>
      <c r="J11" s="68">
        <v>48</v>
      </c>
      <c r="K11" s="67">
        <v>98</v>
      </c>
      <c r="L11" s="79">
        <v>47</v>
      </c>
      <c r="M11" s="80">
        <v>51</v>
      </c>
    </row>
    <row r="12" spans="1:13" ht="21" customHeight="1">
      <c r="A12" s="36" t="s">
        <v>14</v>
      </c>
      <c r="B12" s="64">
        <v>0</v>
      </c>
      <c r="C12" s="65">
        <v>-6</v>
      </c>
      <c r="D12" s="65">
        <v>6</v>
      </c>
      <c r="E12" s="64">
        <v>0</v>
      </c>
      <c r="F12" s="65">
        <v>0</v>
      </c>
      <c r="G12" s="66">
        <v>0</v>
      </c>
      <c r="H12" s="65">
        <v>384</v>
      </c>
      <c r="I12" s="65">
        <v>189</v>
      </c>
      <c r="J12" s="65">
        <v>195</v>
      </c>
      <c r="K12" s="64">
        <v>384</v>
      </c>
      <c r="L12" s="77">
        <v>195</v>
      </c>
      <c r="M12" s="78">
        <v>189</v>
      </c>
    </row>
    <row r="13" spans="1:13">
      <c r="A13" s="15" t="s">
        <v>16</v>
      </c>
      <c r="B13" s="67">
        <v>8</v>
      </c>
      <c r="C13" s="68">
        <v>10</v>
      </c>
      <c r="D13" s="68">
        <v>-2</v>
      </c>
      <c r="E13" s="67">
        <v>0</v>
      </c>
      <c r="F13" s="68">
        <v>0</v>
      </c>
      <c r="G13" s="69">
        <v>0</v>
      </c>
      <c r="H13" s="68">
        <v>93</v>
      </c>
      <c r="I13" s="68">
        <v>45</v>
      </c>
      <c r="J13" s="68">
        <v>48</v>
      </c>
      <c r="K13" s="67">
        <v>85</v>
      </c>
      <c r="L13" s="79">
        <v>35</v>
      </c>
      <c r="M13" s="80">
        <v>50</v>
      </c>
    </row>
    <row r="14" spans="1:13">
      <c r="A14" s="15" t="s">
        <v>18</v>
      </c>
      <c r="B14" s="67">
        <v>8</v>
      </c>
      <c r="C14" s="68">
        <v>6</v>
      </c>
      <c r="D14" s="68">
        <v>2</v>
      </c>
      <c r="E14" s="67">
        <v>0</v>
      </c>
      <c r="F14" s="68">
        <v>0</v>
      </c>
      <c r="G14" s="69">
        <v>0</v>
      </c>
      <c r="H14" s="68">
        <v>79</v>
      </c>
      <c r="I14" s="68">
        <v>41</v>
      </c>
      <c r="J14" s="68">
        <v>38</v>
      </c>
      <c r="K14" s="67">
        <v>71</v>
      </c>
      <c r="L14" s="79">
        <v>35</v>
      </c>
      <c r="M14" s="80">
        <v>36</v>
      </c>
    </row>
    <row r="15" spans="1:13">
      <c r="A15" s="15" t="s">
        <v>20</v>
      </c>
      <c r="B15" s="67">
        <v>-21</v>
      </c>
      <c r="C15" s="68">
        <v>-9</v>
      </c>
      <c r="D15" s="68">
        <v>-12</v>
      </c>
      <c r="E15" s="67">
        <v>0</v>
      </c>
      <c r="F15" s="68">
        <v>0</v>
      </c>
      <c r="G15" s="69">
        <v>0</v>
      </c>
      <c r="H15" s="68">
        <v>82</v>
      </c>
      <c r="I15" s="68">
        <v>37</v>
      </c>
      <c r="J15" s="68">
        <v>45</v>
      </c>
      <c r="K15" s="67">
        <v>103</v>
      </c>
      <c r="L15" s="79">
        <v>46</v>
      </c>
      <c r="M15" s="80">
        <v>57</v>
      </c>
    </row>
    <row r="16" spans="1:13">
      <c r="A16" s="15" t="s">
        <v>22</v>
      </c>
      <c r="B16" s="67">
        <v>7</v>
      </c>
      <c r="C16" s="68">
        <v>4</v>
      </c>
      <c r="D16" s="68">
        <v>3</v>
      </c>
      <c r="E16" s="67">
        <v>0</v>
      </c>
      <c r="F16" s="68">
        <v>0</v>
      </c>
      <c r="G16" s="69">
        <v>0</v>
      </c>
      <c r="H16" s="68">
        <v>68</v>
      </c>
      <c r="I16" s="68">
        <v>40</v>
      </c>
      <c r="J16" s="68">
        <v>28</v>
      </c>
      <c r="K16" s="67">
        <v>61</v>
      </c>
      <c r="L16" s="79">
        <v>36</v>
      </c>
      <c r="M16" s="80">
        <v>25</v>
      </c>
    </row>
    <row r="17" spans="1:13">
      <c r="A17" s="15" t="s">
        <v>24</v>
      </c>
      <c r="B17" s="67">
        <v>-2</v>
      </c>
      <c r="C17" s="68">
        <v>-17</v>
      </c>
      <c r="D17" s="68">
        <v>15</v>
      </c>
      <c r="E17" s="67">
        <v>0</v>
      </c>
      <c r="F17" s="68">
        <v>0</v>
      </c>
      <c r="G17" s="69">
        <v>0</v>
      </c>
      <c r="H17" s="68">
        <v>62</v>
      </c>
      <c r="I17" s="68">
        <v>26</v>
      </c>
      <c r="J17" s="68">
        <v>36</v>
      </c>
      <c r="K17" s="67">
        <v>64</v>
      </c>
      <c r="L17" s="79">
        <v>43</v>
      </c>
      <c r="M17" s="80">
        <v>21</v>
      </c>
    </row>
    <row r="18" spans="1:13" ht="21" customHeight="1">
      <c r="A18" s="36" t="s">
        <v>26</v>
      </c>
      <c r="B18" s="64">
        <v>50</v>
      </c>
      <c r="C18" s="65">
        <v>26</v>
      </c>
      <c r="D18" s="65">
        <v>24</v>
      </c>
      <c r="E18" s="64">
        <v>0</v>
      </c>
      <c r="F18" s="65">
        <v>0</v>
      </c>
      <c r="G18" s="66">
        <v>0</v>
      </c>
      <c r="H18" s="65">
        <v>277</v>
      </c>
      <c r="I18" s="65">
        <v>137</v>
      </c>
      <c r="J18" s="65">
        <v>140</v>
      </c>
      <c r="K18" s="64">
        <v>227</v>
      </c>
      <c r="L18" s="77">
        <v>111</v>
      </c>
      <c r="M18" s="78">
        <v>116</v>
      </c>
    </row>
    <row r="19" spans="1:13">
      <c r="A19" s="15" t="s">
        <v>28</v>
      </c>
      <c r="B19" s="67">
        <v>8</v>
      </c>
      <c r="C19" s="68">
        <v>10</v>
      </c>
      <c r="D19" s="68">
        <v>-2</v>
      </c>
      <c r="E19" s="67">
        <v>0</v>
      </c>
      <c r="F19" s="68">
        <v>0</v>
      </c>
      <c r="G19" s="69">
        <v>0</v>
      </c>
      <c r="H19" s="68">
        <v>57</v>
      </c>
      <c r="I19" s="68">
        <v>31</v>
      </c>
      <c r="J19" s="68">
        <v>26</v>
      </c>
      <c r="K19" s="67">
        <v>49</v>
      </c>
      <c r="L19" s="79">
        <v>21</v>
      </c>
      <c r="M19" s="80">
        <v>28</v>
      </c>
    </row>
    <row r="20" spans="1:13">
      <c r="A20" s="15" t="s">
        <v>30</v>
      </c>
      <c r="B20" s="67">
        <v>9</v>
      </c>
      <c r="C20" s="68">
        <v>1</v>
      </c>
      <c r="D20" s="68">
        <v>8</v>
      </c>
      <c r="E20" s="67">
        <v>0</v>
      </c>
      <c r="F20" s="68">
        <v>0</v>
      </c>
      <c r="G20" s="69">
        <v>0</v>
      </c>
      <c r="H20" s="68">
        <v>53</v>
      </c>
      <c r="I20" s="68">
        <v>27</v>
      </c>
      <c r="J20" s="68">
        <v>26</v>
      </c>
      <c r="K20" s="67">
        <v>44</v>
      </c>
      <c r="L20" s="79">
        <v>26</v>
      </c>
      <c r="M20" s="80">
        <v>18</v>
      </c>
    </row>
    <row r="21" spans="1:13">
      <c r="A21" s="15" t="s">
        <v>32</v>
      </c>
      <c r="B21" s="67">
        <v>7</v>
      </c>
      <c r="C21" s="68">
        <v>3</v>
      </c>
      <c r="D21" s="68">
        <v>4</v>
      </c>
      <c r="E21" s="67">
        <v>0</v>
      </c>
      <c r="F21" s="68">
        <v>0</v>
      </c>
      <c r="G21" s="69">
        <v>0</v>
      </c>
      <c r="H21" s="68">
        <v>56</v>
      </c>
      <c r="I21" s="68">
        <v>26</v>
      </c>
      <c r="J21" s="68">
        <v>30</v>
      </c>
      <c r="K21" s="67">
        <v>49</v>
      </c>
      <c r="L21" s="79">
        <v>23</v>
      </c>
      <c r="M21" s="80">
        <v>26</v>
      </c>
    </row>
    <row r="22" spans="1:13">
      <c r="A22" s="15" t="s">
        <v>34</v>
      </c>
      <c r="B22" s="67">
        <v>15</v>
      </c>
      <c r="C22" s="68">
        <v>9</v>
      </c>
      <c r="D22" s="68">
        <v>6</v>
      </c>
      <c r="E22" s="67">
        <v>0</v>
      </c>
      <c r="F22" s="68">
        <v>0</v>
      </c>
      <c r="G22" s="69">
        <v>0</v>
      </c>
      <c r="H22" s="68">
        <v>64</v>
      </c>
      <c r="I22" s="68">
        <v>31</v>
      </c>
      <c r="J22" s="68">
        <v>33</v>
      </c>
      <c r="K22" s="67">
        <v>49</v>
      </c>
      <c r="L22" s="79">
        <v>22</v>
      </c>
      <c r="M22" s="80">
        <v>27</v>
      </c>
    </row>
    <row r="23" spans="1:13">
      <c r="A23" s="15" t="s">
        <v>36</v>
      </c>
      <c r="B23" s="67">
        <v>11</v>
      </c>
      <c r="C23" s="68">
        <v>3</v>
      </c>
      <c r="D23" s="68">
        <v>8</v>
      </c>
      <c r="E23" s="67">
        <v>0</v>
      </c>
      <c r="F23" s="68">
        <v>0</v>
      </c>
      <c r="G23" s="69">
        <v>0</v>
      </c>
      <c r="H23" s="68">
        <v>47</v>
      </c>
      <c r="I23" s="68">
        <v>22</v>
      </c>
      <c r="J23" s="68">
        <v>25</v>
      </c>
      <c r="K23" s="67">
        <v>36</v>
      </c>
      <c r="L23" s="79">
        <v>19</v>
      </c>
      <c r="M23" s="80">
        <v>17</v>
      </c>
    </row>
    <row r="24" spans="1:13" ht="21" customHeight="1">
      <c r="A24" s="36" t="s">
        <v>38</v>
      </c>
      <c r="B24" s="64">
        <v>130</v>
      </c>
      <c r="C24" s="65">
        <v>61</v>
      </c>
      <c r="D24" s="65">
        <v>69</v>
      </c>
      <c r="E24" s="64">
        <v>0</v>
      </c>
      <c r="F24" s="65">
        <v>0</v>
      </c>
      <c r="G24" s="66">
        <v>0</v>
      </c>
      <c r="H24" s="65">
        <v>377</v>
      </c>
      <c r="I24" s="65">
        <v>188</v>
      </c>
      <c r="J24" s="65">
        <v>189</v>
      </c>
      <c r="K24" s="64">
        <v>247</v>
      </c>
      <c r="L24" s="77">
        <v>127</v>
      </c>
      <c r="M24" s="78">
        <v>120</v>
      </c>
    </row>
    <row r="25" spans="1:13">
      <c r="A25" s="15" t="s">
        <v>40</v>
      </c>
      <c r="B25" s="67">
        <v>14</v>
      </c>
      <c r="C25" s="68">
        <v>12</v>
      </c>
      <c r="D25" s="68">
        <v>2</v>
      </c>
      <c r="E25" s="67">
        <v>0</v>
      </c>
      <c r="F25" s="68">
        <v>0</v>
      </c>
      <c r="G25" s="69">
        <v>0</v>
      </c>
      <c r="H25" s="68">
        <v>50</v>
      </c>
      <c r="I25" s="68">
        <v>27</v>
      </c>
      <c r="J25" s="68">
        <v>23</v>
      </c>
      <c r="K25" s="67">
        <v>36</v>
      </c>
      <c r="L25" s="79">
        <v>15</v>
      </c>
      <c r="M25" s="80">
        <v>21</v>
      </c>
    </row>
    <row r="26" spans="1:13">
      <c r="A26" s="15" t="s">
        <v>42</v>
      </c>
      <c r="B26" s="67">
        <v>18</v>
      </c>
      <c r="C26" s="68">
        <v>4</v>
      </c>
      <c r="D26" s="68">
        <v>14</v>
      </c>
      <c r="E26" s="67">
        <v>0</v>
      </c>
      <c r="F26" s="68">
        <v>0</v>
      </c>
      <c r="G26" s="69">
        <v>0</v>
      </c>
      <c r="H26" s="68">
        <v>55</v>
      </c>
      <c r="I26" s="68">
        <v>26</v>
      </c>
      <c r="J26" s="68">
        <v>29</v>
      </c>
      <c r="K26" s="67">
        <v>37</v>
      </c>
      <c r="L26" s="79">
        <v>22</v>
      </c>
      <c r="M26" s="80">
        <v>15</v>
      </c>
    </row>
    <row r="27" spans="1:13">
      <c r="A27" s="15" t="s">
        <v>44</v>
      </c>
      <c r="B27" s="67">
        <v>6</v>
      </c>
      <c r="C27" s="68">
        <v>0</v>
      </c>
      <c r="D27" s="68">
        <v>6</v>
      </c>
      <c r="E27" s="67">
        <v>0</v>
      </c>
      <c r="F27" s="68">
        <v>0</v>
      </c>
      <c r="G27" s="69">
        <v>0</v>
      </c>
      <c r="H27" s="68">
        <v>34</v>
      </c>
      <c r="I27" s="68">
        <v>14</v>
      </c>
      <c r="J27" s="68">
        <v>20</v>
      </c>
      <c r="K27" s="67">
        <v>28</v>
      </c>
      <c r="L27" s="79">
        <v>14</v>
      </c>
      <c r="M27" s="80">
        <v>14</v>
      </c>
    </row>
    <row r="28" spans="1:13">
      <c r="A28" s="15" t="s">
        <v>46</v>
      </c>
      <c r="B28" s="67">
        <v>14</v>
      </c>
      <c r="C28" s="68">
        <v>5</v>
      </c>
      <c r="D28" s="68">
        <v>9</v>
      </c>
      <c r="E28" s="67">
        <v>0</v>
      </c>
      <c r="F28" s="68">
        <v>0</v>
      </c>
      <c r="G28" s="69">
        <v>0</v>
      </c>
      <c r="H28" s="68">
        <v>77</v>
      </c>
      <c r="I28" s="68">
        <v>41</v>
      </c>
      <c r="J28" s="68">
        <v>36</v>
      </c>
      <c r="K28" s="67">
        <v>63</v>
      </c>
      <c r="L28" s="79">
        <v>36</v>
      </c>
      <c r="M28" s="80">
        <v>27</v>
      </c>
    </row>
    <row r="29" spans="1:13">
      <c r="A29" s="15" t="s">
        <v>48</v>
      </c>
      <c r="B29" s="67">
        <v>78</v>
      </c>
      <c r="C29" s="68">
        <v>40</v>
      </c>
      <c r="D29" s="68">
        <v>38</v>
      </c>
      <c r="E29" s="67">
        <v>0</v>
      </c>
      <c r="F29" s="68">
        <v>0</v>
      </c>
      <c r="G29" s="69">
        <v>0</v>
      </c>
      <c r="H29" s="68">
        <v>161</v>
      </c>
      <c r="I29" s="68">
        <v>80</v>
      </c>
      <c r="J29" s="68">
        <v>81</v>
      </c>
      <c r="K29" s="67">
        <v>83</v>
      </c>
      <c r="L29" s="79">
        <v>40</v>
      </c>
      <c r="M29" s="80">
        <v>43</v>
      </c>
    </row>
    <row r="30" spans="1:13" ht="21" customHeight="1">
      <c r="A30" s="36" t="s">
        <v>50</v>
      </c>
      <c r="B30" s="64">
        <v>752</v>
      </c>
      <c r="C30" s="65">
        <v>343</v>
      </c>
      <c r="D30" s="65">
        <v>409</v>
      </c>
      <c r="E30" s="64">
        <v>3</v>
      </c>
      <c r="F30" s="65">
        <v>2</v>
      </c>
      <c r="G30" s="66">
        <v>1</v>
      </c>
      <c r="H30" s="65">
        <v>1996</v>
      </c>
      <c r="I30" s="65">
        <v>1010</v>
      </c>
      <c r="J30" s="65">
        <v>986</v>
      </c>
      <c r="K30" s="64">
        <v>1241</v>
      </c>
      <c r="L30" s="77">
        <v>665</v>
      </c>
      <c r="M30" s="78">
        <v>576</v>
      </c>
    </row>
    <row r="31" spans="1:13">
      <c r="A31" s="15" t="s">
        <v>52</v>
      </c>
      <c r="B31" s="67">
        <v>68</v>
      </c>
      <c r="C31" s="68">
        <v>35</v>
      </c>
      <c r="D31" s="68">
        <v>33</v>
      </c>
      <c r="E31" s="67">
        <v>1</v>
      </c>
      <c r="F31" s="68">
        <v>1</v>
      </c>
      <c r="G31" s="69">
        <v>0</v>
      </c>
      <c r="H31" s="68">
        <v>181</v>
      </c>
      <c r="I31" s="68">
        <v>96</v>
      </c>
      <c r="J31" s="68">
        <v>85</v>
      </c>
      <c r="K31" s="67">
        <v>112</v>
      </c>
      <c r="L31" s="79">
        <v>60</v>
      </c>
      <c r="M31" s="80">
        <v>52</v>
      </c>
    </row>
    <row r="32" spans="1:13">
      <c r="A32" s="15" t="s">
        <v>54</v>
      </c>
      <c r="B32" s="67">
        <v>142</v>
      </c>
      <c r="C32" s="68">
        <v>68</v>
      </c>
      <c r="D32" s="68">
        <v>74</v>
      </c>
      <c r="E32" s="67">
        <v>0</v>
      </c>
      <c r="F32" s="68">
        <v>0</v>
      </c>
      <c r="G32" s="69">
        <v>0</v>
      </c>
      <c r="H32" s="68">
        <v>307</v>
      </c>
      <c r="I32" s="68">
        <v>159</v>
      </c>
      <c r="J32" s="68">
        <v>148</v>
      </c>
      <c r="K32" s="67">
        <v>165</v>
      </c>
      <c r="L32" s="79">
        <v>91</v>
      </c>
      <c r="M32" s="80">
        <v>74</v>
      </c>
    </row>
    <row r="33" spans="1:13">
      <c r="A33" s="15" t="s">
        <v>56</v>
      </c>
      <c r="B33" s="67">
        <v>163</v>
      </c>
      <c r="C33" s="68">
        <v>64</v>
      </c>
      <c r="D33" s="68">
        <v>99</v>
      </c>
      <c r="E33" s="67">
        <v>1</v>
      </c>
      <c r="F33" s="68">
        <v>0</v>
      </c>
      <c r="G33" s="69">
        <v>1</v>
      </c>
      <c r="H33" s="68">
        <v>389</v>
      </c>
      <c r="I33" s="68">
        <v>185</v>
      </c>
      <c r="J33" s="68">
        <v>204</v>
      </c>
      <c r="K33" s="67">
        <v>225</v>
      </c>
      <c r="L33" s="79">
        <v>121</v>
      </c>
      <c r="M33" s="80">
        <v>104</v>
      </c>
    </row>
    <row r="34" spans="1:13">
      <c r="A34" s="15" t="s">
        <v>58</v>
      </c>
      <c r="B34" s="67">
        <v>276</v>
      </c>
      <c r="C34" s="68">
        <v>106</v>
      </c>
      <c r="D34" s="68">
        <v>170</v>
      </c>
      <c r="E34" s="67">
        <v>0</v>
      </c>
      <c r="F34" s="68">
        <v>0</v>
      </c>
      <c r="G34" s="69">
        <v>0</v>
      </c>
      <c r="H34" s="68">
        <v>608</v>
      </c>
      <c r="I34" s="68">
        <v>293</v>
      </c>
      <c r="J34" s="68">
        <v>315</v>
      </c>
      <c r="K34" s="67">
        <v>332</v>
      </c>
      <c r="L34" s="79">
        <v>187</v>
      </c>
      <c r="M34" s="80">
        <v>145</v>
      </c>
    </row>
    <row r="35" spans="1:13">
      <c r="A35" s="15" t="s">
        <v>60</v>
      </c>
      <c r="B35" s="67">
        <v>103</v>
      </c>
      <c r="C35" s="68">
        <v>70</v>
      </c>
      <c r="D35" s="68">
        <v>33</v>
      </c>
      <c r="E35" s="67">
        <v>1</v>
      </c>
      <c r="F35" s="68">
        <v>1</v>
      </c>
      <c r="G35" s="69">
        <v>0</v>
      </c>
      <c r="H35" s="68">
        <v>511</v>
      </c>
      <c r="I35" s="68">
        <v>277</v>
      </c>
      <c r="J35" s="68">
        <v>234</v>
      </c>
      <c r="K35" s="67">
        <v>407</v>
      </c>
      <c r="L35" s="79">
        <v>206</v>
      </c>
      <c r="M35" s="80">
        <v>201</v>
      </c>
    </row>
    <row r="36" spans="1:13" ht="21" customHeight="1">
      <c r="A36" s="36" t="s">
        <v>62</v>
      </c>
      <c r="B36" s="64">
        <v>354</v>
      </c>
      <c r="C36" s="65">
        <v>195</v>
      </c>
      <c r="D36" s="65">
        <v>159</v>
      </c>
      <c r="E36" s="64">
        <v>1</v>
      </c>
      <c r="F36" s="65">
        <v>0</v>
      </c>
      <c r="G36" s="66">
        <v>1</v>
      </c>
      <c r="H36" s="65">
        <v>2607</v>
      </c>
      <c r="I36" s="65">
        <v>1408</v>
      </c>
      <c r="J36" s="65">
        <v>1199</v>
      </c>
      <c r="K36" s="64">
        <v>2252</v>
      </c>
      <c r="L36" s="77">
        <v>1213</v>
      </c>
      <c r="M36" s="78">
        <v>1039</v>
      </c>
    </row>
    <row r="37" spans="1:13">
      <c r="A37" s="15" t="s">
        <v>64</v>
      </c>
      <c r="B37" s="67">
        <v>122</v>
      </c>
      <c r="C37" s="68">
        <v>83</v>
      </c>
      <c r="D37" s="68">
        <v>39</v>
      </c>
      <c r="E37" s="67">
        <v>0</v>
      </c>
      <c r="F37" s="68">
        <v>0</v>
      </c>
      <c r="G37" s="69">
        <v>0</v>
      </c>
      <c r="H37" s="68">
        <v>549</v>
      </c>
      <c r="I37" s="68">
        <v>313</v>
      </c>
      <c r="J37" s="68">
        <v>236</v>
      </c>
      <c r="K37" s="67">
        <v>427</v>
      </c>
      <c r="L37" s="79">
        <v>230</v>
      </c>
      <c r="M37" s="80">
        <v>197</v>
      </c>
    </row>
    <row r="38" spans="1:13">
      <c r="A38" s="15" t="s">
        <v>66</v>
      </c>
      <c r="B38" s="67">
        <v>60</v>
      </c>
      <c r="C38" s="68">
        <v>23</v>
      </c>
      <c r="D38" s="68">
        <v>37</v>
      </c>
      <c r="E38" s="67">
        <v>0</v>
      </c>
      <c r="F38" s="68">
        <v>0</v>
      </c>
      <c r="G38" s="69">
        <v>0</v>
      </c>
      <c r="H38" s="68">
        <v>543</v>
      </c>
      <c r="I38" s="68">
        <v>284</v>
      </c>
      <c r="J38" s="68">
        <v>259</v>
      </c>
      <c r="K38" s="67">
        <v>483</v>
      </c>
      <c r="L38" s="79">
        <v>261</v>
      </c>
      <c r="M38" s="80">
        <v>222</v>
      </c>
    </row>
    <row r="39" spans="1:13">
      <c r="A39" s="15" t="s">
        <v>68</v>
      </c>
      <c r="B39" s="67">
        <v>53</v>
      </c>
      <c r="C39" s="68">
        <v>14</v>
      </c>
      <c r="D39" s="68">
        <v>39</v>
      </c>
      <c r="E39" s="67">
        <v>0</v>
      </c>
      <c r="F39" s="68">
        <v>0</v>
      </c>
      <c r="G39" s="69">
        <v>0</v>
      </c>
      <c r="H39" s="68">
        <v>540</v>
      </c>
      <c r="I39" s="68">
        <v>281</v>
      </c>
      <c r="J39" s="68">
        <v>259</v>
      </c>
      <c r="K39" s="67">
        <v>487</v>
      </c>
      <c r="L39" s="79">
        <v>267</v>
      </c>
      <c r="M39" s="80">
        <v>220</v>
      </c>
    </row>
    <row r="40" spans="1:13">
      <c r="A40" s="15" t="s">
        <v>70</v>
      </c>
      <c r="B40" s="67">
        <v>107</v>
      </c>
      <c r="C40" s="68">
        <v>64</v>
      </c>
      <c r="D40" s="68">
        <v>43</v>
      </c>
      <c r="E40" s="67">
        <v>0</v>
      </c>
      <c r="F40" s="68">
        <v>0</v>
      </c>
      <c r="G40" s="69">
        <v>0</v>
      </c>
      <c r="H40" s="68">
        <v>525</v>
      </c>
      <c r="I40" s="68">
        <v>289</v>
      </c>
      <c r="J40" s="68">
        <v>236</v>
      </c>
      <c r="K40" s="67">
        <v>418</v>
      </c>
      <c r="L40" s="79">
        <v>225</v>
      </c>
      <c r="M40" s="80">
        <v>193</v>
      </c>
    </row>
    <row r="41" spans="1:13">
      <c r="A41" s="15" t="s">
        <v>72</v>
      </c>
      <c r="B41" s="67">
        <v>12</v>
      </c>
      <c r="C41" s="68">
        <v>11</v>
      </c>
      <c r="D41" s="68">
        <v>1</v>
      </c>
      <c r="E41" s="67">
        <v>1</v>
      </c>
      <c r="F41" s="68">
        <v>0</v>
      </c>
      <c r="G41" s="69">
        <v>1</v>
      </c>
      <c r="H41" s="68">
        <v>450</v>
      </c>
      <c r="I41" s="68">
        <v>241</v>
      </c>
      <c r="J41" s="68">
        <v>209</v>
      </c>
      <c r="K41" s="67">
        <v>437</v>
      </c>
      <c r="L41" s="79">
        <v>230</v>
      </c>
      <c r="M41" s="80">
        <v>207</v>
      </c>
    </row>
    <row r="42" spans="1:13" ht="21" customHeight="1">
      <c r="A42" s="36" t="s">
        <v>74</v>
      </c>
      <c r="B42" s="64">
        <v>78</v>
      </c>
      <c r="C42" s="65">
        <v>26</v>
      </c>
      <c r="D42" s="65">
        <v>52</v>
      </c>
      <c r="E42" s="64">
        <v>1</v>
      </c>
      <c r="F42" s="65">
        <v>1</v>
      </c>
      <c r="G42" s="66">
        <v>0</v>
      </c>
      <c r="H42" s="65">
        <v>1805</v>
      </c>
      <c r="I42" s="65">
        <v>975</v>
      </c>
      <c r="J42" s="65">
        <v>830</v>
      </c>
      <c r="K42" s="64">
        <v>1726</v>
      </c>
      <c r="L42" s="77">
        <v>948</v>
      </c>
      <c r="M42" s="78">
        <v>778</v>
      </c>
    </row>
    <row r="43" spans="1:13">
      <c r="A43" s="15" t="s">
        <v>76</v>
      </c>
      <c r="B43" s="67">
        <v>23</v>
      </c>
      <c r="C43" s="68">
        <v>13</v>
      </c>
      <c r="D43" s="68">
        <v>10</v>
      </c>
      <c r="E43" s="67">
        <v>1</v>
      </c>
      <c r="F43" s="68">
        <v>1</v>
      </c>
      <c r="G43" s="69">
        <v>0</v>
      </c>
      <c r="H43" s="68">
        <v>428</v>
      </c>
      <c r="I43" s="68">
        <v>235</v>
      </c>
      <c r="J43" s="68">
        <v>193</v>
      </c>
      <c r="K43" s="67">
        <v>404</v>
      </c>
      <c r="L43" s="79">
        <v>221</v>
      </c>
      <c r="M43" s="80">
        <v>183</v>
      </c>
    </row>
    <row r="44" spans="1:13">
      <c r="A44" s="15" t="s">
        <v>78</v>
      </c>
      <c r="B44" s="67">
        <v>65</v>
      </c>
      <c r="C44" s="68">
        <v>41</v>
      </c>
      <c r="D44" s="68">
        <v>24</v>
      </c>
      <c r="E44" s="67">
        <v>0</v>
      </c>
      <c r="F44" s="68">
        <v>0</v>
      </c>
      <c r="G44" s="69">
        <v>0</v>
      </c>
      <c r="H44" s="68">
        <v>390</v>
      </c>
      <c r="I44" s="68">
        <v>216</v>
      </c>
      <c r="J44" s="68">
        <v>174</v>
      </c>
      <c r="K44" s="67">
        <v>325</v>
      </c>
      <c r="L44" s="79">
        <v>175</v>
      </c>
      <c r="M44" s="80">
        <v>150</v>
      </c>
    </row>
    <row r="45" spans="1:13">
      <c r="A45" s="15" t="s">
        <v>80</v>
      </c>
      <c r="B45" s="67">
        <v>-10</v>
      </c>
      <c r="C45" s="68">
        <v>-5</v>
      </c>
      <c r="D45" s="68">
        <v>-5</v>
      </c>
      <c r="E45" s="67">
        <v>0</v>
      </c>
      <c r="F45" s="68">
        <v>0</v>
      </c>
      <c r="G45" s="69">
        <v>0</v>
      </c>
      <c r="H45" s="68">
        <v>345</v>
      </c>
      <c r="I45" s="68">
        <v>191</v>
      </c>
      <c r="J45" s="68">
        <v>154</v>
      </c>
      <c r="K45" s="67">
        <v>355</v>
      </c>
      <c r="L45" s="79">
        <v>196</v>
      </c>
      <c r="M45" s="80">
        <v>159</v>
      </c>
    </row>
    <row r="46" spans="1:13">
      <c r="A46" s="15" t="s">
        <v>82</v>
      </c>
      <c r="B46" s="67">
        <v>-13</v>
      </c>
      <c r="C46" s="68">
        <v>-18</v>
      </c>
      <c r="D46" s="68">
        <v>5</v>
      </c>
      <c r="E46" s="67">
        <v>0</v>
      </c>
      <c r="F46" s="68">
        <v>0</v>
      </c>
      <c r="G46" s="69">
        <v>0</v>
      </c>
      <c r="H46" s="68">
        <v>321</v>
      </c>
      <c r="I46" s="68">
        <v>162</v>
      </c>
      <c r="J46" s="68">
        <v>159</v>
      </c>
      <c r="K46" s="67">
        <v>334</v>
      </c>
      <c r="L46" s="79">
        <v>180</v>
      </c>
      <c r="M46" s="80">
        <v>154</v>
      </c>
    </row>
    <row r="47" spans="1:13">
      <c r="A47" s="15" t="s">
        <v>84</v>
      </c>
      <c r="B47" s="67">
        <v>13</v>
      </c>
      <c r="C47" s="68">
        <v>-5</v>
      </c>
      <c r="D47" s="68">
        <v>18</v>
      </c>
      <c r="E47" s="67">
        <v>0</v>
      </c>
      <c r="F47" s="68">
        <v>0</v>
      </c>
      <c r="G47" s="69">
        <v>0</v>
      </c>
      <c r="H47" s="68">
        <v>321</v>
      </c>
      <c r="I47" s="68">
        <v>171</v>
      </c>
      <c r="J47" s="68">
        <v>150</v>
      </c>
      <c r="K47" s="67">
        <v>308</v>
      </c>
      <c r="L47" s="79">
        <v>176</v>
      </c>
      <c r="M47" s="80">
        <v>132</v>
      </c>
    </row>
    <row r="48" spans="1:13" ht="21" customHeight="1">
      <c r="A48" s="36" t="s">
        <v>86</v>
      </c>
      <c r="B48" s="64">
        <v>71</v>
      </c>
      <c r="C48" s="65">
        <v>34</v>
      </c>
      <c r="D48" s="65">
        <v>37</v>
      </c>
      <c r="E48" s="64">
        <v>8</v>
      </c>
      <c r="F48" s="65">
        <v>7</v>
      </c>
      <c r="G48" s="66">
        <v>1</v>
      </c>
      <c r="H48" s="65">
        <v>1299</v>
      </c>
      <c r="I48" s="65">
        <v>730</v>
      </c>
      <c r="J48" s="65">
        <v>569</v>
      </c>
      <c r="K48" s="64">
        <v>1220</v>
      </c>
      <c r="L48" s="77">
        <v>689</v>
      </c>
      <c r="M48" s="78">
        <v>531</v>
      </c>
    </row>
    <row r="49" spans="1:13">
      <c r="A49" s="15" t="s">
        <v>88</v>
      </c>
      <c r="B49" s="67">
        <v>9</v>
      </c>
      <c r="C49" s="68">
        <v>8</v>
      </c>
      <c r="D49" s="68">
        <v>1</v>
      </c>
      <c r="E49" s="67">
        <v>3</v>
      </c>
      <c r="F49" s="68">
        <v>2</v>
      </c>
      <c r="G49" s="69">
        <v>1</v>
      </c>
      <c r="H49" s="68">
        <v>291</v>
      </c>
      <c r="I49" s="68">
        <v>166</v>
      </c>
      <c r="J49" s="68">
        <v>125</v>
      </c>
      <c r="K49" s="67">
        <v>279</v>
      </c>
      <c r="L49" s="79">
        <v>156</v>
      </c>
      <c r="M49" s="80">
        <v>123</v>
      </c>
    </row>
    <row r="50" spans="1:13">
      <c r="A50" s="15" t="s">
        <v>90</v>
      </c>
      <c r="B50" s="67">
        <v>22</v>
      </c>
      <c r="C50" s="68">
        <v>25</v>
      </c>
      <c r="D50" s="68">
        <v>-3</v>
      </c>
      <c r="E50" s="67">
        <v>2</v>
      </c>
      <c r="F50" s="68">
        <v>2</v>
      </c>
      <c r="G50" s="69">
        <v>0</v>
      </c>
      <c r="H50" s="68">
        <v>269</v>
      </c>
      <c r="I50" s="68">
        <v>162</v>
      </c>
      <c r="J50" s="68">
        <v>107</v>
      </c>
      <c r="K50" s="67">
        <v>245</v>
      </c>
      <c r="L50" s="79">
        <v>135</v>
      </c>
      <c r="M50" s="80">
        <v>110</v>
      </c>
    </row>
    <row r="51" spans="1:13">
      <c r="A51" s="15" t="s">
        <v>92</v>
      </c>
      <c r="B51" s="67">
        <v>21</v>
      </c>
      <c r="C51" s="68">
        <v>0</v>
      </c>
      <c r="D51" s="68">
        <v>21</v>
      </c>
      <c r="E51" s="67">
        <v>1</v>
      </c>
      <c r="F51" s="68">
        <v>1</v>
      </c>
      <c r="G51" s="69">
        <v>0</v>
      </c>
      <c r="H51" s="68">
        <v>261</v>
      </c>
      <c r="I51" s="68">
        <v>139</v>
      </c>
      <c r="J51" s="68">
        <v>122</v>
      </c>
      <c r="K51" s="67">
        <v>239</v>
      </c>
      <c r="L51" s="79">
        <v>138</v>
      </c>
      <c r="M51" s="80">
        <v>101</v>
      </c>
    </row>
    <row r="52" spans="1:13">
      <c r="A52" s="15" t="s">
        <v>94</v>
      </c>
      <c r="B52" s="67">
        <v>-1</v>
      </c>
      <c r="C52" s="68">
        <v>-15</v>
      </c>
      <c r="D52" s="68">
        <v>14</v>
      </c>
      <c r="E52" s="67">
        <v>1</v>
      </c>
      <c r="F52" s="68">
        <v>1</v>
      </c>
      <c r="G52" s="69">
        <v>0</v>
      </c>
      <c r="H52" s="68">
        <v>232</v>
      </c>
      <c r="I52" s="68">
        <v>124</v>
      </c>
      <c r="J52" s="68">
        <v>108</v>
      </c>
      <c r="K52" s="67">
        <v>232</v>
      </c>
      <c r="L52" s="79">
        <v>138</v>
      </c>
      <c r="M52" s="80">
        <v>94</v>
      </c>
    </row>
    <row r="53" spans="1:13">
      <c r="A53" s="15" t="s">
        <v>96</v>
      </c>
      <c r="B53" s="67">
        <v>20</v>
      </c>
      <c r="C53" s="68">
        <v>16</v>
      </c>
      <c r="D53" s="68">
        <v>4</v>
      </c>
      <c r="E53" s="67">
        <v>1</v>
      </c>
      <c r="F53" s="68">
        <v>1</v>
      </c>
      <c r="G53" s="69">
        <v>0</v>
      </c>
      <c r="H53" s="68">
        <v>246</v>
      </c>
      <c r="I53" s="68">
        <v>139</v>
      </c>
      <c r="J53" s="68">
        <v>107</v>
      </c>
      <c r="K53" s="67">
        <v>225</v>
      </c>
      <c r="L53" s="79">
        <v>122</v>
      </c>
      <c r="M53" s="80">
        <v>103</v>
      </c>
    </row>
    <row r="54" spans="1:13" ht="21" customHeight="1">
      <c r="A54" s="36" t="s">
        <v>98</v>
      </c>
      <c r="B54" s="64">
        <v>105</v>
      </c>
      <c r="C54" s="65">
        <v>71</v>
      </c>
      <c r="D54" s="65">
        <v>34</v>
      </c>
      <c r="E54" s="64">
        <v>13</v>
      </c>
      <c r="F54" s="65">
        <v>8</v>
      </c>
      <c r="G54" s="66">
        <v>5</v>
      </c>
      <c r="H54" s="65">
        <v>1026</v>
      </c>
      <c r="I54" s="65">
        <v>602</v>
      </c>
      <c r="J54" s="65">
        <v>424</v>
      </c>
      <c r="K54" s="64">
        <v>908</v>
      </c>
      <c r="L54" s="77">
        <v>523</v>
      </c>
      <c r="M54" s="78">
        <v>385</v>
      </c>
    </row>
    <row r="55" spans="1:13">
      <c r="A55" s="15" t="s">
        <v>100</v>
      </c>
      <c r="B55" s="67">
        <v>55</v>
      </c>
      <c r="C55" s="68">
        <v>41</v>
      </c>
      <c r="D55" s="68">
        <v>14</v>
      </c>
      <c r="E55" s="67">
        <v>0</v>
      </c>
      <c r="F55" s="68">
        <v>0</v>
      </c>
      <c r="G55" s="69">
        <v>0</v>
      </c>
      <c r="H55" s="68">
        <v>233</v>
      </c>
      <c r="I55" s="68">
        <v>137</v>
      </c>
      <c r="J55" s="68">
        <v>96</v>
      </c>
      <c r="K55" s="67">
        <v>178</v>
      </c>
      <c r="L55" s="79">
        <v>96</v>
      </c>
      <c r="M55" s="80">
        <v>82</v>
      </c>
    </row>
    <row r="56" spans="1:13">
      <c r="A56" s="15" t="s">
        <v>102</v>
      </c>
      <c r="B56" s="67">
        <v>-2</v>
      </c>
      <c r="C56" s="68">
        <v>6</v>
      </c>
      <c r="D56" s="68">
        <v>-8</v>
      </c>
      <c r="E56" s="67">
        <v>1</v>
      </c>
      <c r="F56" s="68">
        <v>1</v>
      </c>
      <c r="G56" s="69">
        <v>0</v>
      </c>
      <c r="H56" s="68">
        <v>204</v>
      </c>
      <c r="I56" s="68">
        <v>129</v>
      </c>
      <c r="J56" s="68">
        <v>75</v>
      </c>
      <c r="K56" s="67">
        <v>205</v>
      </c>
      <c r="L56" s="79">
        <v>122</v>
      </c>
      <c r="M56" s="80">
        <v>83</v>
      </c>
    </row>
    <row r="57" spans="1:13">
      <c r="A57" s="15" t="s">
        <v>104</v>
      </c>
      <c r="B57" s="67">
        <v>22</v>
      </c>
      <c r="C57" s="68">
        <v>6</v>
      </c>
      <c r="D57" s="68">
        <v>16</v>
      </c>
      <c r="E57" s="67">
        <v>4</v>
      </c>
      <c r="F57" s="68">
        <v>1</v>
      </c>
      <c r="G57" s="69">
        <v>3</v>
      </c>
      <c r="H57" s="68">
        <v>195</v>
      </c>
      <c r="I57" s="68">
        <v>107</v>
      </c>
      <c r="J57" s="68">
        <v>88</v>
      </c>
      <c r="K57" s="67">
        <v>169</v>
      </c>
      <c r="L57" s="79">
        <v>100</v>
      </c>
      <c r="M57" s="80">
        <v>69</v>
      </c>
    </row>
    <row r="58" spans="1:13">
      <c r="A58" s="15" t="s">
        <v>106</v>
      </c>
      <c r="B58" s="67">
        <v>4</v>
      </c>
      <c r="C58" s="68">
        <v>1</v>
      </c>
      <c r="D58" s="68">
        <v>3</v>
      </c>
      <c r="E58" s="67">
        <v>3</v>
      </c>
      <c r="F58" s="68">
        <v>3</v>
      </c>
      <c r="G58" s="69">
        <v>0</v>
      </c>
      <c r="H58" s="68">
        <v>169</v>
      </c>
      <c r="I58" s="68">
        <v>95</v>
      </c>
      <c r="J58" s="68">
        <v>74</v>
      </c>
      <c r="K58" s="67">
        <v>162</v>
      </c>
      <c r="L58" s="79">
        <v>91</v>
      </c>
      <c r="M58" s="80">
        <v>71</v>
      </c>
    </row>
    <row r="59" spans="1:13">
      <c r="A59" s="15" t="s">
        <v>108</v>
      </c>
      <c r="B59" s="67">
        <v>26</v>
      </c>
      <c r="C59" s="68">
        <v>17</v>
      </c>
      <c r="D59" s="68">
        <v>9</v>
      </c>
      <c r="E59" s="67">
        <v>5</v>
      </c>
      <c r="F59" s="68">
        <v>3</v>
      </c>
      <c r="G59" s="69">
        <v>2</v>
      </c>
      <c r="H59" s="68">
        <v>225</v>
      </c>
      <c r="I59" s="68">
        <v>134</v>
      </c>
      <c r="J59" s="68">
        <v>91</v>
      </c>
      <c r="K59" s="67">
        <v>194</v>
      </c>
      <c r="L59" s="79">
        <v>114</v>
      </c>
      <c r="M59" s="80">
        <v>80</v>
      </c>
    </row>
    <row r="60" spans="1:13" ht="21" customHeight="1">
      <c r="A60" s="36" t="s">
        <v>110</v>
      </c>
      <c r="B60" s="64">
        <v>157</v>
      </c>
      <c r="C60" s="65">
        <v>78</v>
      </c>
      <c r="D60" s="65">
        <v>79</v>
      </c>
      <c r="E60" s="64">
        <v>19</v>
      </c>
      <c r="F60" s="65">
        <v>15</v>
      </c>
      <c r="G60" s="66">
        <v>4</v>
      </c>
      <c r="H60" s="65">
        <v>943</v>
      </c>
      <c r="I60" s="65">
        <v>555</v>
      </c>
      <c r="J60" s="65">
        <v>388</v>
      </c>
      <c r="K60" s="64">
        <v>767</v>
      </c>
      <c r="L60" s="77">
        <v>462</v>
      </c>
      <c r="M60" s="78">
        <v>305</v>
      </c>
    </row>
    <row r="61" spans="1:13">
      <c r="A61" s="15" t="s">
        <v>112</v>
      </c>
      <c r="B61" s="67">
        <v>64</v>
      </c>
      <c r="C61" s="68">
        <v>31</v>
      </c>
      <c r="D61" s="68">
        <v>33</v>
      </c>
      <c r="E61" s="67">
        <v>0</v>
      </c>
      <c r="F61" s="68">
        <v>0</v>
      </c>
      <c r="G61" s="69">
        <v>0</v>
      </c>
      <c r="H61" s="68">
        <v>220</v>
      </c>
      <c r="I61" s="68">
        <v>132</v>
      </c>
      <c r="J61" s="68">
        <v>88</v>
      </c>
      <c r="K61" s="67">
        <v>156</v>
      </c>
      <c r="L61" s="79">
        <v>101</v>
      </c>
      <c r="M61" s="80">
        <v>55</v>
      </c>
    </row>
    <row r="62" spans="1:13">
      <c r="A62" s="15" t="s">
        <v>114</v>
      </c>
      <c r="B62" s="67">
        <v>26</v>
      </c>
      <c r="C62" s="68">
        <v>14</v>
      </c>
      <c r="D62" s="68">
        <v>12</v>
      </c>
      <c r="E62" s="67">
        <v>2</v>
      </c>
      <c r="F62" s="68">
        <v>2</v>
      </c>
      <c r="G62" s="69">
        <v>0</v>
      </c>
      <c r="H62" s="68">
        <v>176</v>
      </c>
      <c r="I62" s="68">
        <v>102</v>
      </c>
      <c r="J62" s="68">
        <v>74</v>
      </c>
      <c r="K62" s="67">
        <v>148</v>
      </c>
      <c r="L62" s="79">
        <v>86</v>
      </c>
      <c r="M62" s="80">
        <v>62</v>
      </c>
    </row>
    <row r="63" spans="1:13">
      <c r="A63" s="15" t="s">
        <v>116</v>
      </c>
      <c r="B63" s="67">
        <v>-4</v>
      </c>
      <c r="C63" s="68">
        <v>-9</v>
      </c>
      <c r="D63" s="68">
        <v>5</v>
      </c>
      <c r="E63" s="67">
        <v>6</v>
      </c>
      <c r="F63" s="68">
        <v>4</v>
      </c>
      <c r="G63" s="69">
        <v>2</v>
      </c>
      <c r="H63" s="68">
        <v>169</v>
      </c>
      <c r="I63" s="68">
        <v>97</v>
      </c>
      <c r="J63" s="68">
        <v>72</v>
      </c>
      <c r="K63" s="67">
        <v>167</v>
      </c>
      <c r="L63" s="79">
        <v>102</v>
      </c>
      <c r="M63" s="80">
        <v>65</v>
      </c>
    </row>
    <row r="64" spans="1:13">
      <c r="A64" s="15" t="s">
        <v>118</v>
      </c>
      <c r="B64" s="67">
        <v>43</v>
      </c>
      <c r="C64" s="68">
        <v>24</v>
      </c>
      <c r="D64" s="68">
        <v>19</v>
      </c>
      <c r="E64" s="67">
        <v>2</v>
      </c>
      <c r="F64" s="68">
        <v>2</v>
      </c>
      <c r="G64" s="69">
        <v>0</v>
      </c>
      <c r="H64" s="68">
        <v>187</v>
      </c>
      <c r="I64" s="68">
        <v>110</v>
      </c>
      <c r="J64" s="68">
        <v>77</v>
      </c>
      <c r="K64" s="67">
        <v>142</v>
      </c>
      <c r="L64" s="79">
        <v>84</v>
      </c>
      <c r="M64" s="80">
        <v>58</v>
      </c>
    </row>
    <row r="65" spans="1:13">
      <c r="A65" s="19" t="s">
        <v>120</v>
      </c>
      <c r="B65" s="70">
        <v>28</v>
      </c>
      <c r="C65" s="71">
        <v>18</v>
      </c>
      <c r="D65" s="71">
        <v>10</v>
      </c>
      <c r="E65" s="70">
        <v>9</v>
      </c>
      <c r="F65" s="71">
        <v>7</v>
      </c>
      <c r="G65" s="72">
        <v>2</v>
      </c>
      <c r="H65" s="71">
        <v>191</v>
      </c>
      <c r="I65" s="71">
        <v>114</v>
      </c>
      <c r="J65" s="71">
        <v>77</v>
      </c>
      <c r="K65" s="70">
        <v>154</v>
      </c>
      <c r="L65" s="81">
        <v>89</v>
      </c>
      <c r="M65" s="82">
        <v>6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763</v>
      </c>
      <c r="C69" s="50">
        <v>383</v>
      </c>
      <c r="D69" s="84">
        <v>380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30" t="s">
        <v>184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14"/>
      <c r="C74" s="12"/>
      <c r="D74" s="12"/>
      <c r="E74" s="24"/>
      <c r="F74" s="25"/>
      <c r="G74" s="26"/>
      <c r="H74" s="12"/>
      <c r="I74" s="12"/>
      <c r="J74" s="12"/>
      <c r="K74" s="14"/>
      <c r="L74" s="12"/>
      <c r="M74" s="13"/>
    </row>
    <row r="75" spans="1:13" ht="21" customHeight="1">
      <c r="A75" s="38" t="s">
        <v>3</v>
      </c>
      <c r="B75" s="64">
        <v>24</v>
      </c>
      <c r="C75" s="65">
        <v>7</v>
      </c>
      <c r="D75" s="65">
        <v>17</v>
      </c>
      <c r="E75" s="64">
        <v>29</v>
      </c>
      <c r="F75" s="65">
        <v>20</v>
      </c>
      <c r="G75" s="66">
        <v>9</v>
      </c>
      <c r="H75" s="65">
        <v>799</v>
      </c>
      <c r="I75" s="65">
        <v>476</v>
      </c>
      <c r="J75" s="65">
        <v>323</v>
      </c>
      <c r="K75" s="64">
        <v>746</v>
      </c>
      <c r="L75" s="77">
        <v>449</v>
      </c>
      <c r="M75" s="78">
        <v>297</v>
      </c>
    </row>
    <row r="76" spans="1:13">
      <c r="A76" s="27" t="s">
        <v>5</v>
      </c>
      <c r="B76" s="67">
        <v>27</v>
      </c>
      <c r="C76" s="68">
        <v>18</v>
      </c>
      <c r="D76" s="68">
        <v>9</v>
      </c>
      <c r="E76" s="67">
        <v>4</v>
      </c>
      <c r="F76" s="68">
        <v>2</v>
      </c>
      <c r="G76" s="69">
        <v>2</v>
      </c>
      <c r="H76" s="68">
        <v>184</v>
      </c>
      <c r="I76" s="68">
        <v>111</v>
      </c>
      <c r="J76" s="68">
        <v>73</v>
      </c>
      <c r="K76" s="67">
        <v>153</v>
      </c>
      <c r="L76" s="79">
        <v>91</v>
      </c>
      <c r="M76" s="80">
        <v>62</v>
      </c>
    </row>
    <row r="77" spans="1:13">
      <c r="A77" s="27" t="s">
        <v>7</v>
      </c>
      <c r="B77" s="67">
        <v>-4</v>
      </c>
      <c r="C77" s="68">
        <v>-12</v>
      </c>
      <c r="D77" s="68">
        <v>8</v>
      </c>
      <c r="E77" s="67">
        <v>4</v>
      </c>
      <c r="F77" s="68">
        <v>4</v>
      </c>
      <c r="G77" s="69">
        <v>0</v>
      </c>
      <c r="H77" s="68">
        <v>156</v>
      </c>
      <c r="I77" s="68">
        <v>87</v>
      </c>
      <c r="J77" s="68">
        <v>69</v>
      </c>
      <c r="K77" s="67">
        <v>156</v>
      </c>
      <c r="L77" s="79">
        <v>95</v>
      </c>
      <c r="M77" s="80">
        <v>61</v>
      </c>
    </row>
    <row r="78" spans="1:13">
      <c r="A78" s="27" t="s">
        <v>9</v>
      </c>
      <c r="B78" s="67">
        <v>-4</v>
      </c>
      <c r="C78" s="68">
        <v>-5</v>
      </c>
      <c r="D78" s="68">
        <v>1</v>
      </c>
      <c r="E78" s="67">
        <v>11</v>
      </c>
      <c r="F78" s="68">
        <v>7</v>
      </c>
      <c r="G78" s="69">
        <v>4</v>
      </c>
      <c r="H78" s="68">
        <v>159</v>
      </c>
      <c r="I78" s="68">
        <v>88</v>
      </c>
      <c r="J78" s="68">
        <v>71</v>
      </c>
      <c r="K78" s="67">
        <v>152</v>
      </c>
      <c r="L78" s="79">
        <v>86</v>
      </c>
      <c r="M78" s="80">
        <v>66</v>
      </c>
    </row>
    <row r="79" spans="1:13">
      <c r="A79" s="27" t="s">
        <v>11</v>
      </c>
      <c r="B79" s="67">
        <v>11</v>
      </c>
      <c r="C79" s="68">
        <v>4</v>
      </c>
      <c r="D79" s="68">
        <v>7</v>
      </c>
      <c r="E79" s="67">
        <v>4</v>
      </c>
      <c r="F79" s="68">
        <v>4</v>
      </c>
      <c r="G79" s="69">
        <v>0</v>
      </c>
      <c r="H79" s="68">
        <v>154</v>
      </c>
      <c r="I79" s="68">
        <v>101</v>
      </c>
      <c r="J79" s="68">
        <v>53</v>
      </c>
      <c r="K79" s="67">
        <v>139</v>
      </c>
      <c r="L79" s="79">
        <v>93</v>
      </c>
      <c r="M79" s="80">
        <v>46</v>
      </c>
    </row>
    <row r="80" spans="1:13">
      <c r="A80" s="27" t="s">
        <v>13</v>
      </c>
      <c r="B80" s="67">
        <v>-6</v>
      </c>
      <c r="C80" s="68">
        <v>2</v>
      </c>
      <c r="D80" s="68">
        <v>-8</v>
      </c>
      <c r="E80" s="67">
        <v>6</v>
      </c>
      <c r="F80" s="68">
        <v>3</v>
      </c>
      <c r="G80" s="69">
        <v>3</v>
      </c>
      <c r="H80" s="68">
        <v>146</v>
      </c>
      <c r="I80" s="68">
        <v>89</v>
      </c>
      <c r="J80" s="68">
        <v>57</v>
      </c>
      <c r="K80" s="67">
        <v>146</v>
      </c>
      <c r="L80" s="79">
        <v>84</v>
      </c>
      <c r="M80" s="80">
        <v>62</v>
      </c>
    </row>
    <row r="81" spans="1:13" ht="21" customHeight="1">
      <c r="A81" s="38" t="s">
        <v>15</v>
      </c>
      <c r="B81" s="64">
        <v>-16</v>
      </c>
      <c r="C81" s="65">
        <v>-7</v>
      </c>
      <c r="D81" s="65">
        <v>-9</v>
      </c>
      <c r="E81" s="64">
        <v>49</v>
      </c>
      <c r="F81" s="65">
        <v>45</v>
      </c>
      <c r="G81" s="66">
        <v>4</v>
      </c>
      <c r="H81" s="65">
        <v>644</v>
      </c>
      <c r="I81" s="65">
        <v>417</v>
      </c>
      <c r="J81" s="65">
        <v>227</v>
      </c>
      <c r="K81" s="64">
        <v>611</v>
      </c>
      <c r="L81" s="77">
        <v>379</v>
      </c>
      <c r="M81" s="78">
        <v>232</v>
      </c>
    </row>
    <row r="82" spans="1:13">
      <c r="A82" s="27" t="s">
        <v>17</v>
      </c>
      <c r="B82" s="67">
        <v>-2</v>
      </c>
      <c r="C82" s="68">
        <v>1</v>
      </c>
      <c r="D82" s="68">
        <v>-3</v>
      </c>
      <c r="E82" s="67">
        <v>7</v>
      </c>
      <c r="F82" s="68">
        <v>7</v>
      </c>
      <c r="G82" s="69">
        <v>0</v>
      </c>
      <c r="H82" s="68">
        <v>160</v>
      </c>
      <c r="I82" s="68">
        <v>99</v>
      </c>
      <c r="J82" s="68">
        <v>61</v>
      </c>
      <c r="K82" s="67">
        <v>155</v>
      </c>
      <c r="L82" s="79">
        <v>91</v>
      </c>
      <c r="M82" s="80">
        <v>64</v>
      </c>
    </row>
    <row r="83" spans="1:13">
      <c r="A83" s="27" t="s">
        <v>19</v>
      </c>
      <c r="B83" s="67">
        <v>8</v>
      </c>
      <c r="C83" s="68">
        <v>8</v>
      </c>
      <c r="D83" s="68">
        <v>0</v>
      </c>
      <c r="E83" s="67">
        <v>9</v>
      </c>
      <c r="F83" s="68">
        <v>8</v>
      </c>
      <c r="G83" s="69">
        <v>1</v>
      </c>
      <c r="H83" s="68">
        <v>121</v>
      </c>
      <c r="I83" s="68">
        <v>79</v>
      </c>
      <c r="J83" s="68">
        <v>42</v>
      </c>
      <c r="K83" s="67">
        <v>104</v>
      </c>
      <c r="L83" s="79">
        <v>63</v>
      </c>
      <c r="M83" s="80">
        <v>41</v>
      </c>
    </row>
    <row r="84" spans="1:13">
      <c r="A84" s="27" t="s">
        <v>21</v>
      </c>
      <c r="B84" s="67">
        <v>-10</v>
      </c>
      <c r="C84" s="68">
        <v>-11</v>
      </c>
      <c r="D84" s="68">
        <v>1</v>
      </c>
      <c r="E84" s="67">
        <v>13</v>
      </c>
      <c r="F84" s="68">
        <v>10</v>
      </c>
      <c r="G84" s="69">
        <v>3</v>
      </c>
      <c r="H84" s="68">
        <v>123</v>
      </c>
      <c r="I84" s="68">
        <v>77</v>
      </c>
      <c r="J84" s="68">
        <v>46</v>
      </c>
      <c r="K84" s="67">
        <v>120</v>
      </c>
      <c r="L84" s="79">
        <v>78</v>
      </c>
      <c r="M84" s="80">
        <v>42</v>
      </c>
    </row>
    <row r="85" spans="1:13">
      <c r="A85" s="27" t="s">
        <v>23</v>
      </c>
      <c r="B85" s="67">
        <v>13</v>
      </c>
      <c r="C85" s="68">
        <v>15</v>
      </c>
      <c r="D85" s="68">
        <v>-2</v>
      </c>
      <c r="E85" s="67">
        <v>12</v>
      </c>
      <c r="F85" s="68">
        <v>12</v>
      </c>
      <c r="G85" s="69">
        <v>0</v>
      </c>
      <c r="H85" s="68">
        <v>139</v>
      </c>
      <c r="I85" s="68">
        <v>98</v>
      </c>
      <c r="J85" s="68">
        <v>41</v>
      </c>
      <c r="K85" s="67">
        <v>114</v>
      </c>
      <c r="L85" s="79">
        <v>71</v>
      </c>
      <c r="M85" s="80">
        <v>43</v>
      </c>
    </row>
    <row r="86" spans="1:13">
      <c r="A86" s="27" t="s">
        <v>25</v>
      </c>
      <c r="B86" s="67">
        <v>-25</v>
      </c>
      <c r="C86" s="68">
        <v>-20</v>
      </c>
      <c r="D86" s="68">
        <v>-5</v>
      </c>
      <c r="E86" s="67">
        <v>8</v>
      </c>
      <c r="F86" s="68">
        <v>8</v>
      </c>
      <c r="G86" s="69">
        <v>0</v>
      </c>
      <c r="H86" s="68">
        <v>101</v>
      </c>
      <c r="I86" s="68">
        <v>64</v>
      </c>
      <c r="J86" s="68">
        <v>37</v>
      </c>
      <c r="K86" s="67">
        <v>118</v>
      </c>
      <c r="L86" s="79">
        <v>76</v>
      </c>
      <c r="M86" s="80">
        <v>42</v>
      </c>
    </row>
    <row r="87" spans="1:13" ht="21" customHeight="1">
      <c r="A87" s="38" t="s">
        <v>27</v>
      </c>
      <c r="B87" s="64">
        <v>-53</v>
      </c>
      <c r="C87" s="65">
        <v>-40</v>
      </c>
      <c r="D87" s="65">
        <v>-13</v>
      </c>
      <c r="E87" s="64">
        <v>65</v>
      </c>
      <c r="F87" s="65">
        <v>55</v>
      </c>
      <c r="G87" s="66">
        <v>10</v>
      </c>
      <c r="H87" s="65">
        <v>395</v>
      </c>
      <c r="I87" s="65">
        <v>266</v>
      </c>
      <c r="J87" s="65">
        <v>129</v>
      </c>
      <c r="K87" s="64">
        <v>383</v>
      </c>
      <c r="L87" s="77">
        <v>251</v>
      </c>
      <c r="M87" s="78">
        <v>132</v>
      </c>
    </row>
    <row r="88" spans="1:13">
      <c r="A88" s="27" t="s">
        <v>29</v>
      </c>
      <c r="B88" s="67">
        <v>-11</v>
      </c>
      <c r="C88" s="68">
        <v>-7</v>
      </c>
      <c r="D88" s="68">
        <v>-4</v>
      </c>
      <c r="E88" s="67">
        <v>13</v>
      </c>
      <c r="F88" s="68">
        <v>12</v>
      </c>
      <c r="G88" s="69">
        <v>1</v>
      </c>
      <c r="H88" s="68">
        <v>99</v>
      </c>
      <c r="I88" s="68">
        <v>68</v>
      </c>
      <c r="J88" s="68">
        <v>31</v>
      </c>
      <c r="K88" s="67">
        <v>97</v>
      </c>
      <c r="L88" s="79">
        <v>63</v>
      </c>
      <c r="M88" s="80">
        <v>34</v>
      </c>
    </row>
    <row r="89" spans="1:13">
      <c r="A89" s="27" t="s">
        <v>31</v>
      </c>
      <c r="B89" s="67">
        <v>-14</v>
      </c>
      <c r="C89" s="68">
        <v>-8</v>
      </c>
      <c r="D89" s="68">
        <v>-6</v>
      </c>
      <c r="E89" s="67">
        <v>11</v>
      </c>
      <c r="F89" s="68">
        <v>6</v>
      </c>
      <c r="G89" s="69">
        <v>5</v>
      </c>
      <c r="H89" s="68">
        <v>78</v>
      </c>
      <c r="I89" s="68">
        <v>50</v>
      </c>
      <c r="J89" s="68">
        <v>28</v>
      </c>
      <c r="K89" s="67">
        <v>81</v>
      </c>
      <c r="L89" s="79">
        <v>52</v>
      </c>
      <c r="M89" s="80">
        <v>29</v>
      </c>
    </row>
    <row r="90" spans="1:13">
      <c r="A90" s="27" t="s">
        <v>33</v>
      </c>
      <c r="B90" s="67">
        <v>7</v>
      </c>
      <c r="C90" s="68">
        <v>4</v>
      </c>
      <c r="D90" s="68">
        <v>3</v>
      </c>
      <c r="E90" s="67">
        <v>8</v>
      </c>
      <c r="F90" s="68">
        <v>8</v>
      </c>
      <c r="G90" s="69">
        <v>0</v>
      </c>
      <c r="H90" s="68">
        <v>74</v>
      </c>
      <c r="I90" s="68">
        <v>49</v>
      </c>
      <c r="J90" s="68">
        <v>25</v>
      </c>
      <c r="K90" s="67">
        <v>59</v>
      </c>
      <c r="L90" s="79">
        <v>37</v>
      </c>
      <c r="M90" s="80">
        <v>22</v>
      </c>
    </row>
    <row r="91" spans="1:13">
      <c r="A91" s="27" t="s">
        <v>35</v>
      </c>
      <c r="B91" s="67">
        <v>-13</v>
      </c>
      <c r="C91" s="68">
        <v>-12</v>
      </c>
      <c r="D91" s="68">
        <v>-1</v>
      </c>
      <c r="E91" s="67">
        <v>13</v>
      </c>
      <c r="F91" s="68">
        <v>12</v>
      </c>
      <c r="G91" s="69">
        <v>1</v>
      </c>
      <c r="H91" s="68">
        <v>81</v>
      </c>
      <c r="I91" s="68">
        <v>55</v>
      </c>
      <c r="J91" s="68">
        <v>26</v>
      </c>
      <c r="K91" s="67">
        <v>81</v>
      </c>
      <c r="L91" s="79">
        <v>55</v>
      </c>
      <c r="M91" s="80">
        <v>26</v>
      </c>
    </row>
    <row r="92" spans="1:13">
      <c r="A92" s="27" t="s">
        <v>37</v>
      </c>
      <c r="B92" s="67">
        <v>-22</v>
      </c>
      <c r="C92" s="68">
        <v>-17</v>
      </c>
      <c r="D92" s="68">
        <v>-5</v>
      </c>
      <c r="E92" s="67">
        <v>20</v>
      </c>
      <c r="F92" s="68">
        <v>17</v>
      </c>
      <c r="G92" s="69">
        <v>3</v>
      </c>
      <c r="H92" s="68">
        <v>63</v>
      </c>
      <c r="I92" s="68">
        <v>44</v>
      </c>
      <c r="J92" s="68">
        <v>19</v>
      </c>
      <c r="K92" s="67">
        <v>65</v>
      </c>
      <c r="L92" s="79">
        <v>44</v>
      </c>
      <c r="M92" s="80">
        <v>21</v>
      </c>
    </row>
    <row r="93" spans="1:13" ht="21" customHeight="1">
      <c r="A93" s="38" t="s">
        <v>39</v>
      </c>
      <c r="B93" s="64">
        <v>-105</v>
      </c>
      <c r="C93" s="65">
        <v>-84</v>
      </c>
      <c r="D93" s="65">
        <v>-21</v>
      </c>
      <c r="E93" s="64">
        <v>112</v>
      </c>
      <c r="F93" s="65">
        <v>91</v>
      </c>
      <c r="G93" s="66">
        <v>21</v>
      </c>
      <c r="H93" s="65">
        <v>267</v>
      </c>
      <c r="I93" s="65">
        <v>180</v>
      </c>
      <c r="J93" s="65">
        <v>87</v>
      </c>
      <c r="K93" s="64">
        <v>260</v>
      </c>
      <c r="L93" s="77">
        <v>173</v>
      </c>
      <c r="M93" s="78">
        <v>87</v>
      </c>
    </row>
    <row r="94" spans="1:13">
      <c r="A94" s="27" t="s">
        <v>41</v>
      </c>
      <c r="B94" s="67">
        <v>-32</v>
      </c>
      <c r="C94" s="68">
        <v>-33</v>
      </c>
      <c r="D94" s="68">
        <v>1</v>
      </c>
      <c r="E94" s="67">
        <v>23</v>
      </c>
      <c r="F94" s="68">
        <v>18</v>
      </c>
      <c r="G94" s="69">
        <v>5</v>
      </c>
      <c r="H94" s="68">
        <v>56</v>
      </c>
      <c r="I94" s="68">
        <v>35</v>
      </c>
      <c r="J94" s="68">
        <v>21</v>
      </c>
      <c r="K94" s="67">
        <v>65</v>
      </c>
      <c r="L94" s="79">
        <v>50</v>
      </c>
      <c r="M94" s="80">
        <v>15</v>
      </c>
    </row>
    <row r="95" spans="1:13">
      <c r="A95" s="27" t="s">
        <v>43</v>
      </c>
      <c r="B95" s="67">
        <v>-28</v>
      </c>
      <c r="C95" s="68">
        <v>-20</v>
      </c>
      <c r="D95" s="68">
        <v>-8</v>
      </c>
      <c r="E95" s="67">
        <v>22</v>
      </c>
      <c r="F95" s="68">
        <v>16</v>
      </c>
      <c r="G95" s="69">
        <v>6</v>
      </c>
      <c r="H95" s="68">
        <v>61</v>
      </c>
      <c r="I95" s="68">
        <v>45</v>
      </c>
      <c r="J95" s="68">
        <v>16</v>
      </c>
      <c r="K95" s="67">
        <v>67</v>
      </c>
      <c r="L95" s="79">
        <v>49</v>
      </c>
      <c r="M95" s="80">
        <v>18</v>
      </c>
    </row>
    <row r="96" spans="1:13">
      <c r="A96" s="27" t="s">
        <v>45</v>
      </c>
      <c r="B96" s="67">
        <v>9</v>
      </c>
      <c r="C96" s="68">
        <v>3</v>
      </c>
      <c r="D96" s="68">
        <v>6</v>
      </c>
      <c r="E96" s="67">
        <v>10</v>
      </c>
      <c r="F96" s="68">
        <v>9</v>
      </c>
      <c r="G96" s="69">
        <v>1</v>
      </c>
      <c r="H96" s="68">
        <v>65</v>
      </c>
      <c r="I96" s="68">
        <v>41</v>
      </c>
      <c r="J96" s="68">
        <v>24</v>
      </c>
      <c r="K96" s="67">
        <v>46</v>
      </c>
      <c r="L96" s="79">
        <v>29</v>
      </c>
      <c r="M96" s="80">
        <v>17</v>
      </c>
    </row>
    <row r="97" spans="1:13">
      <c r="A97" s="27" t="s">
        <v>47</v>
      </c>
      <c r="B97" s="67">
        <v>-29</v>
      </c>
      <c r="C97" s="68">
        <v>-24</v>
      </c>
      <c r="D97" s="68">
        <v>-5</v>
      </c>
      <c r="E97" s="67">
        <v>22</v>
      </c>
      <c r="F97" s="68">
        <v>20</v>
      </c>
      <c r="G97" s="69">
        <v>2</v>
      </c>
      <c r="H97" s="68">
        <v>38</v>
      </c>
      <c r="I97" s="68">
        <v>26</v>
      </c>
      <c r="J97" s="68">
        <v>12</v>
      </c>
      <c r="K97" s="67">
        <v>45</v>
      </c>
      <c r="L97" s="79">
        <v>30</v>
      </c>
      <c r="M97" s="80">
        <v>15</v>
      </c>
    </row>
    <row r="98" spans="1:13">
      <c r="A98" s="27" t="s">
        <v>49</v>
      </c>
      <c r="B98" s="67">
        <v>-25</v>
      </c>
      <c r="C98" s="68">
        <v>-10</v>
      </c>
      <c r="D98" s="68">
        <v>-15</v>
      </c>
      <c r="E98" s="67">
        <v>35</v>
      </c>
      <c r="F98" s="68">
        <v>28</v>
      </c>
      <c r="G98" s="69">
        <v>7</v>
      </c>
      <c r="H98" s="68">
        <v>47</v>
      </c>
      <c r="I98" s="68">
        <v>33</v>
      </c>
      <c r="J98" s="68">
        <v>14</v>
      </c>
      <c r="K98" s="67">
        <v>37</v>
      </c>
      <c r="L98" s="79">
        <v>15</v>
      </c>
      <c r="M98" s="80">
        <v>22</v>
      </c>
    </row>
    <row r="99" spans="1:13" ht="21" customHeight="1">
      <c r="A99" s="38" t="s">
        <v>51</v>
      </c>
      <c r="B99" s="64">
        <v>-195</v>
      </c>
      <c r="C99" s="65">
        <v>-143</v>
      </c>
      <c r="D99" s="65">
        <v>-52</v>
      </c>
      <c r="E99" s="64">
        <v>226</v>
      </c>
      <c r="F99" s="65">
        <v>180</v>
      </c>
      <c r="G99" s="66">
        <v>46</v>
      </c>
      <c r="H99" s="65">
        <v>257</v>
      </c>
      <c r="I99" s="65">
        <v>181</v>
      </c>
      <c r="J99" s="65">
        <v>76</v>
      </c>
      <c r="K99" s="64">
        <v>226</v>
      </c>
      <c r="L99" s="77">
        <v>144</v>
      </c>
      <c r="M99" s="78">
        <v>82</v>
      </c>
    </row>
    <row r="100" spans="1:13">
      <c r="A100" s="27" t="s">
        <v>53</v>
      </c>
      <c r="B100" s="67">
        <v>-32</v>
      </c>
      <c r="C100" s="68">
        <v>-20</v>
      </c>
      <c r="D100" s="68">
        <v>-12</v>
      </c>
      <c r="E100" s="67">
        <v>29</v>
      </c>
      <c r="F100" s="68">
        <v>21</v>
      </c>
      <c r="G100" s="69">
        <v>8</v>
      </c>
      <c r="H100" s="68">
        <v>50</v>
      </c>
      <c r="I100" s="68">
        <v>31</v>
      </c>
      <c r="J100" s="68">
        <v>19</v>
      </c>
      <c r="K100" s="67">
        <v>53</v>
      </c>
      <c r="L100" s="79">
        <v>30</v>
      </c>
      <c r="M100" s="80">
        <v>23</v>
      </c>
    </row>
    <row r="101" spans="1:13">
      <c r="A101" s="27" t="s">
        <v>55</v>
      </c>
      <c r="B101" s="67">
        <v>-30</v>
      </c>
      <c r="C101" s="68">
        <v>-23</v>
      </c>
      <c r="D101" s="68">
        <v>-7</v>
      </c>
      <c r="E101" s="67">
        <v>36</v>
      </c>
      <c r="F101" s="68">
        <v>28</v>
      </c>
      <c r="G101" s="69">
        <v>8</v>
      </c>
      <c r="H101" s="68">
        <v>46</v>
      </c>
      <c r="I101" s="68">
        <v>33</v>
      </c>
      <c r="J101" s="68">
        <v>13</v>
      </c>
      <c r="K101" s="67">
        <v>40</v>
      </c>
      <c r="L101" s="79">
        <v>28</v>
      </c>
      <c r="M101" s="80">
        <v>12</v>
      </c>
    </row>
    <row r="102" spans="1:13">
      <c r="A102" s="27" t="s">
        <v>57</v>
      </c>
      <c r="B102" s="67">
        <v>-39</v>
      </c>
      <c r="C102" s="68">
        <v>-30</v>
      </c>
      <c r="D102" s="68">
        <v>-9</v>
      </c>
      <c r="E102" s="67">
        <v>45</v>
      </c>
      <c r="F102" s="68">
        <v>39</v>
      </c>
      <c r="G102" s="69">
        <v>6</v>
      </c>
      <c r="H102" s="68">
        <v>57</v>
      </c>
      <c r="I102" s="68">
        <v>41</v>
      </c>
      <c r="J102" s="68">
        <v>16</v>
      </c>
      <c r="K102" s="67">
        <v>51</v>
      </c>
      <c r="L102" s="79">
        <v>32</v>
      </c>
      <c r="M102" s="80">
        <v>19</v>
      </c>
    </row>
    <row r="103" spans="1:13">
      <c r="A103" s="27" t="s">
        <v>59</v>
      </c>
      <c r="B103" s="67">
        <v>-21</v>
      </c>
      <c r="C103" s="68">
        <v>-18</v>
      </c>
      <c r="D103" s="68">
        <v>-3</v>
      </c>
      <c r="E103" s="67">
        <v>48</v>
      </c>
      <c r="F103" s="68">
        <v>37</v>
      </c>
      <c r="G103" s="69">
        <v>11</v>
      </c>
      <c r="H103" s="68">
        <v>62</v>
      </c>
      <c r="I103" s="68">
        <v>44</v>
      </c>
      <c r="J103" s="68">
        <v>18</v>
      </c>
      <c r="K103" s="67">
        <v>35</v>
      </c>
      <c r="L103" s="79">
        <v>25</v>
      </c>
      <c r="M103" s="80">
        <v>10</v>
      </c>
    </row>
    <row r="104" spans="1:13">
      <c r="A104" s="27" t="s">
        <v>61</v>
      </c>
      <c r="B104" s="67">
        <v>-73</v>
      </c>
      <c r="C104" s="68">
        <v>-52</v>
      </c>
      <c r="D104" s="68">
        <v>-21</v>
      </c>
      <c r="E104" s="67">
        <v>68</v>
      </c>
      <c r="F104" s="68">
        <v>55</v>
      </c>
      <c r="G104" s="69">
        <v>13</v>
      </c>
      <c r="H104" s="68">
        <v>42</v>
      </c>
      <c r="I104" s="68">
        <v>32</v>
      </c>
      <c r="J104" s="68">
        <v>10</v>
      </c>
      <c r="K104" s="67">
        <v>47</v>
      </c>
      <c r="L104" s="79">
        <v>29</v>
      </c>
      <c r="M104" s="80">
        <v>18</v>
      </c>
    </row>
    <row r="105" spans="1:13" ht="21" customHeight="1">
      <c r="A105" s="38" t="s">
        <v>63</v>
      </c>
      <c r="B105" s="64">
        <v>-227</v>
      </c>
      <c r="C105" s="65">
        <v>-171</v>
      </c>
      <c r="D105" s="65">
        <v>-56</v>
      </c>
      <c r="E105" s="64">
        <v>252</v>
      </c>
      <c r="F105" s="65">
        <v>177</v>
      </c>
      <c r="G105" s="66">
        <v>75</v>
      </c>
      <c r="H105" s="65">
        <v>186</v>
      </c>
      <c r="I105" s="65">
        <v>103</v>
      </c>
      <c r="J105" s="65">
        <v>83</v>
      </c>
      <c r="K105" s="64">
        <v>161</v>
      </c>
      <c r="L105" s="77">
        <v>97</v>
      </c>
      <c r="M105" s="78">
        <v>64</v>
      </c>
    </row>
    <row r="106" spans="1:13">
      <c r="A106" s="27" t="s">
        <v>65</v>
      </c>
      <c r="B106" s="67">
        <v>-50</v>
      </c>
      <c r="C106" s="68">
        <v>-41</v>
      </c>
      <c r="D106" s="68">
        <v>-9</v>
      </c>
      <c r="E106" s="67">
        <v>57</v>
      </c>
      <c r="F106" s="68">
        <v>45</v>
      </c>
      <c r="G106" s="69">
        <v>12</v>
      </c>
      <c r="H106" s="68">
        <v>50</v>
      </c>
      <c r="I106" s="68">
        <v>34</v>
      </c>
      <c r="J106" s="68">
        <v>16</v>
      </c>
      <c r="K106" s="67">
        <v>43</v>
      </c>
      <c r="L106" s="79">
        <v>30</v>
      </c>
      <c r="M106" s="80">
        <v>13</v>
      </c>
    </row>
    <row r="107" spans="1:13">
      <c r="A107" s="27" t="s">
        <v>67</v>
      </c>
      <c r="B107" s="67">
        <v>-30</v>
      </c>
      <c r="C107" s="68">
        <v>-13</v>
      </c>
      <c r="D107" s="68">
        <v>-17</v>
      </c>
      <c r="E107" s="67">
        <v>43</v>
      </c>
      <c r="F107" s="68">
        <v>23</v>
      </c>
      <c r="G107" s="69">
        <v>20</v>
      </c>
      <c r="H107" s="68">
        <v>38</v>
      </c>
      <c r="I107" s="68">
        <v>21</v>
      </c>
      <c r="J107" s="68">
        <v>17</v>
      </c>
      <c r="K107" s="67">
        <v>25</v>
      </c>
      <c r="L107" s="79">
        <v>11</v>
      </c>
      <c r="M107" s="80">
        <v>14</v>
      </c>
    </row>
    <row r="108" spans="1:13">
      <c r="A108" s="27" t="s">
        <v>69</v>
      </c>
      <c r="B108" s="67">
        <v>-34</v>
      </c>
      <c r="C108" s="68">
        <v>-29</v>
      </c>
      <c r="D108" s="68">
        <v>-5</v>
      </c>
      <c r="E108" s="67">
        <v>33</v>
      </c>
      <c r="F108" s="68">
        <v>24</v>
      </c>
      <c r="G108" s="69">
        <v>9</v>
      </c>
      <c r="H108" s="68">
        <v>30</v>
      </c>
      <c r="I108" s="68">
        <v>11</v>
      </c>
      <c r="J108" s="68">
        <v>19</v>
      </c>
      <c r="K108" s="67">
        <v>31</v>
      </c>
      <c r="L108" s="79">
        <v>16</v>
      </c>
      <c r="M108" s="80">
        <v>15</v>
      </c>
    </row>
    <row r="109" spans="1:13">
      <c r="A109" s="27" t="s">
        <v>71</v>
      </c>
      <c r="B109" s="67">
        <v>-67</v>
      </c>
      <c r="C109" s="68">
        <v>-58</v>
      </c>
      <c r="D109" s="68">
        <v>-9</v>
      </c>
      <c r="E109" s="67">
        <v>62</v>
      </c>
      <c r="F109" s="68">
        <v>48</v>
      </c>
      <c r="G109" s="69">
        <v>14</v>
      </c>
      <c r="H109" s="68">
        <v>32</v>
      </c>
      <c r="I109" s="68">
        <v>15</v>
      </c>
      <c r="J109" s="68">
        <v>17</v>
      </c>
      <c r="K109" s="67">
        <v>37</v>
      </c>
      <c r="L109" s="79">
        <v>25</v>
      </c>
      <c r="M109" s="80">
        <v>12</v>
      </c>
    </row>
    <row r="110" spans="1:13">
      <c r="A110" s="27" t="s">
        <v>73</v>
      </c>
      <c r="B110" s="67">
        <v>-46</v>
      </c>
      <c r="C110" s="68">
        <v>-30</v>
      </c>
      <c r="D110" s="68">
        <v>-16</v>
      </c>
      <c r="E110" s="67">
        <v>57</v>
      </c>
      <c r="F110" s="68">
        <v>37</v>
      </c>
      <c r="G110" s="69">
        <v>20</v>
      </c>
      <c r="H110" s="68">
        <v>36</v>
      </c>
      <c r="I110" s="68">
        <v>22</v>
      </c>
      <c r="J110" s="68">
        <v>14</v>
      </c>
      <c r="K110" s="67">
        <v>25</v>
      </c>
      <c r="L110" s="79">
        <v>15</v>
      </c>
      <c r="M110" s="80">
        <v>10</v>
      </c>
    </row>
    <row r="111" spans="1:13" ht="21" customHeight="1">
      <c r="A111" s="38" t="s">
        <v>75</v>
      </c>
      <c r="B111" s="64">
        <v>-263</v>
      </c>
      <c r="C111" s="65">
        <v>-187</v>
      </c>
      <c r="D111" s="65">
        <v>-76</v>
      </c>
      <c r="E111" s="64">
        <v>262</v>
      </c>
      <c r="F111" s="65">
        <v>172</v>
      </c>
      <c r="G111" s="66">
        <v>90</v>
      </c>
      <c r="H111" s="65">
        <v>121</v>
      </c>
      <c r="I111" s="65">
        <v>57</v>
      </c>
      <c r="J111" s="65">
        <v>64</v>
      </c>
      <c r="K111" s="64">
        <v>122</v>
      </c>
      <c r="L111" s="77">
        <v>72</v>
      </c>
      <c r="M111" s="78">
        <v>50</v>
      </c>
    </row>
    <row r="112" spans="1:13">
      <c r="A112" s="27" t="s">
        <v>77</v>
      </c>
      <c r="B112" s="67">
        <v>-46</v>
      </c>
      <c r="C112" s="68">
        <v>-28</v>
      </c>
      <c r="D112" s="68">
        <v>-18</v>
      </c>
      <c r="E112" s="67">
        <v>49</v>
      </c>
      <c r="F112" s="68">
        <v>32</v>
      </c>
      <c r="G112" s="69">
        <v>17</v>
      </c>
      <c r="H112" s="68">
        <v>28</v>
      </c>
      <c r="I112" s="68">
        <v>20</v>
      </c>
      <c r="J112" s="68">
        <v>8</v>
      </c>
      <c r="K112" s="67">
        <v>25</v>
      </c>
      <c r="L112" s="79">
        <v>16</v>
      </c>
      <c r="M112" s="80">
        <v>9</v>
      </c>
    </row>
    <row r="113" spans="1:13">
      <c r="A113" s="27" t="s">
        <v>79</v>
      </c>
      <c r="B113" s="67">
        <v>-56</v>
      </c>
      <c r="C113" s="68">
        <v>-42</v>
      </c>
      <c r="D113" s="68">
        <v>-14</v>
      </c>
      <c r="E113" s="67">
        <v>56</v>
      </c>
      <c r="F113" s="68">
        <v>39</v>
      </c>
      <c r="G113" s="69">
        <v>17</v>
      </c>
      <c r="H113" s="68">
        <v>27</v>
      </c>
      <c r="I113" s="68">
        <v>14</v>
      </c>
      <c r="J113" s="68">
        <v>13</v>
      </c>
      <c r="K113" s="67">
        <v>27</v>
      </c>
      <c r="L113" s="79">
        <v>17</v>
      </c>
      <c r="M113" s="80">
        <v>10</v>
      </c>
    </row>
    <row r="114" spans="1:13">
      <c r="A114" s="27" t="s">
        <v>81</v>
      </c>
      <c r="B114" s="67">
        <v>-62</v>
      </c>
      <c r="C114" s="68">
        <v>-33</v>
      </c>
      <c r="D114" s="68">
        <v>-29</v>
      </c>
      <c r="E114" s="67">
        <v>57</v>
      </c>
      <c r="F114" s="68">
        <v>32</v>
      </c>
      <c r="G114" s="69">
        <v>25</v>
      </c>
      <c r="H114" s="68">
        <v>21</v>
      </c>
      <c r="I114" s="68">
        <v>11</v>
      </c>
      <c r="J114" s="68">
        <v>10</v>
      </c>
      <c r="K114" s="67">
        <v>26</v>
      </c>
      <c r="L114" s="79">
        <v>12</v>
      </c>
      <c r="M114" s="80">
        <v>14</v>
      </c>
    </row>
    <row r="115" spans="1:13">
      <c r="A115" s="27" t="s">
        <v>83</v>
      </c>
      <c r="B115" s="67">
        <v>-39</v>
      </c>
      <c r="C115" s="68">
        <v>-38</v>
      </c>
      <c r="D115" s="68">
        <v>-1</v>
      </c>
      <c r="E115" s="67">
        <v>42</v>
      </c>
      <c r="F115" s="68">
        <v>34</v>
      </c>
      <c r="G115" s="69">
        <v>8</v>
      </c>
      <c r="H115" s="68">
        <v>24</v>
      </c>
      <c r="I115" s="68">
        <v>8</v>
      </c>
      <c r="J115" s="68">
        <v>16</v>
      </c>
      <c r="K115" s="67">
        <v>21</v>
      </c>
      <c r="L115" s="79">
        <v>12</v>
      </c>
      <c r="M115" s="80">
        <v>9</v>
      </c>
    </row>
    <row r="116" spans="1:13">
      <c r="A116" s="27" t="s">
        <v>85</v>
      </c>
      <c r="B116" s="67">
        <v>-60</v>
      </c>
      <c r="C116" s="68">
        <v>-46</v>
      </c>
      <c r="D116" s="68">
        <v>-14</v>
      </c>
      <c r="E116" s="67">
        <v>58</v>
      </c>
      <c r="F116" s="68">
        <v>35</v>
      </c>
      <c r="G116" s="69">
        <v>23</v>
      </c>
      <c r="H116" s="68">
        <v>21</v>
      </c>
      <c r="I116" s="68">
        <v>4</v>
      </c>
      <c r="J116" s="68">
        <v>17</v>
      </c>
      <c r="K116" s="67">
        <v>23</v>
      </c>
      <c r="L116" s="79">
        <v>15</v>
      </c>
      <c r="M116" s="80">
        <v>8</v>
      </c>
    </row>
    <row r="117" spans="1:13" ht="21" customHeight="1">
      <c r="A117" s="38" t="s">
        <v>87</v>
      </c>
      <c r="B117" s="64">
        <v>-319</v>
      </c>
      <c r="C117" s="65">
        <v>-171</v>
      </c>
      <c r="D117" s="65">
        <v>-148</v>
      </c>
      <c r="E117" s="64">
        <v>330</v>
      </c>
      <c r="F117" s="65">
        <v>180</v>
      </c>
      <c r="G117" s="66">
        <v>150</v>
      </c>
      <c r="H117" s="65">
        <v>91</v>
      </c>
      <c r="I117" s="65">
        <v>35</v>
      </c>
      <c r="J117" s="65">
        <v>56</v>
      </c>
      <c r="K117" s="64">
        <v>80</v>
      </c>
      <c r="L117" s="77">
        <v>26</v>
      </c>
      <c r="M117" s="78">
        <v>54</v>
      </c>
    </row>
    <row r="118" spans="1:13">
      <c r="A118" s="27" t="s">
        <v>89</v>
      </c>
      <c r="B118" s="67">
        <v>-68</v>
      </c>
      <c r="C118" s="68">
        <v>-42</v>
      </c>
      <c r="D118" s="68">
        <v>-26</v>
      </c>
      <c r="E118" s="67">
        <v>71</v>
      </c>
      <c r="F118" s="68">
        <v>43</v>
      </c>
      <c r="G118" s="69">
        <v>28</v>
      </c>
      <c r="H118" s="68">
        <v>16</v>
      </c>
      <c r="I118" s="68">
        <v>8</v>
      </c>
      <c r="J118" s="68">
        <v>8</v>
      </c>
      <c r="K118" s="67">
        <v>13</v>
      </c>
      <c r="L118" s="79">
        <v>7</v>
      </c>
      <c r="M118" s="80">
        <v>6</v>
      </c>
    </row>
    <row r="119" spans="1:13">
      <c r="A119" s="27" t="s">
        <v>91</v>
      </c>
      <c r="B119" s="67">
        <v>-57</v>
      </c>
      <c r="C119" s="68">
        <v>-31</v>
      </c>
      <c r="D119" s="68">
        <v>-26</v>
      </c>
      <c r="E119" s="67">
        <v>56</v>
      </c>
      <c r="F119" s="68">
        <v>31</v>
      </c>
      <c r="G119" s="69">
        <v>25</v>
      </c>
      <c r="H119" s="68">
        <v>19</v>
      </c>
      <c r="I119" s="68">
        <v>5</v>
      </c>
      <c r="J119" s="68">
        <v>14</v>
      </c>
      <c r="K119" s="67">
        <v>20</v>
      </c>
      <c r="L119" s="79">
        <v>5</v>
      </c>
      <c r="M119" s="80">
        <v>15</v>
      </c>
    </row>
    <row r="120" spans="1:13">
      <c r="A120" s="27" t="s">
        <v>93</v>
      </c>
      <c r="B120" s="67">
        <v>-62</v>
      </c>
      <c r="C120" s="68">
        <v>-31</v>
      </c>
      <c r="D120" s="68">
        <v>-31</v>
      </c>
      <c r="E120" s="67">
        <v>70</v>
      </c>
      <c r="F120" s="68">
        <v>36</v>
      </c>
      <c r="G120" s="69">
        <v>34</v>
      </c>
      <c r="H120" s="68">
        <v>24</v>
      </c>
      <c r="I120" s="68">
        <v>12</v>
      </c>
      <c r="J120" s="68">
        <v>12</v>
      </c>
      <c r="K120" s="67">
        <v>16</v>
      </c>
      <c r="L120" s="79">
        <v>7</v>
      </c>
      <c r="M120" s="80">
        <v>9</v>
      </c>
    </row>
    <row r="121" spans="1:13">
      <c r="A121" s="27" t="s">
        <v>95</v>
      </c>
      <c r="B121" s="67">
        <v>-63</v>
      </c>
      <c r="C121" s="68">
        <v>-32</v>
      </c>
      <c r="D121" s="68">
        <v>-31</v>
      </c>
      <c r="E121" s="67">
        <v>66</v>
      </c>
      <c r="F121" s="68">
        <v>35</v>
      </c>
      <c r="G121" s="69">
        <v>31</v>
      </c>
      <c r="H121" s="68">
        <v>16</v>
      </c>
      <c r="I121" s="68">
        <v>6</v>
      </c>
      <c r="J121" s="68">
        <v>10</v>
      </c>
      <c r="K121" s="67">
        <v>13</v>
      </c>
      <c r="L121" s="79">
        <v>3</v>
      </c>
      <c r="M121" s="80">
        <v>10</v>
      </c>
    </row>
    <row r="122" spans="1:13">
      <c r="A122" s="27" t="s">
        <v>97</v>
      </c>
      <c r="B122" s="67">
        <v>-69</v>
      </c>
      <c r="C122" s="68">
        <v>-35</v>
      </c>
      <c r="D122" s="68">
        <v>-34</v>
      </c>
      <c r="E122" s="67">
        <v>67</v>
      </c>
      <c r="F122" s="68">
        <v>35</v>
      </c>
      <c r="G122" s="69">
        <v>32</v>
      </c>
      <c r="H122" s="68">
        <v>16</v>
      </c>
      <c r="I122" s="68">
        <v>4</v>
      </c>
      <c r="J122" s="68">
        <v>12</v>
      </c>
      <c r="K122" s="67">
        <v>18</v>
      </c>
      <c r="L122" s="79">
        <v>4</v>
      </c>
      <c r="M122" s="80">
        <v>14</v>
      </c>
    </row>
    <row r="123" spans="1:13" ht="21" customHeight="1">
      <c r="A123" s="38" t="s">
        <v>99</v>
      </c>
      <c r="B123" s="64">
        <v>-285</v>
      </c>
      <c r="C123" s="65">
        <v>-112</v>
      </c>
      <c r="D123" s="65">
        <v>-173</v>
      </c>
      <c r="E123" s="64">
        <v>293</v>
      </c>
      <c r="F123" s="65">
        <v>114</v>
      </c>
      <c r="G123" s="66">
        <v>179</v>
      </c>
      <c r="H123" s="65">
        <v>59</v>
      </c>
      <c r="I123" s="65">
        <v>14</v>
      </c>
      <c r="J123" s="65">
        <v>45</v>
      </c>
      <c r="K123" s="64">
        <v>51</v>
      </c>
      <c r="L123" s="77">
        <v>12</v>
      </c>
      <c r="M123" s="78">
        <v>39</v>
      </c>
    </row>
    <row r="124" spans="1:13">
      <c r="A124" s="27" t="s">
        <v>101</v>
      </c>
      <c r="B124" s="67">
        <v>-78</v>
      </c>
      <c r="C124" s="68">
        <v>-36</v>
      </c>
      <c r="D124" s="68">
        <v>-42</v>
      </c>
      <c r="E124" s="67">
        <v>77</v>
      </c>
      <c r="F124" s="68">
        <v>34</v>
      </c>
      <c r="G124" s="69">
        <v>43</v>
      </c>
      <c r="H124" s="68">
        <v>14</v>
      </c>
      <c r="I124" s="68">
        <v>2</v>
      </c>
      <c r="J124" s="68">
        <v>12</v>
      </c>
      <c r="K124" s="67">
        <v>15</v>
      </c>
      <c r="L124" s="79">
        <v>4</v>
      </c>
      <c r="M124" s="80">
        <v>11</v>
      </c>
    </row>
    <row r="125" spans="1:13">
      <c r="A125" s="27" t="s">
        <v>103</v>
      </c>
      <c r="B125" s="67">
        <v>-64</v>
      </c>
      <c r="C125" s="68">
        <v>-19</v>
      </c>
      <c r="D125" s="68">
        <v>-45</v>
      </c>
      <c r="E125" s="67">
        <v>69</v>
      </c>
      <c r="F125" s="68">
        <v>22</v>
      </c>
      <c r="G125" s="69">
        <v>47</v>
      </c>
      <c r="H125" s="68">
        <v>16</v>
      </c>
      <c r="I125" s="68">
        <v>6</v>
      </c>
      <c r="J125" s="68">
        <v>10</v>
      </c>
      <c r="K125" s="67">
        <v>11</v>
      </c>
      <c r="L125" s="79">
        <v>3</v>
      </c>
      <c r="M125" s="80">
        <v>8</v>
      </c>
    </row>
    <row r="126" spans="1:13">
      <c r="A126" s="27" t="s">
        <v>105</v>
      </c>
      <c r="B126" s="67">
        <v>-53</v>
      </c>
      <c r="C126" s="68">
        <v>-22</v>
      </c>
      <c r="D126" s="68">
        <v>-31</v>
      </c>
      <c r="E126" s="67">
        <v>60</v>
      </c>
      <c r="F126" s="68">
        <v>24</v>
      </c>
      <c r="G126" s="69">
        <v>36</v>
      </c>
      <c r="H126" s="68">
        <v>13</v>
      </c>
      <c r="I126" s="68">
        <v>2</v>
      </c>
      <c r="J126" s="68">
        <v>11</v>
      </c>
      <c r="K126" s="67">
        <v>6</v>
      </c>
      <c r="L126" s="79">
        <v>0</v>
      </c>
      <c r="M126" s="80">
        <v>6</v>
      </c>
    </row>
    <row r="127" spans="1:13">
      <c r="A127" s="27" t="s">
        <v>107</v>
      </c>
      <c r="B127" s="67">
        <v>-41</v>
      </c>
      <c r="C127" s="68">
        <v>-19</v>
      </c>
      <c r="D127" s="68">
        <v>-22</v>
      </c>
      <c r="E127" s="67">
        <v>41</v>
      </c>
      <c r="F127" s="68">
        <v>16</v>
      </c>
      <c r="G127" s="69">
        <v>25</v>
      </c>
      <c r="H127" s="68">
        <v>9</v>
      </c>
      <c r="I127" s="68">
        <v>1</v>
      </c>
      <c r="J127" s="68">
        <v>8</v>
      </c>
      <c r="K127" s="67">
        <v>9</v>
      </c>
      <c r="L127" s="79">
        <v>4</v>
      </c>
      <c r="M127" s="80">
        <v>5</v>
      </c>
    </row>
    <row r="128" spans="1:13">
      <c r="A128" s="27" t="s">
        <v>109</v>
      </c>
      <c r="B128" s="67">
        <v>-49</v>
      </c>
      <c r="C128" s="68">
        <v>-16</v>
      </c>
      <c r="D128" s="68">
        <v>-33</v>
      </c>
      <c r="E128" s="67">
        <v>46</v>
      </c>
      <c r="F128" s="68">
        <v>18</v>
      </c>
      <c r="G128" s="69">
        <v>28</v>
      </c>
      <c r="H128" s="68">
        <v>7</v>
      </c>
      <c r="I128" s="68">
        <v>3</v>
      </c>
      <c r="J128" s="68">
        <v>4</v>
      </c>
      <c r="K128" s="67">
        <v>10</v>
      </c>
      <c r="L128" s="79">
        <v>1</v>
      </c>
      <c r="M128" s="80">
        <v>9</v>
      </c>
    </row>
    <row r="129" spans="1:14" ht="21" customHeight="1">
      <c r="A129" s="38" t="s">
        <v>111</v>
      </c>
      <c r="B129" s="64">
        <v>-157</v>
      </c>
      <c r="C129" s="65">
        <v>-45</v>
      </c>
      <c r="D129" s="65">
        <v>-112</v>
      </c>
      <c r="E129" s="64">
        <v>149</v>
      </c>
      <c r="F129" s="65">
        <v>42</v>
      </c>
      <c r="G129" s="66">
        <v>107</v>
      </c>
      <c r="H129" s="65">
        <v>5</v>
      </c>
      <c r="I129" s="65">
        <v>1</v>
      </c>
      <c r="J129" s="65">
        <v>4</v>
      </c>
      <c r="K129" s="64">
        <v>13</v>
      </c>
      <c r="L129" s="77">
        <v>4</v>
      </c>
      <c r="M129" s="78">
        <v>9</v>
      </c>
    </row>
    <row r="130" spans="1:14">
      <c r="A130" s="27" t="s">
        <v>113</v>
      </c>
      <c r="B130" s="67">
        <v>-40</v>
      </c>
      <c r="C130" s="68">
        <v>-13</v>
      </c>
      <c r="D130" s="68">
        <v>-27</v>
      </c>
      <c r="E130" s="67">
        <v>39</v>
      </c>
      <c r="F130" s="68">
        <v>14</v>
      </c>
      <c r="G130" s="69">
        <v>25</v>
      </c>
      <c r="H130" s="68">
        <v>2</v>
      </c>
      <c r="I130" s="68">
        <v>1</v>
      </c>
      <c r="J130" s="68">
        <v>1</v>
      </c>
      <c r="K130" s="67">
        <v>3</v>
      </c>
      <c r="L130" s="79">
        <v>0</v>
      </c>
      <c r="M130" s="80">
        <v>3</v>
      </c>
    </row>
    <row r="131" spans="1:14">
      <c r="A131" s="27" t="s">
        <v>115</v>
      </c>
      <c r="B131" s="67">
        <v>-38</v>
      </c>
      <c r="C131" s="68">
        <v>-13</v>
      </c>
      <c r="D131" s="68">
        <v>-25</v>
      </c>
      <c r="E131" s="67">
        <v>34</v>
      </c>
      <c r="F131" s="68">
        <v>10</v>
      </c>
      <c r="G131" s="69">
        <v>24</v>
      </c>
      <c r="H131" s="68">
        <v>2</v>
      </c>
      <c r="I131" s="68">
        <v>0</v>
      </c>
      <c r="J131" s="68">
        <v>2</v>
      </c>
      <c r="K131" s="67">
        <v>6</v>
      </c>
      <c r="L131" s="79">
        <v>3</v>
      </c>
      <c r="M131" s="80">
        <v>3</v>
      </c>
    </row>
    <row r="132" spans="1:14">
      <c r="A132" s="27" t="s">
        <v>117</v>
      </c>
      <c r="B132" s="67">
        <v>-34</v>
      </c>
      <c r="C132" s="68">
        <v>-10</v>
      </c>
      <c r="D132" s="68">
        <v>-24</v>
      </c>
      <c r="E132" s="67">
        <v>34</v>
      </c>
      <c r="F132" s="68">
        <v>10</v>
      </c>
      <c r="G132" s="69">
        <v>24</v>
      </c>
      <c r="H132" s="68">
        <v>1</v>
      </c>
      <c r="I132" s="68">
        <v>0</v>
      </c>
      <c r="J132" s="68">
        <v>1</v>
      </c>
      <c r="K132" s="67">
        <v>1</v>
      </c>
      <c r="L132" s="79">
        <v>0</v>
      </c>
      <c r="M132" s="80">
        <v>1</v>
      </c>
    </row>
    <row r="133" spans="1:14">
      <c r="A133" s="27" t="s">
        <v>119</v>
      </c>
      <c r="B133" s="67">
        <v>-25</v>
      </c>
      <c r="C133" s="68">
        <v>-6</v>
      </c>
      <c r="D133" s="68">
        <v>-19</v>
      </c>
      <c r="E133" s="67">
        <v>22</v>
      </c>
      <c r="F133" s="68">
        <v>5</v>
      </c>
      <c r="G133" s="69">
        <v>17</v>
      </c>
      <c r="H133" s="68">
        <v>0</v>
      </c>
      <c r="I133" s="68">
        <v>0</v>
      </c>
      <c r="J133" s="68">
        <v>0</v>
      </c>
      <c r="K133" s="67">
        <v>3</v>
      </c>
      <c r="L133" s="79">
        <v>1</v>
      </c>
      <c r="M133" s="80">
        <v>2</v>
      </c>
    </row>
    <row r="134" spans="1:14">
      <c r="A134" s="27" t="s">
        <v>121</v>
      </c>
      <c r="B134" s="67">
        <v>-20</v>
      </c>
      <c r="C134" s="68">
        <v>-3</v>
      </c>
      <c r="D134" s="68">
        <v>-17</v>
      </c>
      <c r="E134" s="67">
        <v>20</v>
      </c>
      <c r="F134" s="68">
        <v>3</v>
      </c>
      <c r="G134" s="69">
        <v>17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39</v>
      </c>
      <c r="C135" s="40">
        <v>-10</v>
      </c>
      <c r="D135" s="40">
        <v>-29</v>
      </c>
      <c r="E135" s="42">
        <v>39</v>
      </c>
      <c r="F135" s="40">
        <v>9</v>
      </c>
      <c r="G135" s="43">
        <v>30</v>
      </c>
      <c r="H135" s="40">
        <v>6</v>
      </c>
      <c r="I135" s="40">
        <v>1</v>
      </c>
      <c r="J135" s="40">
        <v>5</v>
      </c>
      <c r="K135" s="42">
        <v>6</v>
      </c>
      <c r="L135" s="44">
        <v>2</v>
      </c>
      <c r="M135" s="85">
        <v>4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09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8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2</v>
      </c>
      <c r="C5" s="62">
        <v>27</v>
      </c>
      <c r="D5" s="62">
        <v>-15</v>
      </c>
      <c r="E5" s="61">
        <v>178</v>
      </c>
      <c r="F5" s="62">
        <v>104</v>
      </c>
      <c r="G5" s="63">
        <v>74</v>
      </c>
      <c r="H5" s="62">
        <v>706</v>
      </c>
      <c r="I5" s="62">
        <v>398</v>
      </c>
      <c r="J5" s="62">
        <v>308</v>
      </c>
      <c r="K5" s="61">
        <v>619</v>
      </c>
      <c r="L5" s="75">
        <v>315</v>
      </c>
      <c r="M5" s="76">
        <v>304</v>
      </c>
    </row>
    <row r="6" spans="1:13" ht="23.25" customHeight="1">
      <c r="A6" s="36" t="s">
        <v>2</v>
      </c>
      <c r="B6" s="64">
        <v>117</v>
      </c>
      <c r="C6" s="65">
        <v>58</v>
      </c>
      <c r="D6" s="65">
        <v>59</v>
      </c>
      <c r="E6" s="64">
        <v>0</v>
      </c>
      <c r="F6" s="65">
        <v>0</v>
      </c>
      <c r="G6" s="66">
        <v>0</v>
      </c>
      <c r="H6" s="65">
        <v>50</v>
      </c>
      <c r="I6" s="65">
        <v>25</v>
      </c>
      <c r="J6" s="65">
        <v>25</v>
      </c>
      <c r="K6" s="64">
        <v>36</v>
      </c>
      <c r="L6" s="77">
        <v>15</v>
      </c>
      <c r="M6" s="78">
        <v>21</v>
      </c>
    </row>
    <row r="7" spans="1:13">
      <c r="A7" s="15" t="s">
        <v>4</v>
      </c>
      <c r="B7" s="67">
        <v>105</v>
      </c>
      <c r="C7" s="68">
        <v>47</v>
      </c>
      <c r="D7" s="68">
        <v>58</v>
      </c>
      <c r="E7" s="67">
        <v>0</v>
      </c>
      <c r="F7" s="68">
        <v>0</v>
      </c>
      <c r="G7" s="69">
        <v>0</v>
      </c>
      <c r="H7" s="68">
        <v>7</v>
      </c>
      <c r="I7" s="68">
        <v>2</v>
      </c>
      <c r="J7" s="68">
        <v>5</v>
      </c>
      <c r="K7" s="67">
        <v>5</v>
      </c>
      <c r="L7" s="79">
        <v>3</v>
      </c>
      <c r="M7" s="80">
        <v>2</v>
      </c>
    </row>
    <row r="8" spans="1:13">
      <c r="A8" s="15" t="s">
        <v>6</v>
      </c>
      <c r="B8" s="67">
        <v>8</v>
      </c>
      <c r="C8" s="68">
        <v>9</v>
      </c>
      <c r="D8" s="68">
        <v>-1</v>
      </c>
      <c r="E8" s="67">
        <v>0</v>
      </c>
      <c r="F8" s="68">
        <v>0</v>
      </c>
      <c r="G8" s="69">
        <v>0</v>
      </c>
      <c r="H8" s="68">
        <v>16</v>
      </c>
      <c r="I8" s="68">
        <v>9</v>
      </c>
      <c r="J8" s="68">
        <v>7</v>
      </c>
      <c r="K8" s="67">
        <v>8</v>
      </c>
      <c r="L8" s="79">
        <v>0</v>
      </c>
      <c r="M8" s="80">
        <v>8</v>
      </c>
    </row>
    <row r="9" spans="1:13">
      <c r="A9" s="15" t="s">
        <v>8</v>
      </c>
      <c r="B9" s="67">
        <v>-2</v>
      </c>
      <c r="C9" s="68">
        <v>-2</v>
      </c>
      <c r="D9" s="68">
        <v>0</v>
      </c>
      <c r="E9" s="67">
        <v>0</v>
      </c>
      <c r="F9" s="68">
        <v>0</v>
      </c>
      <c r="G9" s="69">
        <v>0</v>
      </c>
      <c r="H9" s="68">
        <v>7</v>
      </c>
      <c r="I9" s="68">
        <v>3</v>
      </c>
      <c r="J9" s="68">
        <v>4</v>
      </c>
      <c r="K9" s="67">
        <v>9</v>
      </c>
      <c r="L9" s="79">
        <v>5</v>
      </c>
      <c r="M9" s="80">
        <v>4</v>
      </c>
    </row>
    <row r="10" spans="1:13">
      <c r="A10" s="15" t="s">
        <v>10</v>
      </c>
      <c r="B10" s="67">
        <v>6</v>
      </c>
      <c r="C10" s="68">
        <v>5</v>
      </c>
      <c r="D10" s="68">
        <v>1</v>
      </c>
      <c r="E10" s="67">
        <v>0</v>
      </c>
      <c r="F10" s="68">
        <v>0</v>
      </c>
      <c r="G10" s="69">
        <v>0</v>
      </c>
      <c r="H10" s="68">
        <v>12</v>
      </c>
      <c r="I10" s="68">
        <v>8</v>
      </c>
      <c r="J10" s="68">
        <v>4</v>
      </c>
      <c r="K10" s="67">
        <v>6</v>
      </c>
      <c r="L10" s="79">
        <v>3</v>
      </c>
      <c r="M10" s="80">
        <v>3</v>
      </c>
    </row>
    <row r="11" spans="1:13">
      <c r="A11" s="15" t="s">
        <v>12</v>
      </c>
      <c r="B11" s="67">
        <v>0</v>
      </c>
      <c r="C11" s="68">
        <v>-1</v>
      </c>
      <c r="D11" s="68">
        <v>1</v>
      </c>
      <c r="E11" s="67">
        <v>0</v>
      </c>
      <c r="F11" s="68">
        <v>0</v>
      </c>
      <c r="G11" s="69">
        <v>0</v>
      </c>
      <c r="H11" s="68">
        <v>8</v>
      </c>
      <c r="I11" s="68">
        <v>3</v>
      </c>
      <c r="J11" s="68">
        <v>5</v>
      </c>
      <c r="K11" s="67">
        <v>8</v>
      </c>
      <c r="L11" s="79">
        <v>4</v>
      </c>
      <c r="M11" s="80">
        <v>4</v>
      </c>
    </row>
    <row r="12" spans="1:13" ht="21" customHeight="1">
      <c r="A12" s="36" t="s">
        <v>14</v>
      </c>
      <c r="B12" s="64">
        <v>17</v>
      </c>
      <c r="C12" s="65">
        <v>11</v>
      </c>
      <c r="D12" s="65">
        <v>6</v>
      </c>
      <c r="E12" s="64">
        <v>0</v>
      </c>
      <c r="F12" s="65">
        <v>0</v>
      </c>
      <c r="G12" s="66">
        <v>0</v>
      </c>
      <c r="H12" s="65">
        <v>36</v>
      </c>
      <c r="I12" s="65">
        <v>21</v>
      </c>
      <c r="J12" s="65">
        <v>15</v>
      </c>
      <c r="K12" s="64">
        <v>19</v>
      </c>
      <c r="L12" s="77">
        <v>10</v>
      </c>
      <c r="M12" s="78">
        <v>9</v>
      </c>
    </row>
    <row r="13" spans="1:13">
      <c r="A13" s="15" t="s">
        <v>16</v>
      </c>
      <c r="B13" s="67">
        <v>6</v>
      </c>
      <c r="C13" s="68">
        <v>1</v>
      </c>
      <c r="D13" s="68">
        <v>5</v>
      </c>
      <c r="E13" s="67">
        <v>0</v>
      </c>
      <c r="F13" s="68">
        <v>0</v>
      </c>
      <c r="G13" s="69">
        <v>0</v>
      </c>
      <c r="H13" s="68">
        <v>8</v>
      </c>
      <c r="I13" s="68">
        <v>2</v>
      </c>
      <c r="J13" s="68">
        <v>6</v>
      </c>
      <c r="K13" s="67">
        <v>2</v>
      </c>
      <c r="L13" s="79">
        <v>1</v>
      </c>
      <c r="M13" s="80">
        <v>1</v>
      </c>
    </row>
    <row r="14" spans="1:13">
      <c r="A14" s="15" t="s">
        <v>18</v>
      </c>
      <c r="B14" s="67">
        <v>6</v>
      </c>
      <c r="C14" s="68">
        <v>5</v>
      </c>
      <c r="D14" s="68">
        <v>1</v>
      </c>
      <c r="E14" s="67">
        <v>0</v>
      </c>
      <c r="F14" s="68">
        <v>0</v>
      </c>
      <c r="G14" s="69">
        <v>0</v>
      </c>
      <c r="H14" s="68">
        <v>13</v>
      </c>
      <c r="I14" s="68">
        <v>8</v>
      </c>
      <c r="J14" s="68">
        <v>5</v>
      </c>
      <c r="K14" s="67">
        <v>7</v>
      </c>
      <c r="L14" s="79">
        <v>3</v>
      </c>
      <c r="M14" s="80">
        <v>4</v>
      </c>
    </row>
    <row r="15" spans="1:13">
      <c r="A15" s="15" t="s">
        <v>20</v>
      </c>
      <c r="B15" s="67">
        <v>2</v>
      </c>
      <c r="C15" s="68">
        <v>2</v>
      </c>
      <c r="D15" s="68">
        <v>0</v>
      </c>
      <c r="E15" s="67">
        <v>0</v>
      </c>
      <c r="F15" s="68">
        <v>0</v>
      </c>
      <c r="G15" s="69">
        <v>0</v>
      </c>
      <c r="H15" s="68">
        <v>6</v>
      </c>
      <c r="I15" s="68">
        <v>4</v>
      </c>
      <c r="J15" s="68">
        <v>2</v>
      </c>
      <c r="K15" s="67">
        <v>4</v>
      </c>
      <c r="L15" s="79">
        <v>2</v>
      </c>
      <c r="M15" s="80">
        <v>2</v>
      </c>
    </row>
    <row r="16" spans="1:13">
      <c r="A16" s="15" t="s">
        <v>22</v>
      </c>
      <c r="B16" s="67">
        <v>0</v>
      </c>
      <c r="C16" s="68">
        <v>1</v>
      </c>
      <c r="D16" s="68">
        <v>-1</v>
      </c>
      <c r="E16" s="67">
        <v>0</v>
      </c>
      <c r="F16" s="68">
        <v>0</v>
      </c>
      <c r="G16" s="69">
        <v>0</v>
      </c>
      <c r="H16" s="68">
        <v>4</v>
      </c>
      <c r="I16" s="68">
        <v>3</v>
      </c>
      <c r="J16" s="68">
        <v>1</v>
      </c>
      <c r="K16" s="67">
        <v>4</v>
      </c>
      <c r="L16" s="79">
        <v>2</v>
      </c>
      <c r="M16" s="80">
        <v>2</v>
      </c>
    </row>
    <row r="17" spans="1:13">
      <c r="A17" s="15" t="s">
        <v>24</v>
      </c>
      <c r="B17" s="67">
        <v>3</v>
      </c>
      <c r="C17" s="68">
        <v>2</v>
      </c>
      <c r="D17" s="68">
        <v>1</v>
      </c>
      <c r="E17" s="67">
        <v>0</v>
      </c>
      <c r="F17" s="68">
        <v>0</v>
      </c>
      <c r="G17" s="69">
        <v>0</v>
      </c>
      <c r="H17" s="68">
        <v>5</v>
      </c>
      <c r="I17" s="68">
        <v>4</v>
      </c>
      <c r="J17" s="68">
        <v>1</v>
      </c>
      <c r="K17" s="67">
        <v>2</v>
      </c>
      <c r="L17" s="79">
        <v>2</v>
      </c>
      <c r="M17" s="80">
        <v>0</v>
      </c>
    </row>
    <row r="18" spans="1:13" ht="21" customHeight="1">
      <c r="A18" s="36" t="s">
        <v>26</v>
      </c>
      <c r="B18" s="64">
        <v>2</v>
      </c>
      <c r="C18" s="65">
        <v>1</v>
      </c>
      <c r="D18" s="65">
        <v>1</v>
      </c>
      <c r="E18" s="64">
        <v>0</v>
      </c>
      <c r="F18" s="65">
        <v>0</v>
      </c>
      <c r="G18" s="66">
        <v>0</v>
      </c>
      <c r="H18" s="65">
        <v>10</v>
      </c>
      <c r="I18" s="65">
        <v>7</v>
      </c>
      <c r="J18" s="65">
        <v>3</v>
      </c>
      <c r="K18" s="64">
        <v>8</v>
      </c>
      <c r="L18" s="77">
        <v>6</v>
      </c>
      <c r="M18" s="78">
        <v>2</v>
      </c>
    </row>
    <row r="19" spans="1:13">
      <c r="A19" s="15" t="s">
        <v>28</v>
      </c>
      <c r="B19" s="67">
        <v>0</v>
      </c>
      <c r="C19" s="68">
        <v>0</v>
      </c>
      <c r="D19" s="68">
        <v>0</v>
      </c>
      <c r="E19" s="67">
        <v>0</v>
      </c>
      <c r="F19" s="68">
        <v>0</v>
      </c>
      <c r="G19" s="69">
        <v>0</v>
      </c>
      <c r="H19" s="68">
        <v>2</v>
      </c>
      <c r="I19" s="68">
        <v>1</v>
      </c>
      <c r="J19" s="68">
        <v>1</v>
      </c>
      <c r="K19" s="67">
        <v>2</v>
      </c>
      <c r="L19" s="79">
        <v>1</v>
      </c>
      <c r="M19" s="80">
        <v>1</v>
      </c>
    </row>
    <row r="20" spans="1:13">
      <c r="A20" s="15" t="s">
        <v>30</v>
      </c>
      <c r="B20" s="67">
        <v>2</v>
      </c>
      <c r="C20" s="68">
        <v>2</v>
      </c>
      <c r="D20" s="68">
        <v>0</v>
      </c>
      <c r="E20" s="67">
        <v>0</v>
      </c>
      <c r="F20" s="68">
        <v>0</v>
      </c>
      <c r="G20" s="69">
        <v>0</v>
      </c>
      <c r="H20" s="68">
        <v>3</v>
      </c>
      <c r="I20" s="68">
        <v>3</v>
      </c>
      <c r="J20" s="68">
        <v>0</v>
      </c>
      <c r="K20" s="67">
        <v>1</v>
      </c>
      <c r="L20" s="79">
        <v>1</v>
      </c>
      <c r="M20" s="80">
        <v>0</v>
      </c>
    </row>
    <row r="21" spans="1:13">
      <c r="A21" s="15" t="s">
        <v>32</v>
      </c>
      <c r="B21" s="67">
        <v>0</v>
      </c>
      <c r="C21" s="68">
        <v>-1</v>
      </c>
      <c r="D21" s="68">
        <v>1</v>
      </c>
      <c r="E21" s="67">
        <v>0</v>
      </c>
      <c r="F21" s="68">
        <v>0</v>
      </c>
      <c r="G21" s="69">
        <v>0</v>
      </c>
      <c r="H21" s="68">
        <v>1</v>
      </c>
      <c r="I21" s="68">
        <v>0</v>
      </c>
      <c r="J21" s="68">
        <v>1</v>
      </c>
      <c r="K21" s="67">
        <v>1</v>
      </c>
      <c r="L21" s="79">
        <v>1</v>
      </c>
      <c r="M21" s="80">
        <v>0</v>
      </c>
    </row>
    <row r="22" spans="1:13">
      <c r="A22" s="15" t="s">
        <v>34</v>
      </c>
      <c r="B22" s="67">
        <v>1</v>
      </c>
      <c r="C22" s="68">
        <v>0</v>
      </c>
      <c r="D22" s="68">
        <v>1</v>
      </c>
      <c r="E22" s="67">
        <v>0</v>
      </c>
      <c r="F22" s="68">
        <v>0</v>
      </c>
      <c r="G22" s="69">
        <v>0</v>
      </c>
      <c r="H22" s="68">
        <v>2</v>
      </c>
      <c r="I22" s="68">
        <v>1</v>
      </c>
      <c r="J22" s="68">
        <v>1</v>
      </c>
      <c r="K22" s="67">
        <v>1</v>
      </c>
      <c r="L22" s="79">
        <v>1</v>
      </c>
      <c r="M22" s="80">
        <v>0</v>
      </c>
    </row>
    <row r="23" spans="1:13">
      <c r="A23" s="15" t="s">
        <v>36</v>
      </c>
      <c r="B23" s="67">
        <v>-1</v>
      </c>
      <c r="C23" s="68">
        <v>0</v>
      </c>
      <c r="D23" s="68">
        <v>-1</v>
      </c>
      <c r="E23" s="67">
        <v>0</v>
      </c>
      <c r="F23" s="68">
        <v>0</v>
      </c>
      <c r="G23" s="69">
        <v>0</v>
      </c>
      <c r="H23" s="68">
        <v>2</v>
      </c>
      <c r="I23" s="68">
        <v>2</v>
      </c>
      <c r="J23" s="68">
        <v>0</v>
      </c>
      <c r="K23" s="67">
        <v>3</v>
      </c>
      <c r="L23" s="79">
        <v>2</v>
      </c>
      <c r="M23" s="80">
        <v>1</v>
      </c>
    </row>
    <row r="24" spans="1:13" ht="21" customHeight="1">
      <c r="A24" s="36" t="s">
        <v>38</v>
      </c>
      <c r="B24" s="64">
        <v>-8</v>
      </c>
      <c r="C24" s="65">
        <v>-6</v>
      </c>
      <c r="D24" s="65">
        <v>-2</v>
      </c>
      <c r="E24" s="64">
        <v>1</v>
      </c>
      <c r="F24" s="65">
        <v>1</v>
      </c>
      <c r="G24" s="66">
        <v>0</v>
      </c>
      <c r="H24" s="65">
        <v>16</v>
      </c>
      <c r="I24" s="65">
        <v>9</v>
      </c>
      <c r="J24" s="65">
        <v>7</v>
      </c>
      <c r="K24" s="64">
        <v>23</v>
      </c>
      <c r="L24" s="77">
        <v>14</v>
      </c>
      <c r="M24" s="78">
        <v>9</v>
      </c>
    </row>
    <row r="25" spans="1:13">
      <c r="A25" s="15" t="s">
        <v>40</v>
      </c>
      <c r="B25" s="67">
        <v>-1</v>
      </c>
      <c r="C25" s="68">
        <v>0</v>
      </c>
      <c r="D25" s="68">
        <v>-1</v>
      </c>
      <c r="E25" s="67">
        <v>0</v>
      </c>
      <c r="F25" s="68">
        <v>0</v>
      </c>
      <c r="G25" s="69">
        <v>0</v>
      </c>
      <c r="H25" s="68">
        <v>1</v>
      </c>
      <c r="I25" s="68">
        <v>1</v>
      </c>
      <c r="J25" s="68">
        <v>0</v>
      </c>
      <c r="K25" s="67">
        <v>2</v>
      </c>
      <c r="L25" s="79">
        <v>1</v>
      </c>
      <c r="M25" s="80">
        <v>1</v>
      </c>
    </row>
    <row r="26" spans="1:13">
      <c r="A26" s="15" t="s">
        <v>42</v>
      </c>
      <c r="B26" s="67">
        <v>-3</v>
      </c>
      <c r="C26" s="68">
        <v>1</v>
      </c>
      <c r="D26" s="68">
        <v>-4</v>
      </c>
      <c r="E26" s="67">
        <v>0</v>
      </c>
      <c r="F26" s="68">
        <v>0</v>
      </c>
      <c r="G26" s="69">
        <v>0</v>
      </c>
      <c r="H26" s="68">
        <v>2</v>
      </c>
      <c r="I26" s="68">
        <v>2</v>
      </c>
      <c r="J26" s="68">
        <v>0</v>
      </c>
      <c r="K26" s="67">
        <v>5</v>
      </c>
      <c r="L26" s="79">
        <v>1</v>
      </c>
      <c r="M26" s="80">
        <v>4</v>
      </c>
    </row>
    <row r="27" spans="1:13">
      <c r="A27" s="15" t="s">
        <v>44</v>
      </c>
      <c r="B27" s="67">
        <v>1</v>
      </c>
      <c r="C27" s="68">
        <v>-1</v>
      </c>
      <c r="D27" s="68">
        <v>2</v>
      </c>
      <c r="E27" s="67">
        <v>1</v>
      </c>
      <c r="F27" s="68">
        <v>1</v>
      </c>
      <c r="G27" s="69">
        <v>0</v>
      </c>
      <c r="H27" s="68">
        <v>4</v>
      </c>
      <c r="I27" s="68">
        <v>2</v>
      </c>
      <c r="J27" s="68">
        <v>2</v>
      </c>
      <c r="K27" s="67">
        <v>2</v>
      </c>
      <c r="L27" s="79">
        <v>2</v>
      </c>
      <c r="M27" s="80">
        <v>0</v>
      </c>
    </row>
    <row r="28" spans="1:13">
      <c r="A28" s="15" t="s">
        <v>46</v>
      </c>
      <c r="B28" s="67">
        <v>-2</v>
      </c>
      <c r="C28" s="68">
        <v>-3</v>
      </c>
      <c r="D28" s="68">
        <v>1</v>
      </c>
      <c r="E28" s="67">
        <v>0</v>
      </c>
      <c r="F28" s="68">
        <v>0</v>
      </c>
      <c r="G28" s="69">
        <v>0</v>
      </c>
      <c r="H28" s="68">
        <v>3</v>
      </c>
      <c r="I28" s="68">
        <v>1</v>
      </c>
      <c r="J28" s="68">
        <v>2</v>
      </c>
      <c r="K28" s="67">
        <v>5</v>
      </c>
      <c r="L28" s="79">
        <v>4</v>
      </c>
      <c r="M28" s="80">
        <v>1</v>
      </c>
    </row>
    <row r="29" spans="1:13">
      <c r="A29" s="15" t="s">
        <v>48</v>
      </c>
      <c r="B29" s="67">
        <v>-3</v>
      </c>
      <c r="C29" s="68">
        <v>-3</v>
      </c>
      <c r="D29" s="68">
        <v>0</v>
      </c>
      <c r="E29" s="67">
        <v>0</v>
      </c>
      <c r="F29" s="68">
        <v>0</v>
      </c>
      <c r="G29" s="69">
        <v>0</v>
      </c>
      <c r="H29" s="68">
        <v>6</v>
      </c>
      <c r="I29" s="68">
        <v>3</v>
      </c>
      <c r="J29" s="68">
        <v>3</v>
      </c>
      <c r="K29" s="67">
        <v>9</v>
      </c>
      <c r="L29" s="79">
        <v>6</v>
      </c>
      <c r="M29" s="80">
        <v>3</v>
      </c>
    </row>
    <row r="30" spans="1:13" ht="21" customHeight="1">
      <c r="A30" s="36" t="s">
        <v>50</v>
      </c>
      <c r="B30" s="64">
        <v>-61</v>
      </c>
      <c r="C30" s="65">
        <v>-24</v>
      </c>
      <c r="D30" s="65">
        <v>-37</v>
      </c>
      <c r="E30" s="64">
        <v>0</v>
      </c>
      <c r="F30" s="65">
        <v>0</v>
      </c>
      <c r="G30" s="66">
        <v>0</v>
      </c>
      <c r="H30" s="65">
        <v>79</v>
      </c>
      <c r="I30" s="65">
        <v>44</v>
      </c>
      <c r="J30" s="65">
        <v>35</v>
      </c>
      <c r="K30" s="64">
        <v>140</v>
      </c>
      <c r="L30" s="77">
        <v>68</v>
      </c>
      <c r="M30" s="78">
        <v>72</v>
      </c>
    </row>
    <row r="31" spans="1:13">
      <c r="A31" s="15" t="s">
        <v>52</v>
      </c>
      <c r="B31" s="67">
        <v>-8</v>
      </c>
      <c r="C31" s="68">
        <v>-2</v>
      </c>
      <c r="D31" s="68">
        <v>-6</v>
      </c>
      <c r="E31" s="67">
        <v>0</v>
      </c>
      <c r="F31" s="68">
        <v>0</v>
      </c>
      <c r="G31" s="69">
        <v>0</v>
      </c>
      <c r="H31" s="68">
        <v>9</v>
      </c>
      <c r="I31" s="68">
        <v>6</v>
      </c>
      <c r="J31" s="68">
        <v>3</v>
      </c>
      <c r="K31" s="67">
        <v>17</v>
      </c>
      <c r="L31" s="79">
        <v>8</v>
      </c>
      <c r="M31" s="80">
        <v>9</v>
      </c>
    </row>
    <row r="32" spans="1:13">
      <c r="A32" s="15" t="s">
        <v>54</v>
      </c>
      <c r="B32" s="67">
        <v>-9</v>
      </c>
      <c r="C32" s="68">
        <v>-3</v>
      </c>
      <c r="D32" s="68">
        <v>-6</v>
      </c>
      <c r="E32" s="67">
        <v>0</v>
      </c>
      <c r="F32" s="68">
        <v>0</v>
      </c>
      <c r="G32" s="69">
        <v>0</v>
      </c>
      <c r="H32" s="68">
        <v>8</v>
      </c>
      <c r="I32" s="68">
        <v>5</v>
      </c>
      <c r="J32" s="68">
        <v>3</v>
      </c>
      <c r="K32" s="67">
        <v>17</v>
      </c>
      <c r="L32" s="79">
        <v>8</v>
      </c>
      <c r="M32" s="80">
        <v>9</v>
      </c>
    </row>
    <row r="33" spans="1:13">
      <c r="A33" s="15" t="s">
        <v>56</v>
      </c>
      <c r="B33" s="67">
        <v>-7</v>
      </c>
      <c r="C33" s="68">
        <v>2</v>
      </c>
      <c r="D33" s="68">
        <v>-9</v>
      </c>
      <c r="E33" s="67">
        <v>0</v>
      </c>
      <c r="F33" s="68">
        <v>0</v>
      </c>
      <c r="G33" s="69">
        <v>0</v>
      </c>
      <c r="H33" s="68">
        <v>16</v>
      </c>
      <c r="I33" s="68">
        <v>9</v>
      </c>
      <c r="J33" s="68">
        <v>7</v>
      </c>
      <c r="K33" s="67">
        <v>23</v>
      </c>
      <c r="L33" s="79">
        <v>7</v>
      </c>
      <c r="M33" s="80">
        <v>16</v>
      </c>
    </row>
    <row r="34" spans="1:13">
      <c r="A34" s="15" t="s">
        <v>58</v>
      </c>
      <c r="B34" s="67">
        <v>-28</v>
      </c>
      <c r="C34" s="68">
        <v>-16</v>
      </c>
      <c r="D34" s="68">
        <v>-12</v>
      </c>
      <c r="E34" s="67">
        <v>0</v>
      </c>
      <c r="F34" s="68">
        <v>0</v>
      </c>
      <c r="G34" s="69">
        <v>0</v>
      </c>
      <c r="H34" s="68">
        <v>24</v>
      </c>
      <c r="I34" s="68">
        <v>14</v>
      </c>
      <c r="J34" s="68">
        <v>10</v>
      </c>
      <c r="K34" s="67">
        <v>52</v>
      </c>
      <c r="L34" s="79">
        <v>30</v>
      </c>
      <c r="M34" s="80">
        <v>22</v>
      </c>
    </row>
    <row r="35" spans="1:13">
      <c r="A35" s="15" t="s">
        <v>60</v>
      </c>
      <c r="B35" s="67">
        <v>-9</v>
      </c>
      <c r="C35" s="68">
        <v>-5</v>
      </c>
      <c r="D35" s="68">
        <v>-4</v>
      </c>
      <c r="E35" s="67">
        <v>0</v>
      </c>
      <c r="F35" s="68">
        <v>0</v>
      </c>
      <c r="G35" s="69">
        <v>0</v>
      </c>
      <c r="H35" s="68">
        <v>22</v>
      </c>
      <c r="I35" s="68">
        <v>10</v>
      </c>
      <c r="J35" s="68">
        <v>12</v>
      </c>
      <c r="K35" s="67">
        <v>31</v>
      </c>
      <c r="L35" s="79">
        <v>15</v>
      </c>
      <c r="M35" s="80">
        <v>16</v>
      </c>
    </row>
    <row r="36" spans="1:13" ht="21" customHeight="1">
      <c r="A36" s="36" t="s">
        <v>62</v>
      </c>
      <c r="B36" s="64">
        <v>2</v>
      </c>
      <c r="C36" s="65">
        <v>3</v>
      </c>
      <c r="D36" s="65">
        <v>-1</v>
      </c>
      <c r="E36" s="64">
        <v>1</v>
      </c>
      <c r="F36" s="65">
        <v>1</v>
      </c>
      <c r="G36" s="66">
        <v>0</v>
      </c>
      <c r="H36" s="65">
        <v>124</v>
      </c>
      <c r="I36" s="65">
        <v>70</v>
      </c>
      <c r="J36" s="65">
        <v>54</v>
      </c>
      <c r="K36" s="64">
        <v>121</v>
      </c>
      <c r="L36" s="77">
        <v>66</v>
      </c>
      <c r="M36" s="78">
        <v>55</v>
      </c>
    </row>
    <row r="37" spans="1:13">
      <c r="A37" s="15" t="s">
        <v>64</v>
      </c>
      <c r="B37" s="67">
        <v>-4</v>
      </c>
      <c r="C37" s="68">
        <v>-5</v>
      </c>
      <c r="D37" s="68">
        <v>1</v>
      </c>
      <c r="E37" s="67">
        <v>0</v>
      </c>
      <c r="F37" s="68">
        <v>0</v>
      </c>
      <c r="G37" s="69">
        <v>0</v>
      </c>
      <c r="H37" s="68">
        <v>27</v>
      </c>
      <c r="I37" s="68">
        <v>15</v>
      </c>
      <c r="J37" s="68">
        <v>12</v>
      </c>
      <c r="K37" s="67">
        <v>31</v>
      </c>
      <c r="L37" s="79">
        <v>20</v>
      </c>
      <c r="M37" s="80">
        <v>11</v>
      </c>
    </row>
    <row r="38" spans="1:13">
      <c r="A38" s="15" t="s">
        <v>66</v>
      </c>
      <c r="B38" s="67">
        <v>1</v>
      </c>
      <c r="C38" s="68">
        <v>6</v>
      </c>
      <c r="D38" s="68">
        <v>-5</v>
      </c>
      <c r="E38" s="67">
        <v>0</v>
      </c>
      <c r="F38" s="68">
        <v>0</v>
      </c>
      <c r="G38" s="69">
        <v>0</v>
      </c>
      <c r="H38" s="68">
        <v>24</v>
      </c>
      <c r="I38" s="68">
        <v>10</v>
      </c>
      <c r="J38" s="68">
        <v>14</v>
      </c>
      <c r="K38" s="67">
        <v>23</v>
      </c>
      <c r="L38" s="79">
        <v>4</v>
      </c>
      <c r="M38" s="80">
        <v>19</v>
      </c>
    </row>
    <row r="39" spans="1:13">
      <c r="A39" s="15" t="s">
        <v>68</v>
      </c>
      <c r="B39" s="67">
        <v>-2</v>
      </c>
      <c r="C39" s="68">
        <v>0</v>
      </c>
      <c r="D39" s="68">
        <v>-2</v>
      </c>
      <c r="E39" s="67">
        <v>0</v>
      </c>
      <c r="F39" s="68">
        <v>0</v>
      </c>
      <c r="G39" s="69">
        <v>0</v>
      </c>
      <c r="H39" s="68">
        <v>21</v>
      </c>
      <c r="I39" s="68">
        <v>15</v>
      </c>
      <c r="J39" s="68">
        <v>6</v>
      </c>
      <c r="K39" s="67">
        <v>23</v>
      </c>
      <c r="L39" s="79">
        <v>15</v>
      </c>
      <c r="M39" s="80">
        <v>8</v>
      </c>
    </row>
    <row r="40" spans="1:13">
      <c r="A40" s="15" t="s">
        <v>70</v>
      </c>
      <c r="B40" s="67">
        <v>5</v>
      </c>
      <c r="C40" s="68">
        <v>2</v>
      </c>
      <c r="D40" s="68">
        <v>3</v>
      </c>
      <c r="E40" s="67">
        <v>0</v>
      </c>
      <c r="F40" s="68">
        <v>0</v>
      </c>
      <c r="G40" s="69">
        <v>0</v>
      </c>
      <c r="H40" s="68">
        <v>29</v>
      </c>
      <c r="I40" s="68">
        <v>16</v>
      </c>
      <c r="J40" s="68">
        <v>13</v>
      </c>
      <c r="K40" s="67">
        <v>24</v>
      </c>
      <c r="L40" s="79">
        <v>14</v>
      </c>
      <c r="M40" s="80">
        <v>10</v>
      </c>
    </row>
    <row r="41" spans="1:13">
      <c r="A41" s="15" t="s">
        <v>72</v>
      </c>
      <c r="B41" s="67">
        <v>2</v>
      </c>
      <c r="C41" s="68">
        <v>0</v>
      </c>
      <c r="D41" s="68">
        <v>2</v>
      </c>
      <c r="E41" s="67">
        <v>1</v>
      </c>
      <c r="F41" s="68">
        <v>1</v>
      </c>
      <c r="G41" s="69">
        <v>0</v>
      </c>
      <c r="H41" s="68">
        <v>23</v>
      </c>
      <c r="I41" s="68">
        <v>14</v>
      </c>
      <c r="J41" s="68">
        <v>9</v>
      </c>
      <c r="K41" s="67">
        <v>20</v>
      </c>
      <c r="L41" s="79">
        <v>13</v>
      </c>
      <c r="M41" s="80">
        <v>7</v>
      </c>
    </row>
    <row r="42" spans="1:13" ht="21" customHeight="1">
      <c r="A42" s="36" t="s">
        <v>74</v>
      </c>
      <c r="B42" s="64">
        <v>16</v>
      </c>
      <c r="C42" s="65">
        <v>6</v>
      </c>
      <c r="D42" s="65">
        <v>10</v>
      </c>
      <c r="E42" s="64">
        <v>0</v>
      </c>
      <c r="F42" s="65">
        <v>0</v>
      </c>
      <c r="G42" s="66">
        <v>0</v>
      </c>
      <c r="H42" s="65">
        <v>93</v>
      </c>
      <c r="I42" s="65">
        <v>48</v>
      </c>
      <c r="J42" s="65">
        <v>45</v>
      </c>
      <c r="K42" s="64">
        <v>77</v>
      </c>
      <c r="L42" s="77">
        <v>42</v>
      </c>
      <c r="M42" s="78">
        <v>35</v>
      </c>
    </row>
    <row r="43" spans="1:13">
      <c r="A43" s="15" t="s">
        <v>76</v>
      </c>
      <c r="B43" s="67">
        <v>2</v>
      </c>
      <c r="C43" s="68">
        <v>0</v>
      </c>
      <c r="D43" s="68">
        <v>2</v>
      </c>
      <c r="E43" s="67">
        <v>0</v>
      </c>
      <c r="F43" s="68">
        <v>0</v>
      </c>
      <c r="G43" s="69">
        <v>0</v>
      </c>
      <c r="H43" s="68">
        <v>21</v>
      </c>
      <c r="I43" s="68">
        <v>11</v>
      </c>
      <c r="J43" s="68">
        <v>10</v>
      </c>
      <c r="K43" s="67">
        <v>19</v>
      </c>
      <c r="L43" s="79">
        <v>11</v>
      </c>
      <c r="M43" s="80">
        <v>8</v>
      </c>
    </row>
    <row r="44" spans="1:13">
      <c r="A44" s="15" t="s">
        <v>78</v>
      </c>
      <c r="B44" s="67">
        <v>-1</v>
      </c>
      <c r="C44" s="68">
        <v>0</v>
      </c>
      <c r="D44" s="68">
        <v>-1</v>
      </c>
      <c r="E44" s="67">
        <v>0</v>
      </c>
      <c r="F44" s="68">
        <v>0</v>
      </c>
      <c r="G44" s="69">
        <v>0</v>
      </c>
      <c r="H44" s="68">
        <v>18</v>
      </c>
      <c r="I44" s="68">
        <v>9</v>
      </c>
      <c r="J44" s="68">
        <v>9</v>
      </c>
      <c r="K44" s="67">
        <v>19</v>
      </c>
      <c r="L44" s="79">
        <v>9</v>
      </c>
      <c r="M44" s="80">
        <v>10</v>
      </c>
    </row>
    <row r="45" spans="1:13">
      <c r="A45" s="15" t="s">
        <v>80</v>
      </c>
      <c r="B45" s="67">
        <v>3</v>
      </c>
      <c r="C45" s="68">
        <v>2</v>
      </c>
      <c r="D45" s="68">
        <v>1</v>
      </c>
      <c r="E45" s="67">
        <v>0</v>
      </c>
      <c r="F45" s="68">
        <v>0</v>
      </c>
      <c r="G45" s="69">
        <v>0</v>
      </c>
      <c r="H45" s="68">
        <v>21</v>
      </c>
      <c r="I45" s="68">
        <v>13</v>
      </c>
      <c r="J45" s="68">
        <v>8</v>
      </c>
      <c r="K45" s="67">
        <v>18</v>
      </c>
      <c r="L45" s="79">
        <v>11</v>
      </c>
      <c r="M45" s="80">
        <v>7</v>
      </c>
    </row>
    <row r="46" spans="1:13">
      <c r="A46" s="15" t="s">
        <v>82</v>
      </c>
      <c r="B46" s="67">
        <v>4</v>
      </c>
      <c r="C46" s="68">
        <v>-1</v>
      </c>
      <c r="D46" s="68">
        <v>5</v>
      </c>
      <c r="E46" s="67">
        <v>0</v>
      </c>
      <c r="F46" s="68">
        <v>0</v>
      </c>
      <c r="G46" s="69">
        <v>0</v>
      </c>
      <c r="H46" s="68">
        <v>20</v>
      </c>
      <c r="I46" s="68">
        <v>9</v>
      </c>
      <c r="J46" s="68">
        <v>11</v>
      </c>
      <c r="K46" s="67">
        <v>16</v>
      </c>
      <c r="L46" s="79">
        <v>10</v>
      </c>
      <c r="M46" s="80">
        <v>6</v>
      </c>
    </row>
    <row r="47" spans="1:13">
      <c r="A47" s="15" t="s">
        <v>84</v>
      </c>
      <c r="B47" s="67">
        <v>8</v>
      </c>
      <c r="C47" s="68">
        <v>5</v>
      </c>
      <c r="D47" s="68">
        <v>3</v>
      </c>
      <c r="E47" s="67">
        <v>0</v>
      </c>
      <c r="F47" s="68">
        <v>0</v>
      </c>
      <c r="G47" s="69">
        <v>0</v>
      </c>
      <c r="H47" s="68">
        <v>13</v>
      </c>
      <c r="I47" s="68">
        <v>6</v>
      </c>
      <c r="J47" s="68">
        <v>7</v>
      </c>
      <c r="K47" s="67">
        <v>5</v>
      </c>
      <c r="L47" s="79">
        <v>1</v>
      </c>
      <c r="M47" s="80">
        <v>4</v>
      </c>
    </row>
    <row r="48" spans="1:13" ht="21" customHeight="1">
      <c r="A48" s="36" t="s">
        <v>86</v>
      </c>
      <c r="B48" s="64">
        <v>23</v>
      </c>
      <c r="C48" s="65">
        <v>17</v>
      </c>
      <c r="D48" s="65">
        <v>6</v>
      </c>
      <c r="E48" s="64">
        <v>0</v>
      </c>
      <c r="F48" s="65">
        <v>0</v>
      </c>
      <c r="G48" s="66">
        <v>0</v>
      </c>
      <c r="H48" s="65">
        <v>65</v>
      </c>
      <c r="I48" s="65">
        <v>37</v>
      </c>
      <c r="J48" s="65">
        <v>28</v>
      </c>
      <c r="K48" s="64">
        <v>42</v>
      </c>
      <c r="L48" s="77">
        <v>20</v>
      </c>
      <c r="M48" s="78">
        <v>22</v>
      </c>
    </row>
    <row r="49" spans="1:13">
      <c r="A49" s="15" t="s">
        <v>88</v>
      </c>
      <c r="B49" s="67">
        <v>4</v>
      </c>
      <c r="C49" s="68">
        <v>3</v>
      </c>
      <c r="D49" s="68">
        <v>1</v>
      </c>
      <c r="E49" s="67">
        <v>0</v>
      </c>
      <c r="F49" s="68">
        <v>0</v>
      </c>
      <c r="G49" s="69">
        <v>0</v>
      </c>
      <c r="H49" s="68">
        <v>15</v>
      </c>
      <c r="I49" s="68">
        <v>9</v>
      </c>
      <c r="J49" s="68">
        <v>6</v>
      </c>
      <c r="K49" s="67">
        <v>11</v>
      </c>
      <c r="L49" s="79">
        <v>6</v>
      </c>
      <c r="M49" s="80">
        <v>5</v>
      </c>
    </row>
    <row r="50" spans="1:13">
      <c r="A50" s="15" t="s">
        <v>90</v>
      </c>
      <c r="B50" s="67">
        <v>8</v>
      </c>
      <c r="C50" s="68">
        <v>7</v>
      </c>
      <c r="D50" s="68">
        <v>1</v>
      </c>
      <c r="E50" s="67">
        <v>0</v>
      </c>
      <c r="F50" s="68">
        <v>0</v>
      </c>
      <c r="G50" s="69">
        <v>0</v>
      </c>
      <c r="H50" s="68">
        <v>18</v>
      </c>
      <c r="I50" s="68">
        <v>11</v>
      </c>
      <c r="J50" s="68">
        <v>7</v>
      </c>
      <c r="K50" s="67">
        <v>10</v>
      </c>
      <c r="L50" s="79">
        <v>4</v>
      </c>
      <c r="M50" s="80">
        <v>6</v>
      </c>
    </row>
    <row r="51" spans="1:13">
      <c r="A51" s="15" t="s">
        <v>92</v>
      </c>
      <c r="B51" s="67">
        <v>-1</v>
      </c>
      <c r="C51" s="68">
        <v>1</v>
      </c>
      <c r="D51" s="68">
        <v>-2</v>
      </c>
      <c r="E51" s="67">
        <v>0</v>
      </c>
      <c r="F51" s="68">
        <v>0</v>
      </c>
      <c r="G51" s="69">
        <v>0</v>
      </c>
      <c r="H51" s="68">
        <v>11</v>
      </c>
      <c r="I51" s="68">
        <v>6</v>
      </c>
      <c r="J51" s="68">
        <v>5</v>
      </c>
      <c r="K51" s="67">
        <v>12</v>
      </c>
      <c r="L51" s="79">
        <v>5</v>
      </c>
      <c r="M51" s="80">
        <v>7</v>
      </c>
    </row>
    <row r="52" spans="1:13">
      <c r="A52" s="15" t="s">
        <v>94</v>
      </c>
      <c r="B52" s="67">
        <v>5</v>
      </c>
      <c r="C52" s="68">
        <v>3</v>
      </c>
      <c r="D52" s="68">
        <v>2</v>
      </c>
      <c r="E52" s="67">
        <v>0</v>
      </c>
      <c r="F52" s="68">
        <v>0</v>
      </c>
      <c r="G52" s="69">
        <v>0</v>
      </c>
      <c r="H52" s="68">
        <v>8</v>
      </c>
      <c r="I52" s="68">
        <v>4</v>
      </c>
      <c r="J52" s="68">
        <v>4</v>
      </c>
      <c r="K52" s="67">
        <v>3</v>
      </c>
      <c r="L52" s="79">
        <v>1</v>
      </c>
      <c r="M52" s="80">
        <v>2</v>
      </c>
    </row>
    <row r="53" spans="1:13">
      <c r="A53" s="15" t="s">
        <v>96</v>
      </c>
      <c r="B53" s="67">
        <v>7</v>
      </c>
      <c r="C53" s="68">
        <v>3</v>
      </c>
      <c r="D53" s="68">
        <v>4</v>
      </c>
      <c r="E53" s="67">
        <v>0</v>
      </c>
      <c r="F53" s="68">
        <v>0</v>
      </c>
      <c r="G53" s="69">
        <v>0</v>
      </c>
      <c r="H53" s="68">
        <v>13</v>
      </c>
      <c r="I53" s="68">
        <v>7</v>
      </c>
      <c r="J53" s="68">
        <v>6</v>
      </c>
      <c r="K53" s="67">
        <v>6</v>
      </c>
      <c r="L53" s="79">
        <v>4</v>
      </c>
      <c r="M53" s="80">
        <v>2</v>
      </c>
    </row>
    <row r="54" spans="1:13" ht="21" customHeight="1">
      <c r="A54" s="36" t="s">
        <v>98</v>
      </c>
      <c r="B54" s="64">
        <v>26</v>
      </c>
      <c r="C54" s="65">
        <v>19</v>
      </c>
      <c r="D54" s="65">
        <v>7</v>
      </c>
      <c r="E54" s="64">
        <v>0</v>
      </c>
      <c r="F54" s="65">
        <v>0</v>
      </c>
      <c r="G54" s="66">
        <v>0</v>
      </c>
      <c r="H54" s="65">
        <v>57</v>
      </c>
      <c r="I54" s="65">
        <v>36</v>
      </c>
      <c r="J54" s="65">
        <v>21</v>
      </c>
      <c r="K54" s="64">
        <v>31</v>
      </c>
      <c r="L54" s="77">
        <v>17</v>
      </c>
      <c r="M54" s="78">
        <v>14</v>
      </c>
    </row>
    <row r="55" spans="1:13">
      <c r="A55" s="15" t="s">
        <v>100</v>
      </c>
      <c r="B55" s="67">
        <v>8</v>
      </c>
      <c r="C55" s="68">
        <v>5</v>
      </c>
      <c r="D55" s="68">
        <v>3</v>
      </c>
      <c r="E55" s="67">
        <v>0</v>
      </c>
      <c r="F55" s="68">
        <v>0</v>
      </c>
      <c r="G55" s="69">
        <v>0</v>
      </c>
      <c r="H55" s="68">
        <v>15</v>
      </c>
      <c r="I55" s="68">
        <v>9</v>
      </c>
      <c r="J55" s="68">
        <v>6</v>
      </c>
      <c r="K55" s="67">
        <v>7</v>
      </c>
      <c r="L55" s="79">
        <v>4</v>
      </c>
      <c r="M55" s="80">
        <v>3</v>
      </c>
    </row>
    <row r="56" spans="1:13">
      <c r="A56" s="15" t="s">
        <v>102</v>
      </c>
      <c r="B56" s="67">
        <v>11</v>
      </c>
      <c r="C56" s="68">
        <v>8</v>
      </c>
      <c r="D56" s="68">
        <v>3</v>
      </c>
      <c r="E56" s="67">
        <v>0</v>
      </c>
      <c r="F56" s="68">
        <v>0</v>
      </c>
      <c r="G56" s="69">
        <v>0</v>
      </c>
      <c r="H56" s="68">
        <v>16</v>
      </c>
      <c r="I56" s="68">
        <v>11</v>
      </c>
      <c r="J56" s="68">
        <v>5</v>
      </c>
      <c r="K56" s="67">
        <v>5</v>
      </c>
      <c r="L56" s="79">
        <v>3</v>
      </c>
      <c r="M56" s="80">
        <v>2</v>
      </c>
    </row>
    <row r="57" spans="1:13">
      <c r="A57" s="15" t="s">
        <v>104</v>
      </c>
      <c r="B57" s="67">
        <v>3</v>
      </c>
      <c r="C57" s="68">
        <v>2</v>
      </c>
      <c r="D57" s="68">
        <v>1</v>
      </c>
      <c r="E57" s="67">
        <v>0</v>
      </c>
      <c r="F57" s="68">
        <v>0</v>
      </c>
      <c r="G57" s="69">
        <v>0</v>
      </c>
      <c r="H57" s="68">
        <v>9</v>
      </c>
      <c r="I57" s="68">
        <v>5</v>
      </c>
      <c r="J57" s="68">
        <v>4</v>
      </c>
      <c r="K57" s="67">
        <v>6</v>
      </c>
      <c r="L57" s="79">
        <v>3</v>
      </c>
      <c r="M57" s="80">
        <v>3</v>
      </c>
    </row>
    <row r="58" spans="1:13">
      <c r="A58" s="15" t="s">
        <v>106</v>
      </c>
      <c r="B58" s="67">
        <v>8</v>
      </c>
      <c r="C58" s="68">
        <v>6</v>
      </c>
      <c r="D58" s="68">
        <v>2</v>
      </c>
      <c r="E58" s="67">
        <v>0</v>
      </c>
      <c r="F58" s="68">
        <v>0</v>
      </c>
      <c r="G58" s="69">
        <v>0</v>
      </c>
      <c r="H58" s="68">
        <v>15</v>
      </c>
      <c r="I58" s="68">
        <v>10</v>
      </c>
      <c r="J58" s="68">
        <v>5</v>
      </c>
      <c r="K58" s="67">
        <v>7</v>
      </c>
      <c r="L58" s="79">
        <v>4</v>
      </c>
      <c r="M58" s="80">
        <v>3</v>
      </c>
    </row>
    <row r="59" spans="1:13">
      <c r="A59" s="15" t="s">
        <v>108</v>
      </c>
      <c r="B59" s="67">
        <v>-4</v>
      </c>
      <c r="C59" s="68">
        <v>-2</v>
      </c>
      <c r="D59" s="68">
        <v>-2</v>
      </c>
      <c r="E59" s="67">
        <v>0</v>
      </c>
      <c r="F59" s="68">
        <v>0</v>
      </c>
      <c r="G59" s="69">
        <v>0</v>
      </c>
      <c r="H59" s="68">
        <v>2</v>
      </c>
      <c r="I59" s="68">
        <v>1</v>
      </c>
      <c r="J59" s="68">
        <v>1</v>
      </c>
      <c r="K59" s="67">
        <v>6</v>
      </c>
      <c r="L59" s="79">
        <v>3</v>
      </c>
      <c r="M59" s="80">
        <v>3</v>
      </c>
    </row>
    <row r="60" spans="1:13" ht="21" customHeight="1">
      <c r="A60" s="36" t="s">
        <v>110</v>
      </c>
      <c r="B60" s="64">
        <v>6</v>
      </c>
      <c r="C60" s="65">
        <v>7</v>
      </c>
      <c r="D60" s="65">
        <v>-1</v>
      </c>
      <c r="E60" s="64">
        <v>1</v>
      </c>
      <c r="F60" s="65">
        <v>1</v>
      </c>
      <c r="G60" s="66">
        <v>0</v>
      </c>
      <c r="H60" s="65">
        <v>35</v>
      </c>
      <c r="I60" s="65">
        <v>20</v>
      </c>
      <c r="J60" s="65">
        <v>15</v>
      </c>
      <c r="K60" s="64">
        <v>28</v>
      </c>
      <c r="L60" s="77">
        <v>12</v>
      </c>
      <c r="M60" s="78">
        <v>16</v>
      </c>
    </row>
    <row r="61" spans="1:13">
      <c r="A61" s="15" t="s">
        <v>112</v>
      </c>
      <c r="B61" s="67">
        <v>6</v>
      </c>
      <c r="C61" s="68">
        <v>3</v>
      </c>
      <c r="D61" s="68">
        <v>3</v>
      </c>
      <c r="E61" s="67">
        <v>0</v>
      </c>
      <c r="F61" s="68">
        <v>0</v>
      </c>
      <c r="G61" s="69">
        <v>0</v>
      </c>
      <c r="H61" s="68">
        <v>9</v>
      </c>
      <c r="I61" s="68">
        <v>4</v>
      </c>
      <c r="J61" s="68">
        <v>5</v>
      </c>
      <c r="K61" s="67">
        <v>3</v>
      </c>
      <c r="L61" s="79">
        <v>1</v>
      </c>
      <c r="M61" s="80">
        <v>2</v>
      </c>
    </row>
    <row r="62" spans="1:13">
      <c r="A62" s="15" t="s">
        <v>114</v>
      </c>
      <c r="B62" s="67">
        <v>2</v>
      </c>
      <c r="C62" s="68">
        <v>2</v>
      </c>
      <c r="D62" s="68">
        <v>0</v>
      </c>
      <c r="E62" s="67">
        <v>0</v>
      </c>
      <c r="F62" s="68">
        <v>0</v>
      </c>
      <c r="G62" s="69">
        <v>0</v>
      </c>
      <c r="H62" s="68">
        <v>10</v>
      </c>
      <c r="I62" s="68">
        <v>6</v>
      </c>
      <c r="J62" s="68">
        <v>4</v>
      </c>
      <c r="K62" s="67">
        <v>8</v>
      </c>
      <c r="L62" s="79">
        <v>4</v>
      </c>
      <c r="M62" s="80">
        <v>4</v>
      </c>
    </row>
    <row r="63" spans="1:13">
      <c r="A63" s="15" t="s">
        <v>116</v>
      </c>
      <c r="B63" s="67">
        <v>1</v>
      </c>
      <c r="C63" s="68">
        <v>2</v>
      </c>
      <c r="D63" s="68">
        <v>-1</v>
      </c>
      <c r="E63" s="67">
        <v>0</v>
      </c>
      <c r="F63" s="68">
        <v>0</v>
      </c>
      <c r="G63" s="69">
        <v>0</v>
      </c>
      <c r="H63" s="68">
        <v>4</v>
      </c>
      <c r="I63" s="68">
        <v>3</v>
      </c>
      <c r="J63" s="68">
        <v>1</v>
      </c>
      <c r="K63" s="67">
        <v>3</v>
      </c>
      <c r="L63" s="79">
        <v>1</v>
      </c>
      <c r="M63" s="80">
        <v>2</v>
      </c>
    </row>
    <row r="64" spans="1:13">
      <c r="A64" s="15" t="s">
        <v>118</v>
      </c>
      <c r="B64" s="67">
        <v>0</v>
      </c>
      <c r="C64" s="68">
        <v>0</v>
      </c>
      <c r="D64" s="68">
        <v>0</v>
      </c>
      <c r="E64" s="67">
        <v>1</v>
      </c>
      <c r="F64" s="68">
        <v>1</v>
      </c>
      <c r="G64" s="69">
        <v>0</v>
      </c>
      <c r="H64" s="68">
        <v>6</v>
      </c>
      <c r="I64" s="68">
        <v>4</v>
      </c>
      <c r="J64" s="68">
        <v>2</v>
      </c>
      <c r="K64" s="67">
        <v>5</v>
      </c>
      <c r="L64" s="79">
        <v>3</v>
      </c>
      <c r="M64" s="80">
        <v>2</v>
      </c>
    </row>
    <row r="65" spans="1:13">
      <c r="A65" s="19" t="s">
        <v>120</v>
      </c>
      <c r="B65" s="70">
        <v>-3</v>
      </c>
      <c r="C65" s="71">
        <v>0</v>
      </c>
      <c r="D65" s="71">
        <v>-3</v>
      </c>
      <c r="E65" s="70">
        <v>0</v>
      </c>
      <c r="F65" s="71">
        <v>0</v>
      </c>
      <c r="G65" s="72">
        <v>0</v>
      </c>
      <c r="H65" s="71">
        <v>6</v>
      </c>
      <c r="I65" s="71">
        <v>3</v>
      </c>
      <c r="J65" s="71">
        <v>3</v>
      </c>
      <c r="K65" s="70">
        <v>9</v>
      </c>
      <c r="L65" s="81">
        <v>3</v>
      </c>
      <c r="M65" s="82">
        <v>6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03</v>
      </c>
      <c r="C69" s="50">
        <v>48</v>
      </c>
      <c r="D69" s="84">
        <v>5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8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09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12</v>
      </c>
      <c r="C75" s="65">
        <v>13</v>
      </c>
      <c r="D75" s="65">
        <v>-1</v>
      </c>
      <c r="E75" s="64">
        <v>1</v>
      </c>
      <c r="F75" s="65">
        <v>1</v>
      </c>
      <c r="G75" s="66">
        <v>0</v>
      </c>
      <c r="H75" s="65">
        <v>44</v>
      </c>
      <c r="I75" s="65">
        <v>27</v>
      </c>
      <c r="J75" s="65">
        <v>17</v>
      </c>
      <c r="K75" s="64">
        <v>31</v>
      </c>
      <c r="L75" s="77">
        <v>13</v>
      </c>
      <c r="M75" s="78">
        <v>18</v>
      </c>
    </row>
    <row r="76" spans="1:13">
      <c r="A76" s="27" t="s">
        <v>5</v>
      </c>
      <c r="B76" s="67">
        <v>0</v>
      </c>
      <c r="C76" s="68">
        <v>0</v>
      </c>
      <c r="D76" s="68">
        <v>0</v>
      </c>
      <c r="E76" s="67">
        <v>0</v>
      </c>
      <c r="F76" s="68">
        <v>0</v>
      </c>
      <c r="G76" s="69">
        <v>0</v>
      </c>
      <c r="H76" s="68">
        <v>7</v>
      </c>
      <c r="I76" s="68">
        <v>4</v>
      </c>
      <c r="J76" s="68">
        <v>3</v>
      </c>
      <c r="K76" s="67">
        <v>7</v>
      </c>
      <c r="L76" s="79">
        <v>4</v>
      </c>
      <c r="M76" s="80">
        <v>3</v>
      </c>
    </row>
    <row r="77" spans="1:13">
      <c r="A77" s="27" t="s">
        <v>7</v>
      </c>
      <c r="B77" s="67">
        <v>2</v>
      </c>
      <c r="C77" s="68">
        <v>1</v>
      </c>
      <c r="D77" s="68">
        <v>1</v>
      </c>
      <c r="E77" s="67">
        <v>0</v>
      </c>
      <c r="F77" s="68">
        <v>0</v>
      </c>
      <c r="G77" s="69">
        <v>0</v>
      </c>
      <c r="H77" s="68">
        <v>7</v>
      </c>
      <c r="I77" s="68">
        <v>3</v>
      </c>
      <c r="J77" s="68">
        <v>4</v>
      </c>
      <c r="K77" s="67">
        <v>5</v>
      </c>
      <c r="L77" s="79">
        <v>2</v>
      </c>
      <c r="M77" s="80">
        <v>3</v>
      </c>
    </row>
    <row r="78" spans="1:13">
      <c r="A78" s="27" t="s">
        <v>9</v>
      </c>
      <c r="B78" s="67">
        <v>6</v>
      </c>
      <c r="C78" s="68">
        <v>5</v>
      </c>
      <c r="D78" s="68">
        <v>1</v>
      </c>
      <c r="E78" s="67">
        <v>0</v>
      </c>
      <c r="F78" s="68">
        <v>0</v>
      </c>
      <c r="G78" s="69">
        <v>0</v>
      </c>
      <c r="H78" s="68">
        <v>10</v>
      </c>
      <c r="I78" s="68">
        <v>6</v>
      </c>
      <c r="J78" s="68">
        <v>4</v>
      </c>
      <c r="K78" s="67">
        <v>4</v>
      </c>
      <c r="L78" s="79">
        <v>1</v>
      </c>
      <c r="M78" s="80">
        <v>3</v>
      </c>
    </row>
    <row r="79" spans="1:13">
      <c r="A79" s="27" t="s">
        <v>11</v>
      </c>
      <c r="B79" s="67">
        <v>3</v>
      </c>
      <c r="C79" s="68">
        <v>3</v>
      </c>
      <c r="D79" s="68">
        <v>0</v>
      </c>
      <c r="E79" s="67">
        <v>0</v>
      </c>
      <c r="F79" s="68">
        <v>0</v>
      </c>
      <c r="G79" s="69">
        <v>0</v>
      </c>
      <c r="H79" s="68">
        <v>11</v>
      </c>
      <c r="I79" s="68">
        <v>7</v>
      </c>
      <c r="J79" s="68">
        <v>4</v>
      </c>
      <c r="K79" s="67">
        <v>8</v>
      </c>
      <c r="L79" s="79">
        <v>4</v>
      </c>
      <c r="M79" s="80">
        <v>4</v>
      </c>
    </row>
    <row r="80" spans="1:13">
      <c r="A80" s="27" t="s">
        <v>13</v>
      </c>
      <c r="B80" s="67">
        <v>1</v>
      </c>
      <c r="C80" s="68">
        <v>4</v>
      </c>
      <c r="D80" s="68">
        <v>-3</v>
      </c>
      <c r="E80" s="67">
        <v>1</v>
      </c>
      <c r="F80" s="68">
        <v>1</v>
      </c>
      <c r="G80" s="69">
        <v>0</v>
      </c>
      <c r="H80" s="68">
        <v>9</v>
      </c>
      <c r="I80" s="68">
        <v>7</v>
      </c>
      <c r="J80" s="68">
        <v>2</v>
      </c>
      <c r="K80" s="67">
        <v>7</v>
      </c>
      <c r="L80" s="79">
        <v>2</v>
      </c>
      <c r="M80" s="80">
        <v>5</v>
      </c>
    </row>
    <row r="81" spans="1:13" ht="21" customHeight="1">
      <c r="A81" s="38" t="s">
        <v>15</v>
      </c>
      <c r="B81" s="64">
        <v>1</v>
      </c>
      <c r="C81" s="65">
        <v>4</v>
      </c>
      <c r="D81" s="65">
        <v>-3</v>
      </c>
      <c r="E81" s="64">
        <v>2</v>
      </c>
      <c r="F81" s="65">
        <v>2</v>
      </c>
      <c r="G81" s="66">
        <v>0</v>
      </c>
      <c r="H81" s="65">
        <v>20</v>
      </c>
      <c r="I81" s="65">
        <v>13</v>
      </c>
      <c r="J81" s="65">
        <v>7</v>
      </c>
      <c r="K81" s="64">
        <v>17</v>
      </c>
      <c r="L81" s="77">
        <v>7</v>
      </c>
      <c r="M81" s="78">
        <v>10</v>
      </c>
    </row>
    <row r="82" spans="1:13">
      <c r="A82" s="27" t="s">
        <v>17</v>
      </c>
      <c r="B82" s="67">
        <v>-2</v>
      </c>
      <c r="C82" s="68">
        <v>-2</v>
      </c>
      <c r="D82" s="68">
        <v>0</v>
      </c>
      <c r="E82" s="67">
        <v>1</v>
      </c>
      <c r="F82" s="68">
        <v>1</v>
      </c>
      <c r="G82" s="69">
        <v>0</v>
      </c>
      <c r="H82" s="68">
        <v>2</v>
      </c>
      <c r="I82" s="68">
        <v>0</v>
      </c>
      <c r="J82" s="68">
        <v>2</v>
      </c>
      <c r="K82" s="67">
        <v>3</v>
      </c>
      <c r="L82" s="79">
        <v>1</v>
      </c>
      <c r="M82" s="80">
        <v>2</v>
      </c>
    </row>
    <row r="83" spans="1:13">
      <c r="A83" s="27" t="s">
        <v>19</v>
      </c>
      <c r="B83" s="67">
        <v>1</v>
      </c>
      <c r="C83" s="68">
        <v>4</v>
      </c>
      <c r="D83" s="68">
        <v>-3</v>
      </c>
      <c r="E83" s="67">
        <v>0</v>
      </c>
      <c r="F83" s="68">
        <v>0</v>
      </c>
      <c r="G83" s="69">
        <v>0</v>
      </c>
      <c r="H83" s="68">
        <v>6</v>
      </c>
      <c r="I83" s="68">
        <v>6</v>
      </c>
      <c r="J83" s="68">
        <v>0</v>
      </c>
      <c r="K83" s="67">
        <v>5</v>
      </c>
      <c r="L83" s="79">
        <v>2</v>
      </c>
      <c r="M83" s="80">
        <v>3</v>
      </c>
    </row>
    <row r="84" spans="1:13">
      <c r="A84" s="27" t="s">
        <v>21</v>
      </c>
      <c r="B84" s="67">
        <v>-1</v>
      </c>
      <c r="C84" s="68">
        <v>-1</v>
      </c>
      <c r="D84" s="68">
        <v>0</v>
      </c>
      <c r="E84" s="67">
        <v>1</v>
      </c>
      <c r="F84" s="68">
        <v>1</v>
      </c>
      <c r="G84" s="69">
        <v>0</v>
      </c>
      <c r="H84" s="68">
        <v>1</v>
      </c>
      <c r="I84" s="68">
        <v>1</v>
      </c>
      <c r="J84" s="68">
        <v>0</v>
      </c>
      <c r="K84" s="67">
        <v>1</v>
      </c>
      <c r="L84" s="79">
        <v>1</v>
      </c>
      <c r="M84" s="80">
        <v>0</v>
      </c>
    </row>
    <row r="85" spans="1:13">
      <c r="A85" s="27" t="s">
        <v>23</v>
      </c>
      <c r="B85" s="67">
        <v>3</v>
      </c>
      <c r="C85" s="68">
        <v>3</v>
      </c>
      <c r="D85" s="68">
        <v>0</v>
      </c>
      <c r="E85" s="67">
        <v>0</v>
      </c>
      <c r="F85" s="68">
        <v>0</v>
      </c>
      <c r="G85" s="69">
        <v>0</v>
      </c>
      <c r="H85" s="68">
        <v>8</v>
      </c>
      <c r="I85" s="68">
        <v>5</v>
      </c>
      <c r="J85" s="68">
        <v>3</v>
      </c>
      <c r="K85" s="67">
        <v>5</v>
      </c>
      <c r="L85" s="79">
        <v>2</v>
      </c>
      <c r="M85" s="80">
        <v>3</v>
      </c>
    </row>
    <row r="86" spans="1:13">
      <c r="A86" s="27" t="s">
        <v>25</v>
      </c>
      <c r="B86" s="67">
        <v>0</v>
      </c>
      <c r="C86" s="68">
        <v>0</v>
      </c>
      <c r="D86" s="68">
        <v>0</v>
      </c>
      <c r="E86" s="67">
        <v>0</v>
      </c>
      <c r="F86" s="68">
        <v>0</v>
      </c>
      <c r="G86" s="69">
        <v>0</v>
      </c>
      <c r="H86" s="68">
        <v>3</v>
      </c>
      <c r="I86" s="68">
        <v>1</v>
      </c>
      <c r="J86" s="68">
        <v>2</v>
      </c>
      <c r="K86" s="67">
        <v>3</v>
      </c>
      <c r="L86" s="79">
        <v>1</v>
      </c>
      <c r="M86" s="80">
        <v>2</v>
      </c>
    </row>
    <row r="87" spans="1:13" ht="21" customHeight="1">
      <c r="A87" s="38" t="s">
        <v>27</v>
      </c>
      <c r="B87" s="64">
        <v>6</v>
      </c>
      <c r="C87" s="65">
        <v>0</v>
      </c>
      <c r="D87" s="65">
        <v>6</v>
      </c>
      <c r="E87" s="64">
        <v>6</v>
      </c>
      <c r="F87" s="65">
        <v>6</v>
      </c>
      <c r="G87" s="66">
        <v>0</v>
      </c>
      <c r="H87" s="65">
        <v>25</v>
      </c>
      <c r="I87" s="65">
        <v>15</v>
      </c>
      <c r="J87" s="65">
        <v>10</v>
      </c>
      <c r="K87" s="64">
        <v>13</v>
      </c>
      <c r="L87" s="77">
        <v>9</v>
      </c>
      <c r="M87" s="78">
        <v>4</v>
      </c>
    </row>
    <row r="88" spans="1:13">
      <c r="A88" s="27" t="s">
        <v>29</v>
      </c>
      <c r="B88" s="67">
        <v>4</v>
      </c>
      <c r="C88" s="68">
        <v>1</v>
      </c>
      <c r="D88" s="68">
        <v>3</v>
      </c>
      <c r="E88" s="67">
        <v>2</v>
      </c>
      <c r="F88" s="68">
        <v>2</v>
      </c>
      <c r="G88" s="69">
        <v>0</v>
      </c>
      <c r="H88" s="68">
        <v>9</v>
      </c>
      <c r="I88" s="68">
        <v>5</v>
      </c>
      <c r="J88" s="68">
        <v>4</v>
      </c>
      <c r="K88" s="67">
        <v>3</v>
      </c>
      <c r="L88" s="79">
        <v>2</v>
      </c>
      <c r="M88" s="80">
        <v>1</v>
      </c>
    </row>
    <row r="89" spans="1:13">
      <c r="A89" s="27" t="s">
        <v>31</v>
      </c>
      <c r="B89" s="67">
        <v>1</v>
      </c>
      <c r="C89" s="68">
        <v>0</v>
      </c>
      <c r="D89" s="68">
        <v>1</v>
      </c>
      <c r="E89" s="67">
        <v>3</v>
      </c>
      <c r="F89" s="68">
        <v>3</v>
      </c>
      <c r="G89" s="69">
        <v>0</v>
      </c>
      <c r="H89" s="68">
        <v>5</v>
      </c>
      <c r="I89" s="68">
        <v>4</v>
      </c>
      <c r="J89" s="68">
        <v>1</v>
      </c>
      <c r="K89" s="67">
        <v>1</v>
      </c>
      <c r="L89" s="79">
        <v>1</v>
      </c>
      <c r="M89" s="80">
        <v>0</v>
      </c>
    </row>
    <row r="90" spans="1:13">
      <c r="A90" s="27" t="s">
        <v>33</v>
      </c>
      <c r="B90" s="67">
        <v>-3</v>
      </c>
      <c r="C90" s="68">
        <v>-1</v>
      </c>
      <c r="D90" s="68">
        <v>-2</v>
      </c>
      <c r="E90" s="67">
        <v>0</v>
      </c>
      <c r="F90" s="68">
        <v>0</v>
      </c>
      <c r="G90" s="69">
        <v>0</v>
      </c>
      <c r="H90" s="68">
        <v>1</v>
      </c>
      <c r="I90" s="68">
        <v>1</v>
      </c>
      <c r="J90" s="68">
        <v>0</v>
      </c>
      <c r="K90" s="67">
        <v>4</v>
      </c>
      <c r="L90" s="79">
        <v>2</v>
      </c>
      <c r="M90" s="80">
        <v>2</v>
      </c>
    </row>
    <row r="91" spans="1:13">
      <c r="A91" s="27" t="s">
        <v>35</v>
      </c>
      <c r="B91" s="67">
        <v>4</v>
      </c>
      <c r="C91" s="68">
        <v>1</v>
      </c>
      <c r="D91" s="68">
        <v>3</v>
      </c>
      <c r="E91" s="67">
        <v>0</v>
      </c>
      <c r="F91" s="68">
        <v>0</v>
      </c>
      <c r="G91" s="69">
        <v>0</v>
      </c>
      <c r="H91" s="68">
        <v>7</v>
      </c>
      <c r="I91" s="68">
        <v>4</v>
      </c>
      <c r="J91" s="68">
        <v>3</v>
      </c>
      <c r="K91" s="67">
        <v>3</v>
      </c>
      <c r="L91" s="79">
        <v>3</v>
      </c>
      <c r="M91" s="80">
        <v>0</v>
      </c>
    </row>
    <row r="92" spans="1:13">
      <c r="A92" s="27" t="s">
        <v>37</v>
      </c>
      <c r="B92" s="67">
        <v>0</v>
      </c>
      <c r="C92" s="68">
        <v>-1</v>
      </c>
      <c r="D92" s="68">
        <v>1</v>
      </c>
      <c r="E92" s="67">
        <v>1</v>
      </c>
      <c r="F92" s="68">
        <v>1</v>
      </c>
      <c r="G92" s="69">
        <v>0</v>
      </c>
      <c r="H92" s="68">
        <v>3</v>
      </c>
      <c r="I92" s="68">
        <v>1</v>
      </c>
      <c r="J92" s="68">
        <v>2</v>
      </c>
      <c r="K92" s="67">
        <v>2</v>
      </c>
      <c r="L92" s="79">
        <v>1</v>
      </c>
      <c r="M92" s="80">
        <v>1</v>
      </c>
    </row>
    <row r="93" spans="1:13" ht="21" customHeight="1">
      <c r="A93" s="38" t="s">
        <v>39</v>
      </c>
      <c r="B93" s="64">
        <v>-6</v>
      </c>
      <c r="C93" s="65">
        <v>-1</v>
      </c>
      <c r="D93" s="65">
        <v>-5</v>
      </c>
      <c r="E93" s="64">
        <v>7</v>
      </c>
      <c r="F93" s="65">
        <v>4</v>
      </c>
      <c r="G93" s="66">
        <v>3</v>
      </c>
      <c r="H93" s="65">
        <v>8</v>
      </c>
      <c r="I93" s="65">
        <v>7</v>
      </c>
      <c r="J93" s="65">
        <v>1</v>
      </c>
      <c r="K93" s="64">
        <v>7</v>
      </c>
      <c r="L93" s="77">
        <v>4</v>
      </c>
      <c r="M93" s="78">
        <v>3</v>
      </c>
    </row>
    <row r="94" spans="1:13">
      <c r="A94" s="27" t="s">
        <v>41</v>
      </c>
      <c r="B94" s="67">
        <v>0</v>
      </c>
      <c r="C94" s="68">
        <v>0</v>
      </c>
      <c r="D94" s="68">
        <v>0</v>
      </c>
      <c r="E94" s="67">
        <v>1</v>
      </c>
      <c r="F94" s="68">
        <v>1</v>
      </c>
      <c r="G94" s="69">
        <v>0</v>
      </c>
      <c r="H94" s="68">
        <v>2</v>
      </c>
      <c r="I94" s="68">
        <v>2</v>
      </c>
      <c r="J94" s="68">
        <v>0</v>
      </c>
      <c r="K94" s="67">
        <v>1</v>
      </c>
      <c r="L94" s="79">
        <v>1</v>
      </c>
      <c r="M94" s="80">
        <v>0</v>
      </c>
    </row>
    <row r="95" spans="1:13">
      <c r="A95" s="27" t="s">
        <v>43</v>
      </c>
      <c r="B95" s="67">
        <v>-3</v>
      </c>
      <c r="C95" s="68">
        <v>0</v>
      </c>
      <c r="D95" s="68">
        <v>-3</v>
      </c>
      <c r="E95" s="67">
        <v>3</v>
      </c>
      <c r="F95" s="68">
        <v>1</v>
      </c>
      <c r="G95" s="69">
        <v>2</v>
      </c>
      <c r="H95" s="68">
        <v>1</v>
      </c>
      <c r="I95" s="68">
        <v>1</v>
      </c>
      <c r="J95" s="68">
        <v>0</v>
      </c>
      <c r="K95" s="67">
        <v>1</v>
      </c>
      <c r="L95" s="79">
        <v>0</v>
      </c>
      <c r="M95" s="80">
        <v>1</v>
      </c>
    </row>
    <row r="96" spans="1:13">
      <c r="A96" s="27" t="s">
        <v>45</v>
      </c>
      <c r="B96" s="67">
        <v>-1</v>
      </c>
      <c r="C96" s="68">
        <v>0</v>
      </c>
      <c r="D96" s="68">
        <v>-1</v>
      </c>
      <c r="E96" s="67">
        <v>1</v>
      </c>
      <c r="F96" s="68">
        <v>0</v>
      </c>
      <c r="G96" s="69">
        <v>1</v>
      </c>
      <c r="H96" s="68">
        <v>1</v>
      </c>
      <c r="I96" s="68">
        <v>1</v>
      </c>
      <c r="J96" s="68">
        <v>0</v>
      </c>
      <c r="K96" s="67">
        <v>1</v>
      </c>
      <c r="L96" s="79">
        <v>1</v>
      </c>
      <c r="M96" s="80">
        <v>0</v>
      </c>
    </row>
    <row r="97" spans="1:13">
      <c r="A97" s="27" t="s">
        <v>47</v>
      </c>
      <c r="B97" s="67">
        <v>0</v>
      </c>
      <c r="C97" s="68">
        <v>1</v>
      </c>
      <c r="D97" s="68">
        <v>-1</v>
      </c>
      <c r="E97" s="67">
        <v>1</v>
      </c>
      <c r="F97" s="68">
        <v>1</v>
      </c>
      <c r="G97" s="69">
        <v>0</v>
      </c>
      <c r="H97" s="68">
        <v>3</v>
      </c>
      <c r="I97" s="68">
        <v>2</v>
      </c>
      <c r="J97" s="68">
        <v>1</v>
      </c>
      <c r="K97" s="67">
        <v>2</v>
      </c>
      <c r="L97" s="79">
        <v>0</v>
      </c>
      <c r="M97" s="80">
        <v>2</v>
      </c>
    </row>
    <row r="98" spans="1:13">
      <c r="A98" s="27" t="s">
        <v>49</v>
      </c>
      <c r="B98" s="67">
        <v>-2</v>
      </c>
      <c r="C98" s="68">
        <v>-2</v>
      </c>
      <c r="D98" s="68">
        <v>0</v>
      </c>
      <c r="E98" s="67">
        <v>1</v>
      </c>
      <c r="F98" s="68">
        <v>1</v>
      </c>
      <c r="G98" s="69">
        <v>0</v>
      </c>
      <c r="H98" s="68">
        <v>1</v>
      </c>
      <c r="I98" s="68">
        <v>1</v>
      </c>
      <c r="J98" s="68">
        <v>0</v>
      </c>
      <c r="K98" s="67">
        <v>2</v>
      </c>
      <c r="L98" s="79">
        <v>2</v>
      </c>
      <c r="M98" s="80">
        <v>0</v>
      </c>
    </row>
    <row r="99" spans="1:13" ht="21" customHeight="1">
      <c r="A99" s="38" t="s">
        <v>51</v>
      </c>
      <c r="B99" s="64">
        <v>6</v>
      </c>
      <c r="C99" s="65">
        <v>-2</v>
      </c>
      <c r="D99" s="65">
        <v>8</v>
      </c>
      <c r="E99" s="64">
        <v>9</v>
      </c>
      <c r="F99" s="65">
        <v>8</v>
      </c>
      <c r="G99" s="66">
        <v>1</v>
      </c>
      <c r="H99" s="65">
        <v>20</v>
      </c>
      <c r="I99" s="65">
        <v>10</v>
      </c>
      <c r="J99" s="65">
        <v>10</v>
      </c>
      <c r="K99" s="64">
        <v>5</v>
      </c>
      <c r="L99" s="77">
        <v>4</v>
      </c>
      <c r="M99" s="78">
        <v>1</v>
      </c>
    </row>
    <row r="100" spans="1:13">
      <c r="A100" s="27" t="s">
        <v>53</v>
      </c>
      <c r="B100" s="67">
        <v>2</v>
      </c>
      <c r="C100" s="68">
        <v>0</v>
      </c>
      <c r="D100" s="68">
        <v>2</v>
      </c>
      <c r="E100" s="67">
        <v>1</v>
      </c>
      <c r="F100" s="68">
        <v>1</v>
      </c>
      <c r="G100" s="69">
        <v>0</v>
      </c>
      <c r="H100" s="68">
        <v>4</v>
      </c>
      <c r="I100" s="68">
        <v>2</v>
      </c>
      <c r="J100" s="68">
        <v>2</v>
      </c>
      <c r="K100" s="67">
        <v>1</v>
      </c>
      <c r="L100" s="79">
        <v>1</v>
      </c>
      <c r="M100" s="80">
        <v>0</v>
      </c>
    </row>
    <row r="101" spans="1:13">
      <c r="A101" s="27" t="s">
        <v>55</v>
      </c>
      <c r="B101" s="67">
        <v>3</v>
      </c>
      <c r="C101" s="68">
        <v>1</v>
      </c>
      <c r="D101" s="68">
        <v>2</v>
      </c>
      <c r="E101" s="67">
        <v>1</v>
      </c>
      <c r="F101" s="68">
        <v>1</v>
      </c>
      <c r="G101" s="69">
        <v>0</v>
      </c>
      <c r="H101" s="68">
        <v>4</v>
      </c>
      <c r="I101" s="68">
        <v>2</v>
      </c>
      <c r="J101" s="68">
        <v>2</v>
      </c>
      <c r="K101" s="67">
        <v>0</v>
      </c>
      <c r="L101" s="79">
        <v>0</v>
      </c>
      <c r="M101" s="80">
        <v>0</v>
      </c>
    </row>
    <row r="102" spans="1:13">
      <c r="A102" s="27" t="s">
        <v>57</v>
      </c>
      <c r="B102" s="67">
        <v>2</v>
      </c>
      <c r="C102" s="68">
        <v>0</v>
      </c>
      <c r="D102" s="68">
        <v>2</v>
      </c>
      <c r="E102" s="67">
        <v>0</v>
      </c>
      <c r="F102" s="68">
        <v>0</v>
      </c>
      <c r="G102" s="69">
        <v>0</v>
      </c>
      <c r="H102" s="68">
        <v>2</v>
      </c>
      <c r="I102" s="68">
        <v>0</v>
      </c>
      <c r="J102" s="68">
        <v>2</v>
      </c>
      <c r="K102" s="67">
        <v>0</v>
      </c>
      <c r="L102" s="79">
        <v>0</v>
      </c>
      <c r="M102" s="80">
        <v>0</v>
      </c>
    </row>
    <row r="103" spans="1:13">
      <c r="A103" s="27" t="s">
        <v>59</v>
      </c>
      <c r="B103" s="67">
        <v>0</v>
      </c>
      <c r="C103" s="68">
        <v>-2</v>
      </c>
      <c r="D103" s="68">
        <v>2</v>
      </c>
      <c r="E103" s="67">
        <v>4</v>
      </c>
      <c r="F103" s="68">
        <v>4</v>
      </c>
      <c r="G103" s="69">
        <v>0</v>
      </c>
      <c r="H103" s="68">
        <v>5</v>
      </c>
      <c r="I103" s="68">
        <v>3</v>
      </c>
      <c r="J103" s="68">
        <v>2</v>
      </c>
      <c r="K103" s="67">
        <v>1</v>
      </c>
      <c r="L103" s="79">
        <v>1</v>
      </c>
      <c r="M103" s="80">
        <v>0</v>
      </c>
    </row>
    <row r="104" spans="1:13">
      <c r="A104" s="27" t="s">
        <v>61</v>
      </c>
      <c r="B104" s="67">
        <v>-1</v>
      </c>
      <c r="C104" s="68">
        <v>-1</v>
      </c>
      <c r="D104" s="68">
        <v>0</v>
      </c>
      <c r="E104" s="67">
        <v>3</v>
      </c>
      <c r="F104" s="68">
        <v>2</v>
      </c>
      <c r="G104" s="69">
        <v>1</v>
      </c>
      <c r="H104" s="68">
        <v>5</v>
      </c>
      <c r="I104" s="68">
        <v>3</v>
      </c>
      <c r="J104" s="68">
        <v>2</v>
      </c>
      <c r="K104" s="67">
        <v>3</v>
      </c>
      <c r="L104" s="79">
        <v>2</v>
      </c>
      <c r="M104" s="80">
        <v>1</v>
      </c>
    </row>
    <row r="105" spans="1:13" ht="21" customHeight="1">
      <c r="A105" s="38" t="s">
        <v>63</v>
      </c>
      <c r="B105" s="64">
        <v>-29</v>
      </c>
      <c r="C105" s="65">
        <v>-14</v>
      </c>
      <c r="D105" s="65">
        <v>-15</v>
      </c>
      <c r="E105" s="64">
        <v>26</v>
      </c>
      <c r="F105" s="65">
        <v>13</v>
      </c>
      <c r="G105" s="66">
        <v>13</v>
      </c>
      <c r="H105" s="65">
        <v>4</v>
      </c>
      <c r="I105" s="65">
        <v>2</v>
      </c>
      <c r="J105" s="65">
        <v>2</v>
      </c>
      <c r="K105" s="64">
        <v>7</v>
      </c>
      <c r="L105" s="77">
        <v>3</v>
      </c>
      <c r="M105" s="78">
        <v>4</v>
      </c>
    </row>
    <row r="106" spans="1:13">
      <c r="A106" s="27" t="s">
        <v>65</v>
      </c>
      <c r="B106" s="67">
        <v>-7</v>
      </c>
      <c r="C106" s="68">
        <v>-3</v>
      </c>
      <c r="D106" s="68">
        <v>-4</v>
      </c>
      <c r="E106" s="67">
        <v>4</v>
      </c>
      <c r="F106" s="68">
        <v>1</v>
      </c>
      <c r="G106" s="69">
        <v>3</v>
      </c>
      <c r="H106" s="68">
        <v>0</v>
      </c>
      <c r="I106" s="68">
        <v>0</v>
      </c>
      <c r="J106" s="68">
        <v>0</v>
      </c>
      <c r="K106" s="67">
        <v>3</v>
      </c>
      <c r="L106" s="79">
        <v>2</v>
      </c>
      <c r="M106" s="80">
        <v>1</v>
      </c>
    </row>
    <row r="107" spans="1:13">
      <c r="A107" s="27" t="s">
        <v>67</v>
      </c>
      <c r="B107" s="67">
        <v>-2</v>
      </c>
      <c r="C107" s="68">
        <v>-1</v>
      </c>
      <c r="D107" s="68">
        <v>-1</v>
      </c>
      <c r="E107" s="67">
        <v>3</v>
      </c>
      <c r="F107" s="68">
        <v>2</v>
      </c>
      <c r="G107" s="69">
        <v>1</v>
      </c>
      <c r="H107" s="68">
        <v>1</v>
      </c>
      <c r="I107" s="68">
        <v>1</v>
      </c>
      <c r="J107" s="68">
        <v>0</v>
      </c>
      <c r="K107" s="67">
        <v>0</v>
      </c>
      <c r="L107" s="79">
        <v>0</v>
      </c>
      <c r="M107" s="80">
        <v>0</v>
      </c>
    </row>
    <row r="108" spans="1:13">
      <c r="A108" s="27" t="s">
        <v>69</v>
      </c>
      <c r="B108" s="67">
        <v>-7</v>
      </c>
      <c r="C108" s="68">
        <v>-3</v>
      </c>
      <c r="D108" s="68">
        <v>-4</v>
      </c>
      <c r="E108" s="67">
        <v>7</v>
      </c>
      <c r="F108" s="68">
        <v>3</v>
      </c>
      <c r="G108" s="69">
        <v>4</v>
      </c>
      <c r="H108" s="68">
        <v>1</v>
      </c>
      <c r="I108" s="68">
        <v>0</v>
      </c>
      <c r="J108" s="68">
        <v>1</v>
      </c>
      <c r="K108" s="67">
        <v>1</v>
      </c>
      <c r="L108" s="79">
        <v>0</v>
      </c>
      <c r="M108" s="80">
        <v>1</v>
      </c>
    </row>
    <row r="109" spans="1:13">
      <c r="A109" s="27" t="s">
        <v>71</v>
      </c>
      <c r="B109" s="67">
        <v>-6</v>
      </c>
      <c r="C109" s="68">
        <v>-3</v>
      </c>
      <c r="D109" s="68">
        <v>-3</v>
      </c>
      <c r="E109" s="67">
        <v>6</v>
      </c>
      <c r="F109" s="68">
        <v>4</v>
      </c>
      <c r="G109" s="69">
        <v>2</v>
      </c>
      <c r="H109" s="68">
        <v>1</v>
      </c>
      <c r="I109" s="68">
        <v>1</v>
      </c>
      <c r="J109" s="68">
        <v>0</v>
      </c>
      <c r="K109" s="67">
        <v>1</v>
      </c>
      <c r="L109" s="79">
        <v>0</v>
      </c>
      <c r="M109" s="80">
        <v>1</v>
      </c>
    </row>
    <row r="110" spans="1:13">
      <c r="A110" s="27" t="s">
        <v>73</v>
      </c>
      <c r="B110" s="67">
        <v>-7</v>
      </c>
      <c r="C110" s="68">
        <v>-4</v>
      </c>
      <c r="D110" s="68">
        <v>-3</v>
      </c>
      <c r="E110" s="67">
        <v>6</v>
      </c>
      <c r="F110" s="68">
        <v>3</v>
      </c>
      <c r="G110" s="69">
        <v>3</v>
      </c>
      <c r="H110" s="68">
        <v>1</v>
      </c>
      <c r="I110" s="68">
        <v>0</v>
      </c>
      <c r="J110" s="68">
        <v>1</v>
      </c>
      <c r="K110" s="67">
        <v>2</v>
      </c>
      <c r="L110" s="79">
        <v>1</v>
      </c>
      <c r="M110" s="80">
        <v>1</v>
      </c>
    </row>
    <row r="111" spans="1:13" ht="21" customHeight="1">
      <c r="A111" s="38" t="s">
        <v>75</v>
      </c>
      <c r="B111" s="64">
        <v>-36</v>
      </c>
      <c r="C111" s="65">
        <v>-23</v>
      </c>
      <c r="D111" s="65">
        <v>-13</v>
      </c>
      <c r="E111" s="64">
        <v>37</v>
      </c>
      <c r="F111" s="65">
        <v>23</v>
      </c>
      <c r="G111" s="66">
        <v>14</v>
      </c>
      <c r="H111" s="65">
        <v>7</v>
      </c>
      <c r="I111" s="65">
        <v>3</v>
      </c>
      <c r="J111" s="65">
        <v>4</v>
      </c>
      <c r="K111" s="64">
        <v>6</v>
      </c>
      <c r="L111" s="77">
        <v>3</v>
      </c>
      <c r="M111" s="78">
        <v>3</v>
      </c>
    </row>
    <row r="112" spans="1:13">
      <c r="A112" s="27" t="s">
        <v>77</v>
      </c>
      <c r="B112" s="67">
        <v>-9</v>
      </c>
      <c r="C112" s="68">
        <v>-6</v>
      </c>
      <c r="D112" s="68">
        <v>-3</v>
      </c>
      <c r="E112" s="67">
        <v>8</v>
      </c>
      <c r="F112" s="68">
        <v>5</v>
      </c>
      <c r="G112" s="69">
        <v>3</v>
      </c>
      <c r="H112" s="68">
        <v>0</v>
      </c>
      <c r="I112" s="68">
        <v>0</v>
      </c>
      <c r="J112" s="68">
        <v>0</v>
      </c>
      <c r="K112" s="67">
        <v>1</v>
      </c>
      <c r="L112" s="79">
        <v>1</v>
      </c>
      <c r="M112" s="80">
        <v>0</v>
      </c>
    </row>
    <row r="113" spans="1:13">
      <c r="A113" s="27" t="s">
        <v>79</v>
      </c>
      <c r="B113" s="67">
        <v>-13</v>
      </c>
      <c r="C113" s="68">
        <v>-6</v>
      </c>
      <c r="D113" s="68">
        <v>-7</v>
      </c>
      <c r="E113" s="67">
        <v>11</v>
      </c>
      <c r="F113" s="68">
        <v>7</v>
      </c>
      <c r="G113" s="69">
        <v>4</v>
      </c>
      <c r="H113" s="68">
        <v>2</v>
      </c>
      <c r="I113" s="68">
        <v>2</v>
      </c>
      <c r="J113" s="68">
        <v>0</v>
      </c>
      <c r="K113" s="67">
        <v>4</v>
      </c>
      <c r="L113" s="79">
        <v>1</v>
      </c>
      <c r="M113" s="80">
        <v>3</v>
      </c>
    </row>
    <row r="114" spans="1:13">
      <c r="A114" s="27" t="s">
        <v>81</v>
      </c>
      <c r="B114" s="67">
        <v>-7</v>
      </c>
      <c r="C114" s="68">
        <v>-4</v>
      </c>
      <c r="D114" s="68">
        <v>-3</v>
      </c>
      <c r="E114" s="67">
        <v>7</v>
      </c>
      <c r="F114" s="68">
        <v>3</v>
      </c>
      <c r="G114" s="69">
        <v>4</v>
      </c>
      <c r="H114" s="68">
        <v>1</v>
      </c>
      <c r="I114" s="68">
        <v>0</v>
      </c>
      <c r="J114" s="68">
        <v>1</v>
      </c>
      <c r="K114" s="67">
        <v>1</v>
      </c>
      <c r="L114" s="79">
        <v>1</v>
      </c>
      <c r="M114" s="80">
        <v>0</v>
      </c>
    </row>
    <row r="115" spans="1:13">
      <c r="A115" s="27" t="s">
        <v>83</v>
      </c>
      <c r="B115" s="67">
        <v>0</v>
      </c>
      <c r="C115" s="68">
        <v>0</v>
      </c>
      <c r="D115" s="68">
        <v>0</v>
      </c>
      <c r="E115" s="67">
        <v>3</v>
      </c>
      <c r="F115" s="68">
        <v>1</v>
      </c>
      <c r="G115" s="69">
        <v>2</v>
      </c>
      <c r="H115" s="68">
        <v>3</v>
      </c>
      <c r="I115" s="68">
        <v>1</v>
      </c>
      <c r="J115" s="68">
        <v>2</v>
      </c>
      <c r="K115" s="67">
        <v>0</v>
      </c>
      <c r="L115" s="79">
        <v>0</v>
      </c>
      <c r="M115" s="80">
        <v>0</v>
      </c>
    </row>
    <row r="116" spans="1:13">
      <c r="A116" s="27" t="s">
        <v>85</v>
      </c>
      <c r="B116" s="67">
        <v>-7</v>
      </c>
      <c r="C116" s="68">
        <v>-7</v>
      </c>
      <c r="D116" s="68">
        <v>0</v>
      </c>
      <c r="E116" s="67">
        <v>8</v>
      </c>
      <c r="F116" s="68">
        <v>7</v>
      </c>
      <c r="G116" s="69">
        <v>1</v>
      </c>
      <c r="H116" s="68">
        <v>1</v>
      </c>
      <c r="I116" s="68">
        <v>0</v>
      </c>
      <c r="J116" s="68">
        <v>1</v>
      </c>
      <c r="K116" s="67">
        <v>0</v>
      </c>
      <c r="L116" s="79">
        <v>0</v>
      </c>
      <c r="M116" s="80">
        <v>0</v>
      </c>
    </row>
    <row r="117" spans="1:13" ht="21" customHeight="1">
      <c r="A117" s="38" t="s">
        <v>87</v>
      </c>
      <c r="B117" s="64">
        <v>-39</v>
      </c>
      <c r="C117" s="65">
        <v>-24</v>
      </c>
      <c r="D117" s="65">
        <v>-15</v>
      </c>
      <c r="E117" s="64">
        <v>43</v>
      </c>
      <c r="F117" s="65">
        <v>26</v>
      </c>
      <c r="G117" s="66">
        <v>17</v>
      </c>
      <c r="H117" s="65">
        <v>9</v>
      </c>
      <c r="I117" s="65">
        <v>2</v>
      </c>
      <c r="J117" s="65">
        <v>7</v>
      </c>
      <c r="K117" s="64">
        <v>5</v>
      </c>
      <c r="L117" s="77">
        <v>0</v>
      </c>
      <c r="M117" s="78">
        <v>5</v>
      </c>
    </row>
    <row r="118" spans="1:13">
      <c r="A118" s="27" t="s">
        <v>89</v>
      </c>
      <c r="B118" s="67">
        <v>-9</v>
      </c>
      <c r="C118" s="68">
        <v>-5</v>
      </c>
      <c r="D118" s="68">
        <v>-4</v>
      </c>
      <c r="E118" s="67">
        <v>7</v>
      </c>
      <c r="F118" s="68">
        <v>5</v>
      </c>
      <c r="G118" s="69">
        <v>2</v>
      </c>
      <c r="H118" s="68">
        <v>0</v>
      </c>
      <c r="I118" s="68">
        <v>0</v>
      </c>
      <c r="J118" s="68">
        <v>0</v>
      </c>
      <c r="K118" s="67">
        <v>2</v>
      </c>
      <c r="L118" s="79">
        <v>0</v>
      </c>
      <c r="M118" s="80">
        <v>2</v>
      </c>
    </row>
    <row r="119" spans="1:13">
      <c r="A119" s="27" t="s">
        <v>91</v>
      </c>
      <c r="B119" s="67">
        <v>-7</v>
      </c>
      <c r="C119" s="68">
        <v>-3</v>
      </c>
      <c r="D119" s="68">
        <v>-4</v>
      </c>
      <c r="E119" s="67">
        <v>8</v>
      </c>
      <c r="F119" s="68">
        <v>4</v>
      </c>
      <c r="G119" s="69">
        <v>4</v>
      </c>
      <c r="H119" s="68">
        <v>2</v>
      </c>
      <c r="I119" s="68">
        <v>1</v>
      </c>
      <c r="J119" s="68">
        <v>1</v>
      </c>
      <c r="K119" s="67">
        <v>1</v>
      </c>
      <c r="L119" s="79">
        <v>0</v>
      </c>
      <c r="M119" s="80">
        <v>1</v>
      </c>
    </row>
    <row r="120" spans="1:13">
      <c r="A120" s="27" t="s">
        <v>93</v>
      </c>
      <c r="B120" s="67">
        <v>-5</v>
      </c>
      <c r="C120" s="68">
        <v>-4</v>
      </c>
      <c r="D120" s="68">
        <v>-1</v>
      </c>
      <c r="E120" s="67">
        <v>8</v>
      </c>
      <c r="F120" s="68">
        <v>4</v>
      </c>
      <c r="G120" s="69">
        <v>4</v>
      </c>
      <c r="H120" s="68">
        <v>4</v>
      </c>
      <c r="I120" s="68">
        <v>0</v>
      </c>
      <c r="J120" s="68">
        <v>4</v>
      </c>
      <c r="K120" s="67">
        <v>1</v>
      </c>
      <c r="L120" s="79">
        <v>0</v>
      </c>
      <c r="M120" s="80">
        <v>1</v>
      </c>
    </row>
    <row r="121" spans="1:13">
      <c r="A121" s="27" t="s">
        <v>95</v>
      </c>
      <c r="B121" s="67">
        <v>-8</v>
      </c>
      <c r="C121" s="68">
        <v>-7</v>
      </c>
      <c r="D121" s="68">
        <v>-1</v>
      </c>
      <c r="E121" s="67">
        <v>9</v>
      </c>
      <c r="F121" s="68">
        <v>8</v>
      </c>
      <c r="G121" s="69">
        <v>1</v>
      </c>
      <c r="H121" s="68">
        <v>2</v>
      </c>
      <c r="I121" s="68">
        <v>1</v>
      </c>
      <c r="J121" s="68">
        <v>1</v>
      </c>
      <c r="K121" s="67">
        <v>1</v>
      </c>
      <c r="L121" s="79">
        <v>0</v>
      </c>
      <c r="M121" s="80">
        <v>1</v>
      </c>
    </row>
    <row r="122" spans="1:13">
      <c r="A122" s="27" t="s">
        <v>97</v>
      </c>
      <c r="B122" s="67">
        <v>-10</v>
      </c>
      <c r="C122" s="68">
        <v>-5</v>
      </c>
      <c r="D122" s="68">
        <v>-5</v>
      </c>
      <c r="E122" s="67">
        <v>11</v>
      </c>
      <c r="F122" s="68">
        <v>5</v>
      </c>
      <c r="G122" s="69">
        <v>6</v>
      </c>
      <c r="H122" s="68">
        <v>1</v>
      </c>
      <c r="I122" s="68">
        <v>0</v>
      </c>
      <c r="J122" s="68">
        <v>1</v>
      </c>
      <c r="K122" s="67">
        <v>0</v>
      </c>
      <c r="L122" s="79">
        <v>0</v>
      </c>
      <c r="M122" s="80">
        <v>0</v>
      </c>
    </row>
    <row r="123" spans="1:13" ht="21" customHeight="1">
      <c r="A123" s="38" t="s">
        <v>99</v>
      </c>
      <c r="B123" s="64">
        <v>-29</v>
      </c>
      <c r="C123" s="65">
        <v>-13</v>
      </c>
      <c r="D123" s="65">
        <v>-16</v>
      </c>
      <c r="E123" s="64">
        <v>27</v>
      </c>
      <c r="F123" s="65">
        <v>12</v>
      </c>
      <c r="G123" s="66">
        <v>15</v>
      </c>
      <c r="H123" s="65">
        <v>1</v>
      </c>
      <c r="I123" s="65">
        <v>1</v>
      </c>
      <c r="J123" s="65">
        <v>0</v>
      </c>
      <c r="K123" s="64">
        <v>3</v>
      </c>
      <c r="L123" s="77">
        <v>2</v>
      </c>
      <c r="M123" s="78">
        <v>1</v>
      </c>
    </row>
    <row r="124" spans="1:13">
      <c r="A124" s="27" t="s">
        <v>101</v>
      </c>
      <c r="B124" s="67">
        <v>-7</v>
      </c>
      <c r="C124" s="68">
        <v>-4</v>
      </c>
      <c r="D124" s="68">
        <v>-3</v>
      </c>
      <c r="E124" s="67">
        <v>7</v>
      </c>
      <c r="F124" s="68">
        <v>4</v>
      </c>
      <c r="G124" s="69">
        <v>3</v>
      </c>
      <c r="H124" s="68">
        <v>0</v>
      </c>
      <c r="I124" s="68">
        <v>0</v>
      </c>
      <c r="J124" s="68">
        <v>0</v>
      </c>
      <c r="K124" s="67">
        <v>0</v>
      </c>
      <c r="L124" s="79">
        <v>0</v>
      </c>
      <c r="M124" s="80">
        <v>0</v>
      </c>
    </row>
    <row r="125" spans="1:13">
      <c r="A125" s="27" t="s">
        <v>103</v>
      </c>
      <c r="B125" s="67">
        <v>-7</v>
      </c>
      <c r="C125" s="68">
        <v>-5</v>
      </c>
      <c r="D125" s="68">
        <v>-2</v>
      </c>
      <c r="E125" s="67">
        <v>7</v>
      </c>
      <c r="F125" s="68">
        <v>5</v>
      </c>
      <c r="G125" s="69">
        <v>2</v>
      </c>
      <c r="H125" s="68">
        <v>0</v>
      </c>
      <c r="I125" s="68">
        <v>0</v>
      </c>
      <c r="J125" s="68">
        <v>0</v>
      </c>
      <c r="K125" s="67">
        <v>0</v>
      </c>
      <c r="L125" s="79">
        <v>0</v>
      </c>
      <c r="M125" s="80">
        <v>0</v>
      </c>
    </row>
    <row r="126" spans="1:13">
      <c r="A126" s="27" t="s">
        <v>105</v>
      </c>
      <c r="B126" s="67">
        <v>-4</v>
      </c>
      <c r="C126" s="68">
        <v>-1</v>
      </c>
      <c r="D126" s="68">
        <v>-3</v>
      </c>
      <c r="E126" s="67">
        <v>2</v>
      </c>
      <c r="F126" s="68">
        <v>0</v>
      </c>
      <c r="G126" s="69">
        <v>2</v>
      </c>
      <c r="H126" s="68">
        <v>0</v>
      </c>
      <c r="I126" s="68">
        <v>0</v>
      </c>
      <c r="J126" s="68">
        <v>0</v>
      </c>
      <c r="K126" s="67">
        <v>2</v>
      </c>
      <c r="L126" s="79">
        <v>1</v>
      </c>
      <c r="M126" s="80">
        <v>1</v>
      </c>
    </row>
    <row r="127" spans="1:13">
      <c r="A127" s="27" t="s">
        <v>107</v>
      </c>
      <c r="B127" s="67">
        <v>-6</v>
      </c>
      <c r="C127" s="68">
        <v>-2</v>
      </c>
      <c r="D127" s="68">
        <v>-4</v>
      </c>
      <c r="E127" s="67">
        <v>6</v>
      </c>
      <c r="F127" s="68">
        <v>2</v>
      </c>
      <c r="G127" s="69">
        <v>4</v>
      </c>
      <c r="H127" s="68">
        <v>1</v>
      </c>
      <c r="I127" s="68">
        <v>1</v>
      </c>
      <c r="J127" s="68">
        <v>0</v>
      </c>
      <c r="K127" s="67">
        <v>1</v>
      </c>
      <c r="L127" s="79">
        <v>1</v>
      </c>
      <c r="M127" s="80">
        <v>0</v>
      </c>
    </row>
    <row r="128" spans="1:13">
      <c r="A128" s="27" t="s">
        <v>109</v>
      </c>
      <c r="B128" s="67">
        <v>-5</v>
      </c>
      <c r="C128" s="68">
        <v>-1</v>
      </c>
      <c r="D128" s="68">
        <v>-4</v>
      </c>
      <c r="E128" s="67">
        <v>5</v>
      </c>
      <c r="F128" s="68">
        <v>1</v>
      </c>
      <c r="G128" s="69">
        <v>4</v>
      </c>
      <c r="H128" s="68">
        <v>0</v>
      </c>
      <c r="I128" s="68">
        <v>0</v>
      </c>
      <c r="J128" s="68">
        <v>0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10</v>
      </c>
      <c r="C129" s="65">
        <v>-3</v>
      </c>
      <c r="D129" s="65">
        <v>-7</v>
      </c>
      <c r="E129" s="64">
        <v>13</v>
      </c>
      <c r="F129" s="65">
        <v>4</v>
      </c>
      <c r="G129" s="66">
        <v>9</v>
      </c>
      <c r="H129" s="65">
        <v>3</v>
      </c>
      <c r="I129" s="65">
        <v>1</v>
      </c>
      <c r="J129" s="65">
        <v>2</v>
      </c>
      <c r="K129" s="64">
        <v>0</v>
      </c>
      <c r="L129" s="77">
        <v>0</v>
      </c>
      <c r="M129" s="78">
        <v>0</v>
      </c>
    </row>
    <row r="130" spans="1:14">
      <c r="A130" s="27" t="s">
        <v>113</v>
      </c>
      <c r="B130" s="67">
        <v>-1</v>
      </c>
      <c r="C130" s="68">
        <v>-1</v>
      </c>
      <c r="D130" s="68">
        <v>0</v>
      </c>
      <c r="E130" s="67">
        <v>3</v>
      </c>
      <c r="F130" s="68">
        <v>1</v>
      </c>
      <c r="G130" s="69">
        <v>2</v>
      </c>
      <c r="H130" s="68">
        <v>2</v>
      </c>
      <c r="I130" s="68">
        <v>0</v>
      </c>
      <c r="J130" s="68">
        <v>2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2</v>
      </c>
      <c r="C131" s="68">
        <v>0</v>
      </c>
      <c r="D131" s="68">
        <v>-2</v>
      </c>
      <c r="E131" s="67">
        <v>2</v>
      </c>
      <c r="F131" s="68">
        <v>0</v>
      </c>
      <c r="G131" s="69">
        <v>2</v>
      </c>
      <c r="H131" s="68">
        <v>0</v>
      </c>
      <c r="I131" s="68">
        <v>0</v>
      </c>
      <c r="J131" s="68">
        <v>0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0</v>
      </c>
      <c r="C132" s="68">
        <v>0</v>
      </c>
      <c r="D132" s="68">
        <v>0</v>
      </c>
      <c r="E132" s="67">
        <v>1</v>
      </c>
      <c r="F132" s="68">
        <v>1</v>
      </c>
      <c r="G132" s="69">
        <v>0</v>
      </c>
      <c r="H132" s="68">
        <v>1</v>
      </c>
      <c r="I132" s="68">
        <v>1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5</v>
      </c>
      <c r="C133" s="68">
        <v>-1</v>
      </c>
      <c r="D133" s="68">
        <v>-4</v>
      </c>
      <c r="E133" s="67">
        <v>5</v>
      </c>
      <c r="F133" s="68">
        <v>1</v>
      </c>
      <c r="G133" s="69">
        <v>4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2</v>
      </c>
      <c r="C134" s="68">
        <v>-1</v>
      </c>
      <c r="D134" s="68">
        <v>-1</v>
      </c>
      <c r="E134" s="67">
        <v>2</v>
      </c>
      <c r="F134" s="68">
        <v>1</v>
      </c>
      <c r="G134" s="69">
        <v>1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3</v>
      </c>
      <c r="C135" s="40">
        <v>-1</v>
      </c>
      <c r="D135" s="40">
        <v>-2</v>
      </c>
      <c r="E135" s="42">
        <v>3</v>
      </c>
      <c r="F135" s="40">
        <v>1</v>
      </c>
      <c r="G135" s="43">
        <v>2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10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139</v>
      </c>
      <c r="C5" s="62">
        <v>-78</v>
      </c>
      <c r="D5" s="62">
        <v>-61</v>
      </c>
      <c r="E5" s="61">
        <v>173</v>
      </c>
      <c r="F5" s="62">
        <v>85</v>
      </c>
      <c r="G5" s="63">
        <v>88</v>
      </c>
      <c r="H5" s="62">
        <v>910</v>
      </c>
      <c r="I5" s="62">
        <v>226</v>
      </c>
      <c r="J5" s="62">
        <v>684</v>
      </c>
      <c r="K5" s="61">
        <v>927</v>
      </c>
      <c r="L5" s="75">
        <v>243</v>
      </c>
      <c r="M5" s="76">
        <v>684</v>
      </c>
    </row>
    <row r="6" spans="1:13" ht="23.25" customHeight="1">
      <c r="A6" s="36" t="s">
        <v>2</v>
      </c>
      <c r="B6" s="64">
        <v>46</v>
      </c>
      <c r="C6" s="65">
        <v>25</v>
      </c>
      <c r="D6" s="65">
        <v>21</v>
      </c>
      <c r="E6" s="64">
        <v>0</v>
      </c>
      <c r="F6" s="65">
        <v>0</v>
      </c>
      <c r="G6" s="66">
        <v>0</v>
      </c>
      <c r="H6" s="65">
        <v>17</v>
      </c>
      <c r="I6" s="65">
        <v>10</v>
      </c>
      <c r="J6" s="65">
        <v>7</v>
      </c>
      <c r="K6" s="64">
        <v>22</v>
      </c>
      <c r="L6" s="77">
        <v>9</v>
      </c>
      <c r="M6" s="78">
        <v>13</v>
      </c>
    </row>
    <row r="7" spans="1:13">
      <c r="A7" s="15" t="s">
        <v>4</v>
      </c>
      <c r="B7" s="67">
        <v>50</v>
      </c>
      <c r="C7" s="68">
        <v>23</v>
      </c>
      <c r="D7" s="68">
        <v>27</v>
      </c>
      <c r="E7" s="67">
        <v>0</v>
      </c>
      <c r="F7" s="68">
        <v>0</v>
      </c>
      <c r="G7" s="69">
        <v>0</v>
      </c>
      <c r="H7" s="68">
        <v>3</v>
      </c>
      <c r="I7" s="68">
        <v>0</v>
      </c>
      <c r="J7" s="68">
        <v>3</v>
      </c>
      <c r="K7" s="67">
        <v>4</v>
      </c>
      <c r="L7" s="79">
        <v>1</v>
      </c>
      <c r="M7" s="80">
        <v>3</v>
      </c>
    </row>
    <row r="8" spans="1:13">
      <c r="A8" s="15" t="s">
        <v>6</v>
      </c>
      <c r="B8" s="67">
        <v>-1</v>
      </c>
      <c r="C8" s="68">
        <v>1</v>
      </c>
      <c r="D8" s="68">
        <v>-2</v>
      </c>
      <c r="E8" s="67">
        <v>0</v>
      </c>
      <c r="F8" s="68">
        <v>0</v>
      </c>
      <c r="G8" s="69">
        <v>0</v>
      </c>
      <c r="H8" s="68">
        <v>5</v>
      </c>
      <c r="I8" s="68">
        <v>3</v>
      </c>
      <c r="J8" s="68">
        <v>2</v>
      </c>
      <c r="K8" s="67">
        <v>6</v>
      </c>
      <c r="L8" s="79">
        <v>2</v>
      </c>
      <c r="M8" s="80">
        <v>4</v>
      </c>
    </row>
    <row r="9" spans="1:13">
      <c r="A9" s="15" t="s">
        <v>8</v>
      </c>
      <c r="B9" s="67">
        <v>-2</v>
      </c>
      <c r="C9" s="68">
        <v>0</v>
      </c>
      <c r="D9" s="68">
        <v>-2</v>
      </c>
      <c r="E9" s="67">
        <v>0</v>
      </c>
      <c r="F9" s="68">
        <v>0</v>
      </c>
      <c r="G9" s="69">
        <v>0</v>
      </c>
      <c r="H9" s="68">
        <v>3</v>
      </c>
      <c r="I9" s="68">
        <v>3</v>
      </c>
      <c r="J9" s="68">
        <v>0</v>
      </c>
      <c r="K9" s="67">
        <v>5</v>
      </c>
      <c r="L9" s="79">
        <v>3</v>
      </c>
      <c r="M9" s="80">
        <v>2</v>
      </c>
    </row>
    <row r="10" spans="1:13">
      <c r="A10" s="15" t="s">
        <v>10</v>
      </c>
      <c r="B10" s="67">
        <v>1</v>
      </c>
      <c r="C10" s="68">
        <v>0</v>
      </c>
      <c r="D10" s="68">
        <v>1</v>
      </c>
      <c r="E10" s="67">
        <v>0</v>
      </c>
      <c r="F10" s="68">
        <v>0</v>
      </c>
      <c r="G10" s="69">
        <v>0</v>
      </c>
      <c r="H10" s="68">
        <v>4</v>
      </c>
      <c r="I10" s="68">
        <v>2</v>
      </c>
      <c r="J10" s="68">
        <v>2</v>
      </c>
      <c r="K10" s="67">
        <v>3</v>
      </c>
      <c r="L10" s="79">
        <v>2</v>
      </c>
      <c r="M10" s="80">
        <v>1</v>
      </c>
    </row>
    <row r="11" spans="1:13">
      <c r="A11" s="15" t="s">
        <v>12</v>
      </c>
      <c r="B11" s="67">
        <v>-2</v>
      </c>
      <c r="C11" s="68">
        <v>1</v>
      </c>
      <c r="D11" s="68">
        <v>-3</v>
      </c>
      <c r="E11" s="67">
        <v>0</v>
      </c>
      <c r="F11" s="68">
        <v>0</v>
      </c>
      <c r="G11" s="69">
        <v>0</v>
      </c>
      <c r="H11" s="68">
        <v>2</v>
      </c>
      <c r="I11" s="68">
        <v>2</v>
      </c>
      <c r="J11" s="68">
        <v>0</v>
      </c>
      <c r="K11" s="67">
        <v>4</v>
      </c>
      <c r="L11" s="79">
        <v>1</v>
      </c>
      <c r="M11" s="80">
        <v>3</v>
      </c>
    </row>
    <row r="12" spans="1:13" ht="21" customHeight="1">
      <c r="A12" s="36" t="s">
        <v>14</v>
      </c>
      <c r="B12" s="64">
        <v>-3</v>
      </c>
      <c r="C12" s="65">
        <v>-3</v>
      </c>
      <c r="D12" s="65">
        <v>0</v>
      </c>
      <c r="E12" s="64">
        <v>0</v>
      </c>
      <c r="F12" s="65">
        <v>0</v>
      </c>
      <c r="G12" s="66">
        <v>0</v>
      </c>
      <c r="H12" s="65">
        <v>8</v>
      </c>
      <c r="I12" s="65">
        <v>4</v>
      </c>
      <c r="J12" s="65">
        <v>4</v>
      </c>
      <c r="K12" s="64">
        <v>11</v>
      </c>
      <c r="L12" s="77">
        <v>7</v>
      </c>
      <c r="M12" s="78">
        <v>4</v>
      </c>
    </row>
    <row r="13" spans="1:13">
      <c r="A13" s="15" t="s">
        <v>16</v>
      </c>
      <c r="B13" s="67">
        <v>-1</v>
      </c>
      <c r="C13" s="68">
        <v>0</v>
      </c>
      <c r="D13" s="68">
        <v>-1</v>
      </c>
      <c r="E13" s="67">
        <v>0</v>
      </c>
      <c r="F13" s="68">
        <v>0</v>
      </c>
      <c r="G13" s="69">
        <v>0</v>
      </c>
      <c r="H13" s="68">
        <v>2</v>
      </c>
      <c r="I13" s="68">
        <v>1</v>
      </c>
      <c r="J13" s="68">
        <v>1</v>
      </c>
      <c r="K13" s="67">
        <v>3</v>
      </c>
      <c r="L13" s="79">
        <v>1</v>
      </c>
      <c r="M13" s="80">
        <v>2</v>
      </c>
    </row>
    <row r="14" spans="1:13">
      <c r="A14" s="15" t="s">
        <v>18</v>
      </c>
      <c r="B14" s="67">
        <v>0</v>
      </c>
      <c r="C14" s="68">
        <v>0</v>
      </c>
      <c r="D14" s="68">
        <v>0</v>
      </c>
      <c r="E14" s="67">
        <v>0</v>
      </c>
      <c r="F14" s="68">
        <v>0</v>
      </c>
      <c r="G14" s="69">
        <v>0</v>
      </c>
      <c r="H14" s="68">
        <v>3</v>
      </c>
      <c r="I14" s="68">
        <v>1</v>
      </c>
      <c r="J14" s="68">
        <v>2</v>
      </c>
      <c r="K14" s="67">
        <v>3</v>
      </c>
      <c r="L14" s="79">
        <v>1</v>
      </c>
      <c r="M14" s="80">
        <v>2</v>
      </c>
    </row>
    <row r="15" spans="1:13">
      <c r="A15" s="15" t="s">
        <v>20</v>
      </c>
      <c r="B15" s="67">
        <v>-1</v>
      </c>
      <c r="C15" s="68">
        <v>-1</v>
      </c>
      <c r="D15" s="68">
        <v>0</v>
      </c>
      <c r="E15" s="67">
        <v>0</v>
      </c>
      <c r="F15" s="68">
        <v>0</v>
      </c>
      <c r="G15" s="69">
        <v>0</v>
      </c>
      <c r="H15" s="68">
        <v>2</v>
      </c>
      <c r="I15" s="68">
        <v>2</v>
      </c>
      <c r="J15" s="68">
        <v>0</v>
      </c>
      <c r="K15" s="67">
        <v>3</v>
      </c>
      <c r="L15" s="79">
        <v>3</v>
      </c>
      <c r="M15" s="80">
        <v>0</v>
      </c>
    </row>
    <row r="16" spans="1:13">
      <c r="A16" s="15" t="s">
        <v>22</v>
      </c>
      <c r="B16" s="67">
        <v>1</v>
      </c>
      <c r="C16" s="68">
        <v>0</v>
      </c>
      <c r="D16" s="68">
        <v>1</v>
      </c>
      <c r="E16" s="67">
        <v>0</v>
      </c>
      <c r="F16" s="68">
        <v>0</v>
      </c>
      <c r="G16" s="69">
        <v>0</v>
      </c>
      <c r="H16" s="68">
        <v>1</v>
      </c>
      <c r="I16" s="68">
        <v>0</v>
      </c>
      <c r="J16" s="68">
        <v>1</v>
      </c>
      <c r="K16" s="67">
        <v>0</v>
      </c>
      <c r="L16" s="79">
        <v>0</v>
      </c>
      <c r="M16" s="80">
        <v>0</v>
      </c>
    </row>
    <row r="17" spans="1:13">
      <c r="A17" s="15" t="s">
        <v>24</v>
      </c>
      <c r="B17" s="67">
        <v>-2</v>
      </c>
      <c r="C17" s="68">
        <v>-2</v>
      </c>
      <c r="D17" s="68">
        <v>0</v>
      </c>
      <c r="E17" s="67">
        <v>0</v>
      </c>
      <c r="F17" s="68">
        <v>0</v>
      </c>
      <c r="G17" s="69">
        <v>0</v>
      </c>
      <c r="H17" s="68">
        <v>0</v>
      </c>
      <c r="I17" s="68">
        <v>0</v>
      </c>
      <c r="J17" s="68">
        <v>0</v>
      </c>
      <c r="K17" s="67">
        <v>2</v>
      </c>
      <c r="L17" s="79">
        <v>2</v>
      </c>
      <c r="M17" s="80">
        <v>0</v>
      </c>
    </row>
    <row r="18" spans="1:13" ht="21" customHeight="1">
      <c r="A18" s="36" t="s">
        <v>26</v>
      </c>
      <c r="B18" s="64">
        <v>3</v>
      </c>
      <c r="C18" s="65">
        <v>3</v>
      </c>
      <c r="D18" s="65">
        <v>0</v>
      </c>
      <c r="E18" s="64">
        <v>0</v>
      </c>
      <c r="F18" s="65">
        <v>0</v>
      </c>
      <c r="G18" s="66">
        <v>0</v>
      </c>
      <c r="H18" s="65">
        <v>8</v>
      </c>
      <c r="I18" s="65">
        <v>5</v>
      </c>
      <c r="J18" s="65">
        <v>3</v>
      </c>
      <c r="K18" s="64">
        <v>5</v>
      </c>
      <c r="L18" s="77">
        <v>2</v>
      </c>
      <c r="M18" s="78">
        <v>3</v>
      </c>
    </row>
    <row r="19" spans="1:13">
      <c r="A19" s="15" t="s">
        <v>28</v>
      </c>
      <c r="B19" s="67">
        <v>-1</v>
      </c>
      <c r="C19" s="68">
        <v>0</v>
      </c>
      <c r="D19" s="68">
        <v>-1</v>
      </c>
      <c r="E19" s="67">
        <v>0</v>
      </c>
      <c r="F19" s="68">
        <v>0</v>
      </c>
      <c r="G19" s="69">
        <v>0</v>
      </c>
      <c r="H19" s="68">
        <v>2</v>
      </c>
      <c r="I19" s="68">
        <v>1</v>
      </c>
      <c r="J19" s="68">
        <v>1</v>
      </c>
      <c r="K19" s="67">
        <v>3</v>
      </c>
      <c r="L19" s="79">
        <v>1</v>
      </c>
      <c r="M19" s="80">
        <v>2</v>
      </c>
    </row>
    <row r="20" spans="1:13">
      <c r="A20" s="15" t="s">
        <v>30</v>
      </c>
      <c r="B20" s="67">
        <v>2</v>
      </c>
      <c r="C20" s="68">
        <v>2</v>
      </c>
      <c r="D20" s="68">
        <v>0</v>
      </c>
      <c r="E20" s="67">
        <v>0</v>
      </c>
      <c r="F20" s="68">
        <v>0</v>
      </c>
      <c r="G20" s="69">
        <v>0</v>
      </c>
      <c r="H20" s="68">
        <v>2</v>
      </c>
      <c r="I20" s="68">
        <v>2</v>
      </c>
      <c r="J20" s="68">
        <v>0</v>
      </c>
      <c r="K20" s="67">
        <v>0</v>
      </c>
      <c r="L20" s="79">
        <v>0</v>
      </c>
      <c r="M20" s="80">
        <v>0</v>
      </c>
    </row>
    <row r="21" spans="1:13">
      <c r="A21" s="15" t="s">
        <v>32</v>
      </c>
      <c r="B21" s="67">
        <v>0</v>
      </c>
      <c r="C21" s="68">
        <v>0</v>
      </c>
      <c r="D21" s="68">
        <v>0</v>
      </c>
      <c r="E21" s="67">
        <v>0</v>
      </c>
      <c r="F21" s="68">
        <v>0</v>
      </c>
      <c r="G21" s="69">
        <v>0</v>
      </c>
      <c r="H21" s="68">
        <v>0</v>
      </c>
      <c r="I21" s="68">
        <v>0</v>
      </c>
      <c r="J21" s="68">
        <v>0</v>
      </c>
      <c r="K21" s="67">
        <v>0</v>
      </c>
      <c r="L21" s="79">
        <v>0</v>
      </c>
      <c r="M21" s="80">
        <v>0</v>
      </c>
    </row>
    <row r="22" spans="1:13">
      <c r="A22" s="15" t="s">
        <v>34</v>
      </c>
      <c r="B22" s="67">
        <v>1</v>
      </c>
      <c r="C22" s="68">
        <v>0</v>
      </c>
      <c r="D22" s="68">
        <v>1</v>
      </c>
      <c r="E22" s="67">
        <v>0</v>
      </c>
      <c r="F22" s="68">
        <v>0</v>
      </c>
      <c r="G22" s="69">
        <v>0</v>
      </c>
      <c r="H22" s="68">
        <v>1</v>
      </c>
      <c r="I22" s="68">
        <v>0</v>
      </c>
      <c r="J22" s="68">
        <v>1</v>
      </c>
      <c r="K22" s="67">
        <v>0</v>
      </c>
      <c r="L22" s="79">
        <v>0</v>
      </c>
      <c r="M22" s="80">
        <v>0</v>
      </c>
    </row>
    <row r="23" spans="1:13">
      <c r="A23" s="15" t="s">
        <v>36</v>
      </c>
      <c r="B23" s="67">
        <v>1</v>
      </c>
      <c r="C23" s="68">
        <v>1</v>
      </c>
      <c r="D23" s="68">
        <v>0</v>
      </c>
      <c r="E23" s="67">
        <v>0</v>
      </c>
      <c r="F23" s="68">
        <v>0</v>
      </c>
      <c r="G23" s="69">
        <v>0</v>
      </c>
      <c r="H23" s="68">
        <v>3</v>
      </c>
      <c r="I23" s="68">
        <v>2</v>
      </c>
      <c r="J23" s="68">
        <v>1</v>
      </c>
      <c r="K23" s="67">
        <v>2</v>
      </c>
      <c r="L23" s="79">
        <v>1</v>
      </c>
      <c r="M23" s="80">
        <v>1</v>
      </c>
    </row>
    <row r="24" spans="1:13" ht="21" customHeight="1">
      <c r="A24" s="36" t="s">
        <v>38</v>
      </c>
      <c r="B24" s="64">
        <v>5</v>
      </c>
      <c r="C24" s="65">
        <v>7</v>
      </c>
      <c r="D24" s="65">
        <v>-2</v>
      </c>
      <c r="E24" s="64">
        <v>0</v>
      </c>
      <c r="F24" s="65">
        <v>0</v>
      </c>
      <c r="G24" s="66">
        <v>0</v>
      </c>
      <c r="H24" s="65">
        <v>60</v>
      </c>
      <c r="I24" s="65">
        <v>11</v>
      </c>
      <c r="J24" s="65">
        <v>49</v>
      </c>
      <c r="K24" s="64">
        <v>55</v>
      </c>
      <c r="L24" s="77">
        <v>4</v>
      </c>
      <c r="M24" s="78">
        <v>51</v>
      </c>
    </row>
    <row r="25" spans="1:13">
      <c r="A25" s="15" t="s">
        <v>40</v>
      </c>
      <c r="B25" s="67">
        <v>1</v>
      </c>
      <c r="C25" s="68">
        <v>1</v>
      </c>
      <c r="D25" s="68">
        <v>0</v>
      </c>
      <c r="E25" s="67">
        <v>0</v>
      </c>
      <c r="F25" s="68">
        <v>0</v>
      </c>
      <c r="G25" s="69">
        <v>0</v>
      </c>
      <c r="H25" s="68">
        <v>2</v>
      </c>
      <c r="I25" s="68">
        <v>1</v>
      </c>
      <c r="J25" s="68">
        <v>1</v>
      </c>
      <c r="K25" s="67">
        <v>1</v>
      </c>
      <c r="L25" s="79">
        <v>0</v>
      </c>
      <c r="M25" s="80">
        <v>1</v>
      </c>
    </row>
    <row r="26" spans="1:13">
      <c r="A26" s="15" t="s">
        <v>42</v>
      </c>
      <c r="B26" s="67">
        <v>2</v>
      </c>
      <c r="C26" s="68">
        <v>1</v>
      </c>
      <c r="D26" s="68">
        <v>1</v>
      </c>
      <c r="E26" s="67">
        <v>0</v>
      </c>
      <c r="F26" s="68">
        <v>0</v>
      </c>
      <c r="G26" s="69">
        <v>0</v>
      </c>
      <c r="H26" s="68">
        <v>3</v>
      </c>
      <c r="I26" s="68">
        <v>2</v>
      </c>
      <c r="J26" s="68">
        <v>1</v>
      </c>
      <c r="K26" s="67">
        <v>1</v>
      </c>
      <c r="L26" s="79">
        <v>1</v>
      </c>
      <c r="M26" s="80">
        <v>0</v>
      </c>
    </row>
    <row r="27" spans="1:13">
      <c r="A27" s="15" t="s">
        <v>44</v>
      </c>
      <c r="B27" s="67">
        <v>-2</v>
      </c>
      <c r="C27" s="68">
        <v>-1</v>
      </c>
      <c r="D27" s="68">
        <v>-1</v>
      </c>
      <c r="E27" s="67">
        <v>0</v>
      </c>
      <c r="F27" s="68">
        <v>0</v>
      </c>
      <c r="G27" s="69">
        <v>0</v>
      </c>
      <c r="H27" s="68">
        <v>0</v>
      </c>
      <c r="I27" s="68">
        <v>0</v>
      </c>
      <c r="J27" s="68">
        <v>0</v>
      </c>
      <c r="K27" s="67">
        <v>2</v>
      </c>
      <c r="L27" s="79">
        <v>1</v>
      </c>
      <c r="M27" s="80">
        <v>1</v>
      </c>
    </row>
    <row r="28" spans="1:13">
      <c r="A28" s="15" t="s">
        <v>46</v>
      </c>
      <c r="B28" s="67">
        <v>3</v>
      </c>
      <c r="C28" s="68">
        <v>5</v>
      </c>
      <c r="D28" s="68">
        <v>-2</v>
      </c>
      <c r="E28" s="67">
        <v>0</v>
      </c>
      <c r="F28" s="68">
        <v>0</v>
      </c>
      <c r="G28" s="69">
        <v>0</v>
      </c>
      <c r="H28" s="68">
        <v>11</v>
      </c>
      <c r="I28" s="68">
        <v>5</v>
      </c>
      <c r="J28" s="68">
        <v>6</v>
      </c>
      <c r="K28" s="67">
        <v>8</v>
      </c>
      <c r="L28" s="79">
        <v>0</v>
      </c>
      <c r="M28" s="80">
        <v>8</v>
      </c>
    </row>
    <row r="29" spans="1:13">
      <c r="A29" s="15" t="s">
        <v>48</v>
      </c>
      <c r="B29" s="67">
        <v>1</v>
      </c>
      <c r="C29" s="68">
        <v>1</v>
      </c>
      <c r="D29" s="68">
        <v>0</v>
      </c>
      <c r="E29" s="67">
        <v>0</v>
      </c>
      <c r="F29" s="68">
        <v>0</v>
      </c>
      <c r="G29" s="69">
        <v>0</v>
      </c>
      <c r="H29" s="68">
        <v>44</v>
      </c>
      <c r="I29" s="68">
        <v>3</v>
      </c>
      <c r="J29" s="68">
        <v>41</v>
      </c>
      <c r="K29" s="67">
        <v>43</v>
      </c>
      <c r="L29" s="79">
        <v>2</v>
      </c>
      <c r="M29" s="80">
        <v>41</v>
      </c>
    </row>
    <row r="30" spans="1:13" ht="21" customHeight="1">
      <c r="A30" s="36" t="s">
        <v>50</v>
      </c>
      <c r="B30" s="64">
        <v>-14</v>
      </c>
      <c r="C30" s="65">
        <v>-14</v>
      </c>
      <c r="D30" s="65">
        <v>0</v>
      </c>
      <c r="E30" s="64">
        <v>0</v>
      </c>
      <c r="F30" s="65">
        <v>0</v>
      </c>
      <c r="G30" s="66">
        <v>0</v>
      </c>
      <c r="H30" s="65">
        <v>281</v>
      </c>
      <c r="I30" s="65">
        <v>30</v>
      </c>
      <c r="J30" s="65">
        <v>251</v>
      </c>
      <c r="K30" s="64">
        <v>295</v>
      </c>
      <c r="L30" s="77">
        <v>44</v>
      </c>
      <c r="M30" s="78">
        <v>251</v>
      </c>
    </row>
    <row r="31" spans="1:13">
      <c r="A31" s="15" t="s">
        <v>52</v>
      </c>
      <c r="B31" s="67">
        <v>5</v>
      </c>
      <c r="C31" s="68">
        <v>3</v>
      </c>
      <c r="D31" s="68">
        <v>2</v>
      </c>
      <c r="E31" s="67">
        <v>0</v>
      </c>
      <c r="F31" s="68">
        <v>0</v>
      </c>
      <c r="G31" s="69">
        <v>0</v>
      </c>
      <c r="H31" s="68">
        <v>128</v>
      </c>
      <c r="I31" s="68">
        <v>8</v>
      </c>
      <c r="J31" s="68">
        <v>120</v>
      </c>
      <c r="K31" s="67">
        <v>123</v>
      </c>
      <c r="L31" s="79">
        <v>5</v>
      </c>
      <c r="M31" s="80">
        <v>118</v>
      </c>
    </row>
    <row r="32" spans="1:13">
      <c r="A32" s="15" t="s">
        <v>54</v>
      </c>
      <c r="B32" s="67">
        <v>0</v>
      </c>
      <c r="C32" s="68">
        <v>0</v>
      </c>
      <c r="D32" s="68">
        <v>0</v>
      </c>
      <c r="E32" s="67">
        <v>0</v>
      </c>
      <c r="F32" s="68">
        <v>0</v>
      </c>
      <c r="G32" s="69">
        <v>0</v>
      </c>
      <c r="H32" s="68">
        <v>49</v>
      </c>
      <c r="I32" s="68">
        <v>4</v>
      </c>
      <c r="J32" s="68">
        <v>45</v>
      </c>
      <c r="K32" s="67">
        <v>49</v>
      </c>
      <c r="L32" s="79">
        <v>4</v>
      </c>
      <c r="M32" s="80">
        <v>45</v>
      </c>
    </row>
    <row r="33" spans="1:13">
      <c r="A33" s="15" t="s">
        <v>56</v>
      </c>
      <c r="B33" s="67">
        <v>3</v>
      </c>
      <c r="C33" s="68">
        <v>-3</v>
      </c>
      <c r="D33" s="68">
        <v>6</v>
      </c>
      <c r="E33" s="67">
        <v>0</v>
      </c>
      <c r="F33" s="68">
        <v>0</v>
      </c>
      <c r="G33" s="69">
        <v>0</v>
      </c>
      <c r="H33" s="68">
        <v>45</v>
      </c>
      <c r="I33" s="68">
        <v>5</v>
      </c>
      <c r="J33" s="68">
        <v>40</v>
      </c>
      <c r="K33" s="67">
        <v>42</v>
      </c>
      <c r="L33" s="79">
        <v>8</v>
      </c>
      <c r="M33" s="80">
        <v>34</v>
      </c>
    </row>
    <row r="34" spans="1:13">
      <c r="A34" s="15" t="s">
        <v>58</v>
      </c>
      <c r="B34" s="67">
        <v>-15</v>
      </c>
      <c r="C34" s="68">
        <v>-10</v>
      </c>
      <c r="D34" s="68">
        <v>-5</v>
      </c>
      <c r="E34" s="67">
        <v>0</v>
      </c>
      <c r="F34" s="68">
        <v>0</v>
      </c>
      <c r="G34" s="69">
        <v>0</v>
      </c>
      <c r="H34" s="68">
        <v>31</v>
      </c>
      <c r="I34" s="68">
        <v>5</v>
      </c>
      <c r="J34" s="68">
        <v>26</v>
      </c>
      <c r="K34" s="67">
        <v>46</v>
      </c>
      <c r="L34" s="79">
        <v>15</v>
      </c>
      <c r="M34" s="80">
        <v>31</v>
      </c>
    </row>
    <row r="35" spans="1:13">
      <c r="A35" s="15" t="s">
        <v>60</v>
      </c>
      <c r="B35" s="67">
        <v>-7</v>
      </c>
      <c r="C35" s="68">
        <v>-4</v>
      </c>
      <c r="D35" s="68">
        <v>-3</v>
      </c>
      <c r="E35" s="67">
        <v>0</v>
      </c>
      <c r="F35" s="68">
        <v>0</v>
      </c>
      <c r="G35" s="69">
        <v>0</v>
      </c>
      <c r="H35" s="68">
        <v>28</v>
      </c>
      <c r="I35" s="68">
        <v>8</v>
      </c>
      <c r="J35" s="68">
        <v>20</v>
      </c>
      <c r="K35" s="67">
        <v>35</v>
      </c>
      <c r="L35" s="79">
        <v>12</v>
      </c>
      <c r="M35" s="80">
        <v>23</v>
      </c>
    </row>
    <row r="36" spans="1:13" ht="21" customHeight="1">
      <c r="A36" s="36" t="s">
        <v>62</v>
      </c>
      <c r="B36" s="64">
        <v>-32</v>
      </c>
      <c r="C36" s="65">
        <v>-7</v>
      </c>
      <c r="D36" s="65">
        <v>-25</v>
      </c>
      <c r="E36" s="64">
        <v>0</v>
      </c>
      <c r="F36" s="65">
        <v>0</v>
      </c>
      <c r="G36" s="66">
        <v>0</v>
      </c>
      <c r="H36" s="65">
        <v>136</v>
      </c>
      <c r="I36" s="65">
        <v>41</v>
      </c>
      <c r="J36" s="65">
        <v>95</v>
      </c>
      <c r="K36" s="64">
        <v>168</v>
      </c>
      <c r="L36" s="77">
        <v>48</v>
      </c>
      <c r="M36" s="78">
        <v>120</v>
      </c>
    </row>
    <row r="37" spans="1:13">
      <c r="A37" s="15" t="s">
        <v>64</v>
      </c>
      <c r="B37" s="67">
        <v>1</v>
      </c>
      <c r="C37" s="68">
        <v>1</v>
      </c>
      <c r="D37" s="68">
        <v>0</v>
      </c>
      <c r="E37" s="67">
        <v>0</v>
      </c>
      <c r="F37" s="68">
        <v>0</v>
      </c>
      <c r="G37" s="69">
        <v>0</v>
      </c>
      <c r="H37" s="68">
        <v>27</v>
      </c>
      <c r="I37" s="68">
        <v>11</v>
      </c>
      <c r="J37" s="68">
        <v>16</v>
      </c>
      <c r="K37" s="67">
        <v>26</v>
      </c>
      <c r="L37" s="79">
        <v>10</v>
      </c>
      <c r="M37" s="80">
        <v>16</v>
      </c>
    </row>
    <row r="38" spans="1:13">
      <c r="A38" s="15" t="s">
        <v>66</v>
      </c>
      <c r="B38" s="67">
        <v>-10</v>
      </c>
      <c r="C38" s="68">
        <v>-1</v>
      </c>
      <c r="D38" s="68">
        <v>-9</v>
      </c>
      <c r="E38" s="67">
        <v>0</v>
      </c>
      <c r="F38" s="68">
        <v>0</v>
      </c>
      <c r="G38" s="69">
        <v>0</v>
      </c>
      <c r="H38" s="68">
        <v>30</v>
      </c>
      <c r="I38" s="68">
        <v>9</v>
      </c>
      <c r="J38" s="68">
        <v>21</v>
      </c>
      <c r="K38" s="67">
        <v>40</v>
      </c>
      <c r="L38" s="79">
        <v>10</v>
      </c>
      <c r="M38" s="80">
        <v>30</v>
      </c>
    </row>
    <row r="39" spans="1:13">
      <c r="A39" s="15" t="s">
        <v>68</v>
      </c>
      <c r="B39" s="67">
        <v>-9</v>
      </c>
      <c r="C39" s="68">
        <v>-4</v>
      </c>
      <c r="D39" s="68">
        <v>-5</v>
      </c>
      <c r="E39" s="67">
        <v>0</v>
      </c>
      <c r="F39" s="68">
        <v>0</v>
      </c>
      <c r="G39" s="69">
        <v>0</v>
      </c>
      <c r="H39" s="68">
        <v>33</v>
      </c>
      <c r="I39" s="68">
        <v>7</v>
      </c>
      <c r="J39" s="68">
        <v>26</v>
      </c>
      <c r="K39" s="67">
        <v>42</v>
      </c>
      <c r="L39" s="79">
        <v>11</v>
      </c>
      <c r="M39" s="80">
        <v>31</v>
      </c>
    </row>
    <row r="40" spans="1:13">
      <c r="A40" s="15" t="s">
        <v>70</v>
      </c>
      <c r="B40" s="67">
        <v>-3</v>
      </c>
      <c r="C40" s="68">
        <v>2</v>
      </c>
      <c r="D40" s="68">
        <v>-5</v>
      </c>
      <c r="E40" s="67">
        <v>0</v>
      </c>
      <c r="F40" s="68">
        <v>0</v>
      </c>
      <c r="G40" s="69">
        <v>0</v>
      </c>
      <c r="H40" s="68">
        <v>27</v>
      </c>
      <c r="I40" s="68">
        <v>10</v>
      </c>
      <c r="J40" s="68">
        <v>17</v>
      </c>
      <c r="K40" s="67">
        <v>30</v>
      </c>
      <c r="L40" s="79">
        <v>8</v>
      </c>
      <c r="M40" s="80">
        <v>22</v>
      </c>
    </row>
    <row r="41" spans="1:13">
      <c r="A41" s="15" t="s">
        <v>72</v>
      </c>
      <c r="B41" s="67">
        <v>-11</v>
      </c>
      <c r="C41" s="68">
        <v>-5</v>
      </c>
      <c r="D41" s="68">
        <v>-6</v>
      </c>
      <c r="E41" s="67">
        <v>0</v>
      </c>
      <c r="F41" s="68">
        <v>0</v>
      </c>
      <c r="G41" s="69">
        <v>0</v>
      </c>
      <c r="H41" s="68">
        <v>19</v>
      </c>
      <c r="I41" s="68">
        <v>4</v>
      </c>
      <c r="J41" s="68">
        <v>15</v>
      </c>
      <c r="K41" s="67">
        <v>30</v>
      </c>
      <c r="L41" s="79">
        <v>9</v>
      </c>
      <c r="M41" s="80">
        <v>21</v>
      </c>
    </row>
    <row r="42" spans="1:13" ht="21" customHeight="1">
      <c r="A42" s="36" t="s">
        <v>74</v>
      </c>
      <c r="B42" s="64">
        <v>5</v>
      </c>
      <c r="C42" s="65">
        <v>-3</v>
      </c>
      <c r="D42" s="65">
        <v>8</v>
      </c>
      <c r="E42" s="64">
        <v>0</v>
      </c>
      <c r="F42" s="65">
        <v>0</v>
      </c>
      <c r="G42" s="66">
        <v>0</v>
      </c>
      <c r="H42" s="65">
        <v>89</v>
      </c>
      <c r="I42" s="65">
        <v>28</v>
      </c>
      <c r="J42" s="65">
        <v>61</v>
      </c>
      <c r="K42" s="64">
        <v>84</v>
      </c>
      <c r="L42" s="77">
        <v>31</v>
      </c>
      <c r="M42" s="78">
        <v>53</v>
      </c>
    </row>
    <row r="43" spans="1:13">
      <c r="A43" s="15" t="s">
        <v>76</v>
      </c>
      <c r="B43" s="67">
        <v>0</v>
      </c>
      <c r="C43" s="68">
        <v>-2</v>
      </c>
      <c r="D43" s="68">
        <v>2</v>
      </c>
      <c r="E43" s="67">
        <v>0</v>
      </c>
      <c r="F43" s="68">
        <v>0</v>
      </c>
      <c r="G43" s="69">
        <v>0</v>
      </c>
      <c r="H43" s="68">
        <v>19</v>
      </c>
      <c r="I43" s="68">
        <v>7</v>
      </c>
      <c r="J43" s="68">
        <v>12</v>
      </c>
      <c r="K43" s="67">
        <v>19</v>
      </c>
      <c r="L43" s="79">
        <v>9</v>
      </c>
      <c r="M43" s="80">
        <v>10</v>
      </c>
    </row>
    <row r="44" spans="1:13">
      <c r="A44" s="15" t="s">
        <v>78</v>
      </c>
      <c r="B44" s="67">
        <v>4</v>
      </c>
      <c r="C44" s="68">
        <v>0</v>
      </c>
      <c r="D44" s="68">
        <v>4</v>
      </c>
      <c r="E44" s="67">
        <v>0</v>
      </c>
      <c r="F44" s="68">
        <v>0</v>
      </c>
      <c r="G44" s="69">
        <v>0</v>
      </c>
      <c r="H44" s="68">
        <v>18</v>
      </c>
      <c r="I44" s="68">
        <v>5</v>
      </c>
      <c r="J44" s="68">
        <v>13</v>
      </c>
      <c r="K44" s="67">
        <v>14</v>
      </c>
      <c r="L44" s="79">
        <v>5</v>
      </c>
      <c r="M44" s="80">
        <v>9</v>
      </c>
    </row>
    <row r="45" spans="1:13">
      <c r="A45" s="15" t="s">
        <v>80</v>
      </c>
      <c r="B45" s="67">
        <v>-1</v>
      </c>
      <c r="C45" s="68">
        <v>0</v>
      </c>
      <c r="D45" s="68">
        <v>-1</v>
      </c>
      <c r="E45" s="67">
        <v>0</v>
      </c>
      <c r="F45" s="68">
        <v>0</v>
      </c>
      <c r="G45" s="69">
        <v>0</v>
      </c>
      <c r="H45" s="68">
        <v>16</v>
      </c>
      <c r="I45" s="68">
        <v>6</v>
      </c>
      <c r="J45" s="68">
        <v>10</v>
      </c>
      <c r="K45" s="67">
        <v>17</v>
      </c>
      <c r="L45" s="79">
        <v>6</v>
      </c>
      <c r="M45" s="80">
        <v>11</v>
      </c>
    </row>
    <row r="46" spans="1:13">
      <c r="A46" s="15" t="s">
        <v>82</v>
      </c>
      <c r="B46" s="67">
        <v>3</v>
      </c>
      <c r="C46" s="68">
        <v>3</v>
      </c>
      <c r="D46" s="68">
        <v>0</v>
      </c>
      <c r="E46" s="67">
        <v>0</v>
      </c>
      <c r="F46" s="68">
        <v>0</v>
      </c>
      <c r="G46" s="69">
        <v>0</v>
      </c>
      <c r="H46" s="68">
        <v>21</v>
      </c>
      <c r="I46" s="68">
        <v>6</v>
      </c>
      <c r="J46" s="68">
        <v>15</v>
      </c>
      <c r="K46" s="67">
        <v>18</v>
      </c>
      <c r="L46" s="79">
        <v>3</v>
      </c>
      <c r="M46" s="80">
        <v>15</v>
      </c>
    </row>
    <row r="47" spans="1:13">
      <c r="A47" s="15" t="s">
        <v>84</v>
      </c>
      <c r="B47" s="67">
        <v>-1</v>
      </c>
      <c r="C47" s="68">
        <v>-4</v>
      </c>
      <c r="D47" s="68">
        <v>3</v>
      </c>
      <c r="E47" s="67">
        <v>0</v>
      </c>
      <c r="F47" s="68">
        <v>0</v>
      </c>
      <c r="G47" s="69">
        <v>0</v>
      </c>
      <c r="H47" s="68">
        <v>15</v>
      </c>
      <c r="I47" s="68">
        <v>4</v>
      </c>
      <c r="J47" s="68">
        <v>11</v>
      </c>
      <c r="K47" s="67">
        <v>16</v>
      </c>
      <c r="L47" s="79">
        <v>8</v>
      </c>
      <c r="M47" s="80">
        <v>8</v>
      </c>
    </row>
    <row r="48" spans="1:13" ht="21" customHeight="1">
      <c r="A48" s="36" t="s">
        <v>86</v>
      </c>
      <c r="B48" s="64">
        <v>16</v>
      </c>
      <c r="C48" s="65">
        <v>5</v>
      </c>
      <c r="D48" s="65">
        <v>11</v>
      </c>
      <c r="E48" s="64">
        <v>0</v>
      </c>
      <c r="F48" s="65">
        <v>0</v>
      </c>
      <c r="G48" s="66">
        <v>0</v>
      </c>
      <c r="H48" s="65">
        <v>85</v>
      </c>
      <c r="I48" s="65">
        <v>25</v>
      </c>
      <c r="J48" s="65">
        <v>60</v>
      </c>
      <c r="K48" s="64">
        <v>69</v>
      </c>
      <c r="L48" s="77">
        <v>20</v>
      </c>
      <c r="M48" s="78">
        <v>49</v>
      </c>
    </row>
    <row r="49" spans="1:13">
      <c r="A49" s="15" t="s">
        <v>88</v>
      </c>
      <c r="B49" s="67">
        <v>6</v>
      </c>
      <c r="C49" s="68">
        <v>5</v>
      </c>
      <c r="D49" s="68">
        <v>1</v>
      </c>
      <c r="E49" s="67">
        <v>0</v>
      </c>
      <c r="F49" s="68">
        <v>0</v>
      </c>
      <c r="G49" s="69">
        <v>0</v>
      </c>
      <c r="H49" s="68">
        <v>22</v>
      </c>
      <c r="I49" s="68">
        <v>8</v>
      </c>
      <c r="J49" s="68">
        <v>14</v>
      </c>
      <c r="K49" s="67">
        <v>16</v>
      </c>
      <c r="L49" s="79">
        <v>3</v>
      </c>
      <c r="M49" s="80">
        <v>13</v>
      </c>
    </row>
    <row r="50" spans="1:13">
      <c r="A50" s="15" t="s">
        <v>90</v>
      </c>
      <c r="B50" s="67">
        <v>4</v>
      </c>
      <c r="C50" s="68">
        <v>0</v>
      </c>
      <c r="D50" s="68">
        <v>4</v>
      </c>
      <c r="E50" s="67">
        <v>0</v>
      </c>
      <c r="F50" s="68">
        <v>0</v>
      </c>
      <c r="G50" s="69">
        <v>0</v>
      </c>
      <c r="H50" s="68">
        <v>19</v>
      </c>
      <c r="I50" s="68">
        <v>7</v>
      </c>
      <c r="J50" s="68">
        <v>12</v>
      </c>
      <c r="K50" s="67">
        <v>15</v>
      </c>
      <c r="L50" s="79">
        <v>7</v>
      </c>
      <c r="M50" s="80">
        <v>8</v>
      </c>
    </row>
    <row r="51" spans="1:13">
      <c r="A51" s="15" t="s">
        <v>92</v>
      </c>
      <c r="B51" s="67">
        <v>3</v>
      </c>
      <c r="C51" s="68">
        <v>3</v>
      </c>
      <c r="D51" s="68">
        <v>0</v>
      </c>
      <c r="E51" s="67">
        <v>0</v>
      </c>
      <c r="F51" s="68">
        <v>0</v>
      </c>
      <c r="G51" s="69">
        <v>0</v>
      </c>
      <c r="H51" s="68">
        <v>21</v>
      </c>
      <c r="I51" s="68">
        <v>6</v>
      </c>
      <c r="J51" s="68">
        <v>15</v>
      </c>
      <c r="K51" s="67">
        <v>18</v>
      </c>
      <c r="L51" s="79">
        <v>3</v>
      </c>
      <c r="M51" s="80">
        <v>15</v>
      </c>
    </row>
    <row r="52" spans="1:13">
      <c r="A52" s="15" t="s">
        <v>94</v>
      </c>
      <c r="B52" s="67">
        <v>0</v>
      </c>
      <c r="C52" s="68">
        <v>-3</v>
      </c>
      <c r="D52" s="68">
        <v>3</v>
      </c>
      <c r="E52" s="67">
        <v>0</v>
      </c>
      <c r="F52" s="68">
        <v>0</v>
      </c>
      <c r="G52" s="69">
        <v>0</v>
      </c>
      <c r="H52" s="68">
        <v>8</v>
      </c>
      <c r="I52" s="68">
        <v>2</v>
      </c>
      <c r="J52" s="68">
        <v>6</v>
      </c>
      <c r="K52" s="67">
        <v>8</v>
      </c>
      <c r="L52" s="79">
        <v>5</v>
      </c>
      <c r="M52" s="80">
        <v>3</v>
      </c>
    </row>
    <row r="53" spans="1:13">
      <c r="A53" s="15" t="s">
        <v>96</v>
      </c>
      <c r="B53" s="67">
        <v>3</v>
      </c>
      <c r="C53" s="68">
        <v>0</v>
      </c>
      <c r="D53" s="68">
        <v>3</v>
      </c>
      <c r="E53" s="67">
        <v>0</v>
      </c>
      <c r="F53" s="68">
        <v>0</v>
      </c>
      <c r="G53" s="69">
        <v>0</v>
      </c>
      <c r="H53" s="68">
        <v>15</v>
      </c>
      <c r="I53" s="68">
        <v>2</v>
      </c>
      <c r="J53" s="68">
        <v>13</v>
      </c>
      <c r="K53" s="67">
        <v>12</v>
      </c>
      <c r="L53" s="79">
        <v>2</v>
      </c>
      <c r="M53" s="80">
        <v>10</v>
      </c>
    </row>
    <row r="54" spans="1:13" ht="21" customHeight="1">
      <c r="A54" s="36" t="s">
        <v>98</v>
      </c>
      <c r="B54" s="64">
        <v>-2</v>
      </c>
      <c r="C54" s="65">
        <v>-9</v>
      </c>
      <c r="D54" s="65">
        <v>7</v>
      </c>
      <c r="E54" s="64">
        <v>1</v>
      </c>
      <c r="F54" s="65">
        <v>0</v>
      </c>
      <c r="G54" s="66">
        <v>1</v>
      </c>
      <c r="H54" s="65">
        <v>71</v>
      </c>
      <c r="I54" s="65">
        <v>10</v>
      </c>
      <c r="J54" s="65">
        <v>61</v>
      </c>
      <c r="K54" s="64">
        <v>72</v>
      </c>
      <c r="L54" s="77">
        <v>19</v>
      </c>
      <c r="M54" s="78">
        <v>53</v>
      </c>
    </row>
    <row r="55" spans="1:13">
      <c r="A55" s="15" t="s">
        <v>100</v>
      </c>
      <c r="B55" s="67">
        <v>-4</v>
      </c>
      <c r="C55" s="68">
        <v>-2</v>
      </c>
      <c r="D55" s="68">
        <v>-2</v>
      </c>
      <c r="E55" s="67">
        <v>1</v>
      </c>
      <c r="F55" s="68">
        <v>0</v>
      </c>
      <c r="G55" s="69">
        <v>1</v>
      </c>
      <c r="H55" s="68">
        <v>15</v>
      </c>
      <c r="I55" s="68">
        <v>3</v>
      </c>
      <c r="J55" s="68">
        <v>12</v>
      </c>
      <c r="K55" s="67">
        <v>18</v>
      </c>
      <c r="L55" s="79">
        <v>5</v>
      </c>
      <c r="M55" s="80">
        <v>13</v>
      </c>
    </row>
    <row r="56" spans="1:13">
      <c r="A56" s="15" t="s">
        <v>102</v>
      </c>
      <c r="B56" s="67">
        <v>2</v>
      </c>
      <c r="C56" s="68">
        <v>2</v>
      </c>
      <c r="D56" s="68">
        <v>0</v>
      </c>
      <c r="E56" s="67">
        <v>0</v>
      </c>
      <c r="F56" s="68">
        <v>0</v>
      </c>
      <c r="G56" s="69">
        <v>0</v>
      </c>
      <c r="H56" s="68">
        <v>15</v>
      </c>
      <c r="I56" s="68">
        <v>3</v>
      </c>
      <c r="J56" s="68">
        <v>12</v>
      </c>
      <c r="K56" s="67">
        <v>13</v>
      </c>
      <c r="L56" s="79">
        <v>1</v>
      </c>
      <c r="M56" s="80">
        <v>12</v>
      </c>
    </row>
    <row r="57" spans="1:13">
      <c r="A57" s="15" t="s">
        <v>104</v>
      </c>
      <c r="B57" s="67">
        <v>-2</v>
      </c>
      <c r="C57" s="68">
        <v>-3</v>
      </c>
      <c r="D57" s="68">
        <v>1</v>
      </c>
      <c r="E57" s="67">
        <v>0</v>
      </c>
      <c r="F57" s="68">
        <v>0</v>
      </c>
      <c r="G57" s="69">
        <v>0</v>
      </c>
      <c r="H57" s="68">
        <v>14</v>
      </c>
      <c r="I57" s="68">
        <v>2</v>
      </c>
      <c r="J57" s="68">
        <v>12</v>
      </c>
      <c r="K57" s="67">
        <v>16</v>
      </c>
      <c r="L57" s="79">
        <v>5</v>
      </c>
      <c r="M57" s="80">
        <v>11</v>
      </c>
    </row>
    <row r="58" spans="1:13">
      <c r="A58" s="15" t="s">
        <v>106</v>
      </c>
      <c r="B58" s="67">
        <v>4</v>
      </c>
      <c r="C58" s="68">
        <v>-1</v>
      </c>
      <c r="D58" s="68">
        <v>5</v>
      </c>
      <c r="E58" s="67">
        <v>0</v>
      </c>
      <c r="F58" s="68">
        <v>0</v>
      </c>
      <c r="G58" s="69">
        <v>0</v>
      </c>
      <c r="H58" s="68">
        <v>17</v>
      </c>
      <c r="I58" s="68">
        <v>1</v>
      </c>
      <c r="J58" s="68">
        <v>16</v>
      </c>
      <c r="K58" s="67">
        <v>13</v>
      </c>
      <c r="L58" s="79">
        <v>2</v>
      </c>
      <c r="M58" s="80">
        <v>11</v>
      </c>
    </row>
    <row r="59" spans="1:13">
      <c r="A59" s="15" t="s">
        <v>108</v>
      </c>
      <c r="B59" s="67">
        <v>-2</v>
      </c>
      <c r="C59" s="68">
        <v>-5</v>
      </c>
      <c r="D59" s="68">
        <v>3</v>
      </c>
      <c r="E59" s="67">
        <v>0</v>
      </c>
      <c r="F59" s="68">
        <v>0</v>
      </c>
      <c r="G59" s="69">
        <v>0</v>
      </c>
      <c r="H59" s="68">
        <v>10</v>
      </c>
      <c r="I59" s="68">
        <v>1</v>
      </c>
      <c r="J59" s="68">
        <v>9</v>
      </c>
      <c r="K59" s="67">
        <v>12</v>
      </c>
      <c r="L59" s="79">
        <v>6</v>
      </c>
      <c r="M59" s="80">
        <v>6</v>
      </c>
    </row>
    <row r="60" spans="1:13" ht="21" customHeight="1">
      <c r="A60" s="36" t="s">
        <v>110</v>
      </c>
      <c r="B60" s="64">
        <v>6</v>
      </c>
      <c r="C60" s="65">
        <v>3</v>
      </c>
      <c r="D60" s="65">
        <v>3</v>
      </c>
      <c r="E60" s="64">
        <v>1</v>
      </c>
      <c r="F60" s="65">
        <v>0</v>
      </c>
      <c r="G60" s="66">
        <v>1</v>
      </c>
      <c r="H60" s="65">
        <v>49</v>
      </c>
      <c r="I60" s="65">
        <v>14</v>
      </c>
      <c r="J60" s="65">
        <v>35</v>
      </c>
      <c r="K60" s="64">
        <v>42</v>
      </c>
      <c r="L60" s="77">
        <v>11</v>
      </c>
      <c r="M60" s="78">
        <v>31</v>
      </c>
    </row>
    <row r="61" spans="1:13">
      <c r="A61" s="15" t="s">
        <v>112</v>
      </c>
      <c r="B61" s="67">
        <v>3</v>
      </c>
      <c r="C61" s="68">
        <v>3</v>
      </c>
      <c r="D61" s="68">
        <v>0</v>
      </c>
      <c r="E61" s="67">
        <v>0</v>
      </c>
      <c r="F61" s="68">
        <v>0</v>
      </c>
      <c r="G61" s="69">
        <v>0</v>
      </c>
      <c r="H61" s="68">
        <v>13</v>
      </c>
      <c r="I61" s="68">
        <v>4</v>
      </c>
      <c r="J61" s="68">
        <v>9</v>
      </c>
      <c r="K61" s="67">
        <v>10</v>
      </c>
      <c r="L61" s="79">
        <v>1</v>
      </c>
      <c r="M61" s="80">
        <v>9</v>
      </c>
    </row>
    <row r="62" spans="1:13">
      <c r="A62" s="15" t="s">
        <v>114</v>
      </c>
      <c r="B62" s="67">
        <v>-4</v>
      </c>
      <c r="C62" s="68">
        <v>-2</v>
      </c>
      <c r="D62" s="68">
        <v>-2</v>
      </c>
      <c r="E62" s="67">
        <v>0</v>
      </c>
      <c r="F62" s="68">
        <v>0</v>
      </c>
      <c r="G62" s="69">
        <v>0</v>
      </c>
      <c r="H62" s="68">
        <v>3</v>
      </c>
      <c r="I62" s="68">
        <v>1</v>
      </c>
      <c r="J62" s="68">
        <v>2</v>
      </c>
      <c r="K62" s="67">
        <v>7</v>
      </c>
      <c r="L62" s="79">
        <v>3</v>
      </c>
      <c r="M62" s="80">
        <v>4</v>
      </c>
    </row>
    <row r="63" spans="1:13">
      <c r="A63" s="15" t="s">
        <v>116</v>
      </c>
      <c r="B63" s="67">
        <v>0</v>
      </c>
      <c r="C63" s="68">
        <v>1</v>
      </c>
      <c r="D63" s="68">
        <v>-1</v>
      </c>
      <c r="E63" s="67">
        <v>0</v>
      </c>
      <c r="F63" s="68">
        <v>0</v>
      </c>
      <c r="G63" s="69">
        <v>0</v>
      </c>
      <c r="H63" s="68">
        <v>11</v>
      </c>
      <c r="I63" s="68">
        <v>3</v>
      </c>
      <c r="J63" s="68">
        <v>8</v>
      </c>
      <c r="K63" s="67">
        <v>11</v>
      </c>
      <c r="L63" s="79">
        <v>2</v>
      </c>
      <c r="M63" s="80">
        <v>9</v>
      </c>
    </row>
    <row r="64" spans="1:13">
      <c r="A64" s="15" t="s">
        <v>118</v>
      </c>
      <c r="B64" s="67">
        <v>2</v>
      </c>
      <c r="C64" s="68">
        <v>-1</v>
      </c>
      <c r="D64" s="68">
        <v>3</v>
      </c>
      <c r="E64" s="67">
        <v>0</v>
      </c>
      <c r="F64" s="68">
        <v>0</v>
      </c>
      <c r="G64" s="69">
        <v>0</v>
      </c>
      <c r="H64" s="68">
        <v>8</v>
      </c>
      <c r="I64" s="68">
        <v>1</v>
      </c>
      <c r="J64" s="68">
        <v>7</v>
      </c>
      <c r="K64" s="67">
        <v>6</v>
      </c>
      <c r="L64" s="79">
        <v>2</v>
      </c>
      <c r="M64" s="80">
        <v>4</v>
      </c>
    </row>
    <row r="65" spans="1:13">
      <c r="A65" s="19" t="s">
        <v>120</v>
      </c>
      <c r="B65" s="70">
        <v>5</v>
      </c>
      <c r="C65" s="71">
        <v>2</v>
      </c>
      <c r="D65" s="71">
        <v>3</v>
      </c>
      <c r="E65" s="70">
        <v>1</v>
      </c>
      <c r="F65" s="71">
        <v>0</v>
      </c>
      <c r="G65" s="72">
        <v>1</v>
      </c>
      <c r="H65" s="71">
        <v>14</v>
      </c>
      <c r="I65" s="71">
        <v>5</v>
      </c>
      <c r="J65" s="71">
        <v>9</v>
      </c>
      <c r="K65" s="70">
        <v>8</v>
      </c>
      <c r="L65" s="81">
        <v>3</v>
      </c>
      <c r="M65" s="82">
        <v>5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51</v>
      </c>
      <c r="C69" s="50">
        <v>24</v>
      </c>
      <c r="D69" s="84">
        <v>27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10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6</v>
      </c>
      <c r="C75" s="65">
        <v>2</v>
      </c>
      <c r="D75" s="65">
        <v>4</v>
      </c>
      <c r="E75" s="64">
        <v>3</v>
      </c>
      <c r="F75" s="65">
        <v>2</v>
      </c>
      <c r="G75" s="66">
        <v>1</v>
      </c>
      <c r="H75" s="65">
        <v>45</v>
      </c>
      <c r="I75" s="65">
        <v>16</v>
      </c>
      <c r="J75" s="65">
        <v>29</v>
      </c>
      <c r="K75" s="64">
        <v>36</v>
      </c>
      <c r="L75" s="77">
        <v>12</v>
      </c>
      <c r="M75" s="78">
        <v>24</v>
      </c>
    </row>
    <row r="76" spans="1:13">
      <c r="A76" s="27" t="s">
        <v>5</v>
      </c>
      <c r="B76" s="67">
        <v>0</v>
      </c>
      <c r="C76" s="68">
        <v>-2</v>
      </c>
      <c r="D76" s="68">
        <v>2</v>
      </c>
      <c r="E76" s="67">
        <v>0</v>
      </c>
      <c r="F76" s="68">
        <v>0</v>
      </c>
      <c r="G76" s="69">
        <v>0</v>
      </c>
      <c r="H76" s="68">
        <v>9</v>
      </c>
      <c r="I76" s="68">
        <v>1</v>
      </c>
      <c r="J76" s="68">
        <v>8</v>
      </c>
      <c r="K76" s="67">
        <v>9</v>
      </c>
      <c r="L76" s="79">
        <v>3</v>
      </c>
      <c r="M76" s="80">
        <v>6</v>
      </c>
    </row>
    <row r="77" spans="1:13">
      <c r="A77" s="27" t="s">
        <v>7</v>
      </c>
      <c r="B77" s="67">
        <v>4</v>
      </c>
      <c r="C77" s="68">
        <v>1</v>
      </c>
      <c r="D77" s="68">
        <v>3</v>
      </c>
      <c r="E77" s="67">
        <v>0</v>
      </c>
      <c r="F77" s="68">
        <v>0</v>
      </c>
      <c r="G77" s="69">
        <v>0</v>
      </c>
      <c r="H77" s="68">
        <v>10</v>
      </c>
      <c r="I77" s="68">
        <v>2</v>
      </c>
      <c r="J77" s="68">
        <v>8</v>
      </c>
      <c r="K77" s="67">
        <v>6</v>
      </c>
      <c r="L77" s="79">
        <v>1</v>
      </c>
      <c r="M77" s="80">
        <v>5</v>
      </c>
    </row>
    <row r="78" spans="1:13">
      <c r="A78" s="27" t="s">
        <v>9</v>
      </c>
      <c r="B78" s="67">
        <v>-6</v>
      </c>
      <c r="C78" s="68">
        <v>-5</v>
      </c>
      <c r="D78" s="68">
        <v>-1</v>
      </c>
      <c r="E78" s="67">
        <v>2</v>
      </c>
      <c r="F78" s="68">
        <v>2</v>
      </c>
      <c r="G78" s="69">
        <v>0</v>
      </c>
      <c r="H78" s="68">
        <v>7</v>
      </c>
      <c r="I78" s="68">
        <v>2</v>
      </c>
      <c r="J78" s="68">
        <v>5</v>
      </c>
      <c r="K78" s="67">
        <v>11</v>
      </c>
      <c r="L78" s="79">
        <v>5</v>
      </c>
      <c r="M78" s="80">
        <v>6</v>
      </c>
    </row>
    <row r="79" spans="1:13">
      <c r="A79" s="27" t="s">
        <v>11</v>
      </c>
      <c r="B79" s="67">
        <v>8</v>
      </c>
      <c r="C79" s="68">
        <v>7</v>
      </c>
      <c r="D79" s="68">
        <v>1</v>
      </c>
      <c r="E79" s="67">
        <v>1</v>
      </c>
      <c r="F79" s="68">
        <v>0</v>
      </c>
      <c r="G79" s="69">
        <v>1</v>
      </c>
      <c r="H79" s="68">
        <v>15</v>
      </c>
      <c r="I79" s="68">
        <v>9</v>
      </c>
      <c r="J79" s="68">
        <v>6</v>
      </c>
      <c r="K79" s="67">
        <v>6</v>
      </c>
      <c r="L79" s="79">
        <v>2</v>
      </c>
      <c r="M79" s="80">
        <v>4</v>
      </c>
    </row>
    <row r="80" spans="1:13">
      <c r="A80" s="27" t="s">
        <v>13</v>
      </c>
      <c r="B80" s="67">
        <v>0</v>
      </c>
      <c r="C80" s="68">
        <v>1</v>
      </c>
      <c r="D80" s="68">
        <v>-1</v>
      </c>
      <c r="E80" s="67">
        <v>0</v>
      </c>
      <c r="F80" s="68">
        <v>0</v>
      </c>
      <c r="G80" s="69">
        <v>0</v>
      </c>
      <c r="H80" s="68">
        <v>4</v>
      </c>
      <c r="I80" s="68">
        <v>2</v>
      </c>
      <c r="J80" s="68">
        <v>2</v>
      </c>
      <c r="K80" s="67">
        <v>4</v>
      </c>
      <c r="L80" s="79">
        <v>1</v>
      </c>
      <c r="M80" s="80">
        <v>3</v>
      </c>
    </row>
    <row r="81" spans="1:13" ht="21" customHeight="1">
      <c r="A81" s="38" t="s">
        <v>15</v>
      </c>
      <c r="B81" s="64">
        <v>3</v>
      </c>
      <c r="C81" s="65">
        <v>0</v>
      </c>
      <c r="D81" s="65">
        <v>3</v>
      </c>
      <c r="E81" s="64">
        <v>2</v>
      </c>
      <c r="F81" s="65">
        <v>1</v>
      </c>
      <c r="G81" s="66">
        <v>1</v>
      </c>
      <c r="H81" s="65">
        <v>20</v>
      </c>
      <c r="I81" s="65">
        <v>11</v>
      </c>
      <c r="J81" s="65">
        <v>9</v>
      </c>
      <c r="K81" s="64">
        <v>15</v>
      </c>
      <c r="L81" s="77">
        <v>10</v>
      </c>
      <c r="M81" s="78">
        <v>5</v>
      </c>
    </row>
    <row r="82" spans="1:13">
      <c r="A82" s="27" t="s">
        <v>17</v>
      </c>
      <c r="B82" s="67">
        <v>0</v>
      </c>
      <c r="C82" s="68">
        <v>0</v>
      </c>
      <c r="D82" s="68">
        <v>0</v>
      </c>
      <c r="E82" s="67">
        <v>1</v>
      </c>
      <c r="F82" s="68">
        <v>0</v>
      </c>
      <c r="G82" s="69">
        <v>1</v>
      </c>
      <c r="H82" s="68">
        <v>4</v>
      </c>
      <c r="I82" s="68">
        <v>1</v>
      </c>
      <c r="J82" s="68">
        <v>3</v>
      </c>
      <c r="K82" s="67">
        <v>3</v>
      </c>
      <c r="L82" s="79">
        <v>1</v>
      </c>
      <c r="M82" s="80">
        <v>2</v>
      </c>
    </row>
    <row r="83" spans="1:13">
      <c r="A83" s="27" t="s">
        <v>19</v>
      </c>
      <c r="B83" s="67">
        <v>1</v>
      </c>
      <c r="C83" s="68">
        <v>0</v>
      </c>
      <c r="D83" s="68">
        <v>1</v>
      </c>
      <c r="E83" s="67">
        <v>0</v>
      </c>
      <c r="F83" s="68">
        <v>0</v>
      </c>
      <c r="G83" s="69">
        <v>0</v>
      </c>
      <c r="H83" s="68">
        <v>4</v>
      </c>
      <c r="I83" s="68">
        <v>3</v>
      </c>
      <c r="J83" s="68">
        <v>1</v>
      </c>
      <c r="K83" s="67">
        <v>3</v>
      </c>
      <c r="L83" s="79">
        <v>3</v>
      </c>
      <c r="M83" s="80">
        <v>0</v>
      </c>
    </row>
    <row r="84" spans="1:13">
      <c r="A84" s="27" t="s">
        <v>21</v>
      </c>
      <c r="B84" s="67">
        <v>3</v>
      </c>
      <c r="C84" s="68">
        <v>2</v>
      </c>
      <c r="D84" s="68">
        <v>1</v>
      </c>
      <c r="E84" s="67">
        <v>0</v>
      </c>
      <c r="F84" s="68">
        <v>0</v>
      </c>
      <c r="G84" s="69">
        <v>0</v>
      </c>
      <c r="H84" s="68">
        <v>5</v>
      </c>
      <c r="I84" s="68">
        <v>3</v>
      </c>
      <c r="J84" s="68">
        <v>2</v>
      </c>
      <c r="K84" s="67">
        <v>2</v>
      </c>
      <c r="L84" s="79">
        <v>1</v>
      </c>
      <c r="M84" s="80">
        <v>1</v>
      </c>
    </row>
    <row r="85" spans="1:13">
      <c r="A85" s="27" t="s">
        <v>23</v>
      </c>
      <c r="B85" s="67">
        <v>-2</v>
      </c>
      <c r="C85" s="68">
        <v>-3</v>
      </c>
      <c r="D85" s="68">
        <v>1</v>
      </c>
      <c r="E85" s="67">
        <v>1</v>
      </c>
      <c r="F85" s="68">
        <v>1</v>
      </c>
      <c r="G85" s="69">
        <v>0</v>
      </c>
      <c r="H85" s="68">
        <v>5</v>
      </c>
      <c r="I85" s="68">
        <v>2</v>
      </c>
      <c r="J85" s="68">
        <v>3</v>
      </c>
      <c r="K85" s="67">
        <v>6</v>
      </c>
      <c r="L85" s="79">
        <v>4</v>
      </c>
      <c r="M85" s="80">
        <v>2</v>
      </c>
    </row>
    <row r="86" spans="1:13">
      <c r="A86" s="27" t="s">
        <v>25</v>
      </c>
      <c r="B86" s="67">
        <v>1</v>
      </c>
      <c r="C86" s="68">
        <v>1</v>
      </c>
      <c r="D86" s="68">
        <v>0</v>
      </c>
      <c r="E86" s="67">
        <v>0</v>
      </c>
      <c r="F86" s="68">
        <v>0</v>
      </c>
      <c r="G86" s="69">
        <v>0</v>
      </c>
      <c r="H86" s="68">
        <v>2</v>
      </c>
      <c r="I86" s="68">
        <v>2</v>
      </c>
      <c r="J86" s="68">
        <v>0</v>
      </c>
      <c r="K86" s="67">
        <v>1</v>
      </c>
      <c r="L86" s="79">
        <v>1</v>
      </c>
      <c r="M86" s="80">
        <v>0</v>
      </c>
    </row>
    <row r="87" spans="1:13" ht="21" customHeight="1">
      <c r="A87" s="38" t="s">
        <v>27</v>
      </c>
      <c r="B87" s="64">
        <v>1</v>
      </c>
      <c r="C87" s="65">
        <v>3</v>
      </c>
      <c r="D87" s="65">
        <v>-2</v>
      </c>
      <c r="E87" s="64">
        <v>4</v>
      </c>
      <c r="F87" s="65">
        <v>2</v>
      </c>
      <c r="G87" s="66">
        <v>2</v>
      </c>
      <c r="H87" s="65">
        <v>19</v>
      </c>
      <c r="I87" s="65">
        <v>11</v>
      </c>
      <c r="J87" s="65">
        <v>8</v>
      </c>
      <c r="K87" s="64">
        <v>14</v>
      </c>
      <c r="L87" s="77">
        <v>6</v>
      </c>
      <c r="M87" s="78">
        <v>8</v>
      </c>
    </row>
    <row r="88" spans="1:13">
      <c r="A88" s="27" t="s">
        <v>29</v>
      </c>
      <c r="B88" s="67">
        <v>-1</v>
      </c>
      <c r="C88" s="68">
        <v>1</v>
      </c>
      <c r="D88" s="68">
        <v>-2</v>
      </c>
      <c r="E88" s="67">
        <v>0</v>
      </c>
      <c r="F88" s="68">
        <v>0</v>
      </c>
      <c r="G88" s="69">
        <v>0</v>
      </c>
      <c r="H88" s="68">
        <v>6</v>
      </c>
      <c r="I88" s="68">
        <v>4</v>
      </c>
      <c r="J88" s="68">
        <v>2</v>
      </c>
      <c r="K88" s="67">
        <v>7</v>
      </c>
      <c r="L88" s="79">
        <v>3</v>
      </c>
      <c r="M88" s="80">
        <v>4</v>
      </c>
    </row>
    <row r="89" spans="1:13">
      <c r="A89" s="27" t="s">
        <v>31</v>
      </c>
      <c r="B89" s="67">
        <v>-3</v>
      </c>
      <c r="C89" s="68">
        <v>-2</v>
      </c>
      <c r="D89" s="68">
        <v>-1</v>
      </c>
      <c r="E89" s="67">
        <v>1</v>
      </c>
      <c r="F89" s="68">
        <v>0</v>
      </c>
      <c r="G89" s="69">
        <v>1</v>
      </c>
      <c r="H89" s="68">
        <v>1</v>
      </c>
      <c r="I89" s="68">
        <v>0</v>
      </c>
      <c r="J89" s="68">
        <v>1</v>
      </c>
      <c r="K89" s="67">
        <v>3</v>
      </c>
      <c r="L89" s="79">
        <v>2</v>
      </c>
      <c r="M89" s="80">
        <v>1</v>
      </c>
    </row>
    <row r="90" spans="1:13">
      <c r="A90" s="27" t="s">
        <v>33</v>
      </c>
      <c r="B90" s="67">
        <v>-1</v>
      </c>
      <c r="C90" s="68">
        <v>1</v>
      </c>
      <c r="D90" s="68">
        <v>-2</v>
      </c>
      <c r="E90" s="67">
        <v>2</v>
      </c>
      <c r="F90" s="68">
        <v>1</v>
      </c>
      <c r="G90" s="69">
        <v>1</v>
      </c>
      <c r="H90" s="68">
        <v>4</v>
      </c>
      <c r="I90" s="68">
        <v>2</v>
      </c>
      <c r="J90" s="68">
        <v>2</v>
      </c>
      <c r="K90" s="67">
        <v>3</v>
      </c>
      <c r="L90" s="79">
        <v>0</v>
      </c>
      <c r="M90" s="80">
        <v>3</v>
      </c>
    </row>
    <row r="91" spans="1:13">
      <c r="A91" s="27" t="s">
        <v>35</v>
      </c>
      <c r="B91" s="67">
        <v>5</v>
      </c>
      <c r="C91" s="68">
        <v>2</v>
      </c>
      <c r="D91" s="68">
        <v>3</v>
      </c>
      <c r="E91" s="67">
        <v>0</v>
      </c>
      <c r="F91" s="68">
        <v>0</v>
      </c>
      <c r="G91" s="69">
        <v>0</v>
      </c>
      <c r="H91" s="68">
        <v>6</v>
      </c>
      <c r="I91" s="68">
        <v>3</v>
      </c>
      <c r="J91" s="68">
        <v>3</v>
      </c>
      <c r="K91" s="67">
        <v>1</v>
      </c>
      <c r="L91" s="79">
        <v>1</v>
      </c>
      <c r="M91" s="80">
        <v>0</v>
      </c>
    </row>
    <row r="92" spans="1:13">
      <c r="A92" s="27" t="s">
        <v>37</v>
      </c>
      <c r="B92" s="67">
        <v>1</v>
      </c>
      <c r="C92" s="68">
        <v>1</v>
      </c>
      <c r="D92" s="68">
        <v>0</v>
      </c>
      <c r="E92" s="67">
        <v>1</v>
      </c>
      <c r="F92" s="68">
        <v>1</v>
      </c>
      <c r="G92" s="69">
        <v>0</v>
      </c>
      <c r="H92" s="68">
        <v>2</v>
      </c>
      <c r="I92" s="68">
        <v>2</v>
      </c>
      <c r="J92" s="68">
        <v>0</v>
      </c>
      <c r="K92" s="67">
        <v>0</v>
      </c>
      <c r="L92" s="79">
        <v>0</v>
      </c>
      <c r="M92" s="80">
        <v>0</v>
      </c>
    </row>
    <row r="93" spans="1:13" ht="21" customHeight="1">
      <c r="A93" s="38" t="s">
        <v>39</v>
      </c>
      <c r="B93" s="64">
        <v>-11</v>
      </c>
      <c r="C93" s="65">
        <v>-8</v>
      </c>
      <c r="D93" s="65">
        <v>-3</v>
      </c>
      <c r="E93" s="64">
        <v>9</v>
      </c>
      <c r="F93" s="65">
        <v>6</v>
      </c>
      <c r="G93" s="66">
        <v>3</v>
      </c>
      <c r="H93" s="65">
        <v>8</v>
      </c>
      <c r="I93" s="65">
        <v>6</v>
      </c>
      <c r="J93" s="65">
        <v>2</v>
      </c>
      <c r="K93" s="64">
        <v>10</v>
      </c>
      <c r="L93" s="77">
        <v>8</v>
      </c>
      <c r="M93" s="78">
        <v>2</v>
      </c>
    </row>
    <row r="94" spans="1:13">
      <c r="A94" s="27" t="s">
        <v>41</v>
      </c>
      <c r="B94" s="67">
        <v>-3</v>
      </c>
      <c r="C94" s="68">
        <v>-4</v>
      </c>
      <c r="D94" s="68">
        <v>1</v>
      </c>
      <c r="E94" s="67">
        <v>1</v>
      </c>
      <c r="F94" s="68">
        <v>1</v>
      </c>
      <c r="G94" s="69">
        <v>0</v>
      </c>
      <c r="H94" s="68">
        <v>1</v>
      </c>
      <c r="I94" s="68">
        <v>0</v>
      </c>
      <c r="J94" s="68">
        <v>1</v>
      </c>
      <c r="K94" s="67">
        <v>3</v>
      </c>
      <c r="L94" s="79">
        <v>3</v>
      </c>
      <c r="M94" s="80">
        <v>0</v>
      </c>
    </row>
    <row r="95" spans="1:13">
      <c r="A95" s="27" t="s">
        <v>43</v>
      </c>
      <c r="B95" s="67">
        <v>-6</v>
      </c>
      <c r="C95" s="68">
        <v>-4</v>
      </c>
      <c r="D95" s="68">
        <v>-2</v>
      </c>
      <c r="E95" s="67">
        <v>5</v>
      </c>
      <c r="F95" s="68">
        <v>3</v>
      </c>
      <c r="G95" s="69">
        <v>2</v>
      </c>
      <c r="H95" s="68">
        <v>0</v>
      </c>
      <c r="I95" s="68">
        <v>0</v>
      </c>
      <c r="J95" s="68">
        <v>0</v>
      </c>
      <c r="K95" s="67">
        <v>1</v>
      </c>
      <c r="L95" s="79">
        <v>1</v>
      </c>
      <c r="M95" s="80">
        <v>0</v>
      </c>
    </row>
    <row r="96" spans="1:13">
      <c r="A96" s="27" t="s">
        <v>45</v>
      </c>
      <c r="B96" s="67">
        <v>0</v>
      </c>
      <c r="C96" s="68">
        <v>1</v>
      </c>
      <c r="D96" s="68">
        <v>-1</v>
      </c>
      <c r="E96" s="67">
        <v>0</v>
      </c>
      <c r="F96" s="68">
        <v>0</v>
      </c>
      <c r="G96" s="69">
        <v>0</v>
      </c>
      <c r="H96" s="68">
        <v>3</v>
      </c>
      <c r="I96" s="68">
        <v>3</v>
      </c>
      <c r="J96" s="68">
        <v>0</v>
      </c>
      <c r="K96" s="67">
        <v>3</v>
      </c>
      <c r="L96" s="79">
        <v>2</v>
      </c>
      <c r="M96" s="80">
        <v>1</v>
      </c>
    </row>
    <row r="97" spans="1:13">
      <c r="A97" s="27" t="s">
        <v>47</v>
      </c>
      <c r="B97" s="67">
        <v>-2</v>
      </c>
      <c r="C97" s="68">
        <v>-1</v>
      </c>
      <c r="D97" s="68">
        <v>-1</v>
      </c>
      <c r="E97" s="67">
        <v>1</v>
      </c>
      <c r="F97" s="68">
        <v>1</v>
      </c>
      <c r="G97" s="69">
        <v>0</v>
      </c>
      <c r="H97" s="68">
        <v>0</v>
      </c>
      <c r="I97" s="68">
        <v>0</v>
      </c>
      <c r="J97" s="68">
        <v>0</v>
      </c>
      <c r="K97" s="67">
        <v>1</v>
      </c>
      <c r="L97" s="79">
        <v>0</v>
      </c>
      <c r="M97" s="80">
        <v>1</v>
      </c>
    </row>
    <row r="98" spans="1:13">
      <c r="A98" s="27" t="s">
        <v>49</v>
      </c>
      <c r="B98" s="67">
        <v>0</v>
      </c>
      <c r="C98" s="68">
        <v>0</v>
      </c>
      <c r="D98" s="68">
        <v>0</v>
      </c>
      <c r="E98" s="67">
        <v>2</v>
      </c>
      <c r="F98" s="68">
        <v>1</v>
      </c>
      <c r="G98" s="69">
        <v>1</v>
      </c>
      <c r="H98" s="68">
        <v>4</v>
      </c>
      <c r="I98" s="68">
        <v>3</v>
      </c>
      <c r="J98" s="68">
        <v>1</v>
      </c>
      <c r="K98" s="67">
        <v>2</v>
      </c>
      <c r="L98" s="79">
        <v>2</v>
      </c>
      <c r="M98" s="80">
        <v>0</v>
      </c>
    </row>
    <row r="99" spans="1:13" ht="21" customHeight="1">
      <c r="A99" s="38" t="s">
        <v>51</v>
      </c>
      <c r="B99" s="64">
        <v>-23</v>
      </c>
      <c r="C99" s="65">
        <v>-13</v>
      </c>
      <c r="D99" s="65">
        <v>-10</v>
      </c>
      <c r="E99" s="64">
        <v>16</v>
      </c>
      <c r="F99" s="65">
        <v>11</v>
      </c>
      <c r="G99" s="66">
        <v>5</v>
      </c>
      <c r="H99" s="65">
        <v>5</v>
      </c>
      <c r="I99" s="65">
        <v>4</v>
      </c>
      <c r="J99" s="65">
        <v>1</v>
      </c>
      <c r="K99" s="64">
        <v>12</v>
      </c>
      <c r="L99" s="77">
        <v>6</v>
      </c>
      <c r="M99" s="78">
        <v>6</v>
      </c>
    </row>
    <row r="100" spans="1:13">
      <c r="A100" s="27" t="s">
        <v>53</v>
      </c>
      <c r="B100" s="67">
        <v>-2</v>
      </c>
      <c r="C100" s="68">
        <v>-1</v>
      </c>
      <c r="D100" s="68">
        <v>-1</v>
      </c>
      <c r="E100" s="67">
        <v>2</v>
      </c>
      <c r="F100" s="68">
        <v>1</v>
      </c>
      <c r="G100" s="69">
        <v>1</v>
      </c>
      <c r="H100" s="68">
        <v>1</v>
      </c>
      <c r="I100" s="68">
        <v>0</v>
      </c>
      <c r="J100" s="68">
        <v>1</v>
      </c>
      <c r="K100" s="67">
        <v>1</v>
      </c>
      <c r="L100" s="79">
        <v>0</v>
      </c>
      <c r="M100" s="80">
        <v>1</v>
      </c>
    </row>
    <row r="101" spans="1:13">
      <c r="A101" s="27" t="s">
        <v>55</v>
      </c>
      <c r="B101" s="67">
        <v>-7</v>
      </c>
      <c r="C101" s="68">
        <v>-4</v>
      </c>
      <c r="D101" s="68">
        <v>-3</v>
      </c>
      <c r="E101" s="67">
        <v>6</v>
      </c>
      <c r="F101" s="68">
        <v>4</v>
      </c>
      <c r="G101" s="69">
        <v>2</v>
      </c>
      <c r="H101" s="68">
        <v>1</v>
      </c>
      <c r="I101" s="68">
        <v>1</v>
      </c>
      <c r="J101" s="68">
        <v>0</v>
      </c>
      <c r="K101" s="67">
        <v>2</v>
      </c>
      <c r="L101" s="79">
        <v>1</v>
      </c>
      <c r="M101" s="80">
        <v>1</v>
      </c>
    </row>
    <row r="102" spans="1:13">
      <c r="A102" s="27" t="s">
        <v>57</v>
      </c>
      <c r="B102" s="67">
        <v>-2</v>
      </c>
      <c r="C102" s="68">
        <v>-1</v>
      </c>
      <c r="D102" s="68">
        <v>-1</v>
      </c>
      <c r="E102" s="67">
        <v>0</v>
      </c>
      <c r="F102" s="68">
        <v>0</v>
      </c>
      <c r="G102" s="69">
        <v>0</v>
      </c>
      <c r="H102" s="68">
        <v>0</v>
      </c>
      <c r="I102" s="68">
        <v>0</v>
      </c>
      <c r="J102" s="68">
        <v>0</v>
      </c>
      <c r="K102" s="67">
        <v>2</v>
      </c>
      <c r="L102" s="79">
        <v>1</v>
      </c>
      <c r="M102" s="80">
        <v>1</v>
      </c>
    </row>
    <row r="103" spans="1:13">
      <c r="A103" s="27" t="s">
        <v>59</v>
      </c>
      <c r="B103" s="67">
        <v>-9</v>
      </c>
      <c r="C103" s="68">
        <v>-4</v>
      </c>
      <c r="D103" s="68">
        <v>-5</v>
      </c>
      <c r="E103" s="67">
        <v>6</v>
      </c>
      <c r="F103" s="68">
        <v>4</v>
      </c>
      <c r="G103" s="69">
        <v>2</v>
      </c>
      <c r="H103" s="68">
        <v>2</v>
      </c>
      <c r="I103" s="68">
        <v>2</v>
      </c>
      <c r="J103" s="68">
        <v>0</v>
      </c>
      <c r="K103" s="67">
        <v>5</v>
      </c>
      <c r="L103" s="79">
        <v>2</v>
      </c>
      <c r="M103" s="80">
        <v>3</v>
      </c>
    </row>
    <row r="104" spans="1:13">
      <c r="A104" s="27" t="s">
        <v>61</v>
      </c>
      <c r="B104" s="67">
        <v>-3</v>
      </c>
      <c r="C104" s="68">
        <v>-3</v>
      </c>
      <c r="D104" s="68">
        <v>0</v>
      </c>
      <c r="E104" s="67">
        <v>2</v>
      </c>
      <c r="F104" s="68">
        <v>2</v>
      </c>
      <c r="G104" s="69">
        <v>0</v>
      </c>
      <c r="H104" s="68">
        <v>1</v>
      </c>
      <c r="I104" s="68">
        <v>1</v>
      </c>
      <c r="J104" s="68">
        <v>0</v>
      </c>
      <c r="K104" s="67">
        <v>2</v>
      </c>
      <c r="L104" s="79">
        <v>2</v>
      </c>
      <c r="M104" s="80">
        <v>0</v>
      </c>
    </row>
    <row r="105" spans="1:13" ht="21" customHeight="1">
      <c r="A105" s="38" t="s">
        <v>63</v>
      </c>
      <c r="B105" s="64">
        <v>-25</v>
      </c>
      <c r="C105" s="65">
        <v>-18</v>
      </c>
      <c r="D105" s="65">
        <v>-7</v>
      </c>
      <c r="E105" s="64">
        <v>21</v>
      </c>
      <c r="F105" s="65">
        <v>14</v>
      </c>
      <c r="G105" s="66">
        <v>7</v>
      </c>
      <c r="H105" s="65">
        <v>3</v>
      </c>
      <c r="I105" s="65">
        <v>0</v>
      </c>
      <c r="J105" s="65">
        <v>3</v>
      </c>
      <c r="K105" s="64">
        <v>7</v>
      </c>
      <c r="L105" s="77">
        <v>4</v>
      </c>
      <c r="M105" s="78">
        <v>3</v>
      </c>
    </row>
    <row r="106" spans="1:13">
      <c r="A106" s="27" t="s">
        <v>65</v>
      </c>
      <c r="B106" s="67">
        <v>-8</v>
      </c>
      <c r="C106" s="68">
        <v>-6</v>
      </c>
      <c r="D106" s="68">
        <v>-2</v>
      </c>
      <c r="E106" s="67">
        <v>3</v>
      </c>
      <c r="F106" s="68">
        <v>3</v>
      </c>
      <c r="G106" s="69">
        <v>0</v>
      </c>
      <c r="H106" s="68">
        <v>0</v>
      </c>
      <c r="I106" s="68">
        <v>0</v>
      </c>
      <c r="J106" s="68">
        <v>0</v>
      </c>
      <c r="K106" s="67">
        <v>5</v>
      </c>
      <c r="L106" s="79">
        <v>3</v>
      </c>
      <c r="M106" s="80">
        <v>2</v>
      </c>
    </row>
    <row r="107" spans="1:13">
      <c r="A107" s="27" t="s">
        <v>67</v>
      </c>
      <c r="B107" s="67">
        <v>-5</v>
      </c>
      <c r="C107" s="68">
        <v>-1</v>
      </c>
      <c r="D107" s="68">
        <v>-4</v>
      </c>
      <c r="E107" s="67">
        <v>4</v>
      </c>
      <c r="F107" s="68">
        <v>1</v>
      </c>
      <c r="G107" s="69">
        <v>3</v>
      </c>
      <c r="H107" s="68">
        <v>0</v>
      </c>
      <c r="I107" s="68">
        <v>0</v>
      </c>
      <c r="J107" s="68">
        <v>0</v>
      </c>
      <c r="K107" s="67">
        <v>1</v>
      </c>
      <c r="L107" s="79">
        <v>0</v>
      </c>
      <c r="M107" s="80">
        <v>1</v>
      </c>
    </row>
    <row r="108" spans="1:13">
      <c r="A108" s="27" t="s">
        <v>69</v>
      </c>
      <c r="B108" s="67">
        <v>0</v>
      </c>
      <c r="C108" s="68">
        <v>0</v>
      </c>
      <c r="D108" s="68">
        <v>0</v>
      </c>
      <c r="E108" s="67">
        <v>1</v>
      </c>
      <c r="F108" s="68">
        <v>0</v>
      </c>
      <c r="G108" s="69">
        <v>1</v>
      </c>
      <c r="H108" s="68">
        <v>1</v>
      </c>
      <c r="I108" s="68">
        <v>0</v>
      </c>
      <c r="J108" s="68">
        <v>1</v>
      </c>
      <c r="K108" s="67">
        <v>0</v>
      </c>
      <c r="L108" s="79">
        <v>0</v>
      </c>
      <c r="M108" s="80">
        <v>0</v>
      </c>
    </row>
    <row r="109" spans="1:13">
      <c r="A109" s="27" t="s">
        <v>71</v>
      </c>
      <c r="B109" s="67">
        <v>-1</v>
      </c>
      <c r="C109" s="68">
        <v>-2</v>
      </c>
      <c r="D109" s="68">
        <v>1</v>
      </c>
      <c r="E109" s="67">
        <v>1</v>
      </c>
      <c r="F109" s="68">
        <v>1</v>
      </c>
      <c r="G109" s="69">
        <v>0</v>
      </c>
      <c r="H109" s="68">
        <v>1</v>
      </c>
      <c r="I109" s="68">
        <v>0</v>
      </c>
      <c r="J109" s="68">
        <v>1</v>
      </c>
      <c r="K109" s="67">
        <v>1</v>
      </c>
      <c r="L109" s="79">
        <v>1</v>
      </c>
      <c r="M109" s="80">
        <v>0</v>
      </c>
    </row>
    <row r="110" spans="1:13">
      <c r="A110" s="27" t="s">
        <v>73</v>
      </c>
      <c r="B110" s="67">
        <v>-11</v>
      </c>
      <c r="C110" s="68">
        <v>-9</v>
      </c>
      <c r="D110" s="68">
        <v>-2</v>
      </c>
      <c r="E110" s="67">
        <v>12</v>
      </c>
      <c r="F110" s="68">
        <v>9</v>
      </c>
      <c r="G110" s="69">
        <v>3</v>
      </c>
      <c r="H110" s="68">
        <v>1</v>
      </c>
      <c r="I110" s="68">
        <v>0</v>
      </c>
      <c r="J110" s="68">
        <v>1</v>
      </c>
      <c r="K110" s="67">
        <v>0</v>
      </c>
      <c r="L110" s="79">
        <v>0</v>
      </c>
      <c r="M110" s="80">
        <v>0</v>
      </c>
    </row>
    <row r="111" spans="1:13" ht="21" customHeight="1">
      <c r="A111" s="38" t="s">
        <v>75</v>
      </c>
      <c r="B111" s="64">
        <v>-28</v>
      </c>
      <c r="C111" s="65">
        <v>-20</v>
      </c>
      <c r="D111" s="65">
        <v>-8</v>
      </c>
      <c r="E111" s="64">
        <v>28</v>
      </c>
      <c r="F111" s="65">
        <v>19</v>
      </c>
      <c r="G111" s="66">
        <v>9</v>
      </c>
      <c r="H111" s="65">
        <v>2</v>
      </c>
      <c r="I111" s="65">
        <v>0</v>
      </c>
      <c r="J111" s="65">
        <v>2</v>
      </c>
      <c r="K111" s="64">
        <v>2</v>
      </c>
      <c r="L111" s="77">
        <v>1</v>
      </c>
      <c r="M111" s="78">
        <v>1</v>
      </c>
    </row>
    <row r="112" spans="1:13">
      <c r="A112" s="27" t="s">
        <v>77</v>
      </c>
      <c r="B112" s="67">
        <v>-2</v>
      </c>
      <c r="C112" s="68">
        <v>-2</v>
      </c>
      <c r="D112" s="68">
        <v>0</v>
      </c>
      <c r="E112" s="67">
        <v>2</v>
      </c>
      <c r="F112" s="68">
        <v>2</v>
      </c>
      <c r="G112" s="69">
        <v>0</v>
      </c>
      <c r="H112" s="68">
        <v>1</v>
      </c>
      <c r="I112" s="68">
        <v>0</v>
      </c>
      <c r="J112" s="68">
        <v>1</v>
      </c>
      <c r="K112" s="67">
        <v>1</v>
      </c>
      <c r="L112" s="79">
        <v>0</v>
      </c>
      <c r="M112" s="80">
        <v>1</v>
      </c>
    </row>
    <row r="113" spans="1:13">
      <c r="A113" s="27" t="s">
        <v>79</v>
      </c>
      <c r="B113" s="67">
        <v>-9</v>
      </c>
      <c r="C113" s="68">
        <v>-4</v>
      </c>
      <c r="D113" s="68">
        <v>-5</v>
      </c>
      <c r="E113" s="67">
        <v>9</v>
      </c>
      <c r="F113" s="68">
        <v>4</v>
      </c>
      <c r="G113" s="69">
        <v>5</v>
      </c>
      <c r="H113" s="68">
        <v>0</v>
      </c>
      <c r="I113" s="68">
        <v>0</v>
      </c>
      <c r="J113" s="68">
        <v>0</v>
      </c>
      <c r="K113" s="67">
        <v>0</v>
      </c>
      <c r="L113" s="79">
        <v>0</v>
      </c>
      <c r="M113" s="80">
        <v>0</v>
      </c>
    </row>
    <row r="114" spans="1:13">
      <c r="A114" s="27" t="s">
        <v>81</v>
      </c>
      <c r="B114" s="67">
        <v>-4</v>
      </c>
      <c r="C114" s="68">
        <v>-3</v>
      </c>
      <c r="D114" s="68">
        <v>-1</v>
      </c>
      <c r="E114" s="67">
        <v>3</v>
      </c>
      <c r="F114" s="68">
        <v>2</v>
      </c>
      <c r="G114" s="69">
        <v>1</v>
      </c>
      <c r="H114" s="68">
        <v>0</v>
      </c>
      <c r="I114" s="68">
        <v>0</v>
      </c>
      <c r="J114" s="68">
        <v>0</v>
      </c>
      <c r="K114" s="67">
        <v>1</v>
      </c>
      <c r="L114" s="79">
        <v>1</v>
      </c>
      <c r="M114" s="80">
        <v>0</v>
      </c>
    </row>
    <row r="115" spans="1:13">
      <c r="A115" s="27" t="s">
        <v>83</v>
      </c>
      <c r="B115" s="67">
        <v>-4</v>
      </c>
      <c r="C115" s="68">
        <v>-4</v>
      </c>
      <c r="D115" s="68">
        <v>0</v>
      </c>
      <c r="E115" s="67">
        <v>5</v>
      </c>
      <c r="F115" s="68">
        <v>4</v>
      </c>
      <c r="G115" s="69">
        <v>1</v>
      </c>
      <c r="H115" s="68">
        <v>1</v>
      </c>
      <c r="I115" s="68">
        <v>0</v>
      </c>
      <c r="J115" s="68">
        <v>1</v>
      </c>
      <c r="K115" s="67">
        <v>0</v>
      </c>
      <c r="L115" s="79">
        <v>0</v>
      </c>
      <c r="M115" s="80">
        <v>0</v>
      </c>
    </row>
    <row r="116" spans="1:13">
      <c r="A116" s="27" t="s">
        <v>85</v>
      </c>
      <c r="B116" s="67">
        <v>-9</v>
      </c>
      <c r="C116" s="68">
        <v>-7</v>
      </c>
      <c r="D116" s="68">
        <v>-2</v>
      </c>
      <c r="E116" s="67">
        <v>9</v>
      </c>
      <c r="F116" s="68">
        <v>7</v>
      </c>
      <c r="G116" s="69">
        <v>2</v>
      </c>
      <c r="H116" s="68">
        <v>0</v>
      </c>
      <c r="I116" s="68">
        <v>0</v>
      </c>
      <c r="J116" s="68">
        <v>0</v>
      </c>
      <c r="K116" s="67">
        <v>0</v>
      </c>
      <c r="L116" s="79">
        <v>0</v>
      </c>
      <c r="M116" s="80">
        <v>0</v>
      </c>
    </row>
    <row r="117" spans="1:13" ht="21" customHeight="1">
      <c r="A117" s="38" t="s">
        <v>87</v>
      </c>
      <c r="B117" s="64">
        <v>-36</v>
      </c>
      <c r="C117" s="65">
        <v>-14</v>
      </c>
      <c r="D117" s="65">
        <v>-22</v>
      </c>
      <c r="E117" s="64">
        <v>31</v>
      </c>
      <c r="F117" s="65">
        <v>13</v>
      </c>
      <c r="G117" s="66">
        <v>18</v>
      </c>
      <c r="H117" s="65">
        <v>2</v>
      </c>
      <c r="I117" s="65">
        <v>0</v>
      </c>
      <c r="J117" s="65">
        <v>2</v>
      </c>
      <c r="K117" s="64">
        <v>7</v>
      </c>
      <c r="L117" s="77">
        <v>1</v>
      </c>
      <c r="M117" s="78">
        <v>6</v>
      </c>
    </row>
    <row r="118" spans="1:13">
      <c r="A118" s="27" t="s">
        <v>89</v>
      </c>
      <c r="B118" s="67">
        <v>-7</v>
      </c>
      <c r="C118" s="68">
        <v>-2</v>
      </c>
      <c r="D118" s="68">
        <v>-5</v>
      </c>
      <c r="E118" s="67">
        <v>6</v>
      </c>
      <c r="F118" s="68">
        <v>1</v>
      </c>
      <c r="G118" s="69">
        <v>5</v>
      </c>
      <c r="H118" s="68">
        <v>0</v>
      </c>
      <c r="I118" s="68">
        <v>0</v>
      </c>
      <c r="J118" s="68">
        <v>0</v>
      </c>
      <c r="K118" s="67">
        <v>1</v>
      </c>
      <c r="L118" s="79">
        <v>1</v>
      </c>
      <c r="M118" s="80">
        <v>0</v>
      </c>
    </row>
    <row r="119" spans="1:13">
      <c r="A119" s="27" t="s">
        <v>91</v>
      </c>
      <c r="B119" s="67">
        <v>-6</v>
      </c>
      <c r="C119" s="68">
        <v>-3</v>
      </c>
      <c r="D119" s="68">
        <v>-3</v>
      </c>
      <c r="E119" s="67">
        <v>5</v>
      </c>
      <c r="F119" s="68">
        <v>3</v>
      </c>
      <c r="G119" s="69">
        <v>2</v>
      </c>
      <c r="H119" s="68">
        <v>1</v>
      </c>
      <c r="I119" s="68">
        <v>0</v>
      </c>
      <c r="J119" s="68">
        <v>1</v>
      </c>
      <c r="K119" s="67">
        <v>2</v>
      </c>
      <c r="L119" s="79">
        <v>0</v>
      </c>
      <c r="M119" s="80">
        <v>2</v>
      </c>
    </row>
    <row r="120" spans="1:13">
      <c r="A120" s="27" t="s">
        <v>93</v>
      </c>
      <c r="B120" s="67">
        <v>-8</v>
      </c>
      <c r="C120" s="68">
        <v>-2</v>
      </c>
      <c r="D120" s="68">
        <v>-6</v>
      </c>
      <c r="E120" s="67">
        <v>7</v>
      </c>
      <c r="F120" s="68">
        <v>2</v>
      </c>
      <c r="G120" s="69">
        <v>5</v>
      </c>
      <c r="H120" s="68">
        <v>0</v>
      </c>
      <c r="I120" s="68">
        <v>0</v>
      </c>
      <c r="J120" s="68">
        <v>0</v>
      </c>
      <c r="K120" s="67">
        <v>1</v>
      </c>
      <c r="L120" s="79">
        <v>0</v>
      </c>
      <c r="M120" s="80">
        <v>1</v>
      </c>
    </row>
    <row r="121" spans="1:13">
      <c r="A121" s="27" t="s">
        <v>95</v>
      </c>
      <c r="B121" s="67">
        <v>-10</v>
      </c>
      <c r="C121" s="68">
        <v>-5</v>
      </c>
      <c r="D121" s="68">
        <v>-5</v>
      </c>
      <c r="E121" s="67">
        <v>9</v>
      </c>
      <c r="F121" s="68">
        <v>5</v>
      </c>
      <c r="G121" s="69">
        <v>4</v>
      </c>
      <c r="H121" s="68">
        <v>1</v>
      </c>
      <c r="I121" s="68">
        <v>0</v>
      </c>
      <c r="J121" s="68">
        <v>1</v>
      </c>
      <c r="K121" s="67">
        <v>2</v>
      </c>
      <c r="L121" s="79">
        <v>0</v>
      </c>
      <c r="M121" s="80">
        <v>2</v>
      </c>
    </row>
    <row r="122" spans="1:13">
      <c r="A122" s="27" t="s">
        <v>97</v>
      </c>
      <c r="B122" s="67">
        <v>-5</v>
      </c>
      <c r="C122" s="68">
        <v>-2</v>
      </c>
      <c r="D122" s="68">
        <v>-3</v>
      </c>
      <c r="E122" s="67">
        <v>4</v>
      </c>
      <c r="F122" s="68">
        <v>2</v>
      </c>
      <c r="G122" s="69">
        <v>2</v>
      </c>
      <c r="H122" s="68">
        <v>0</v>
      </c>
      <c r="I122" s="68">
        <v>0</v>
      </c>
      <c r="J122" s="68">
        <v>0</v>
      </c>
      <c r="K122" s="67">
        <v>1</v>
      </c>
      <c r="L122" s="79">
        <v>0</v>
      </c>
      <c r="M122" s="80">
        <v>1</v>
      </c>
    </row>
    <row r="123" spans="1:13" ht="21" customHeight="1">
      <c r="A123" s="38" t="s">
        <v>99</v>
      </c>
      <c r="B123" s="64">
        <v>-35</v>
      </c>
      <c r="C123" s="65">
        <v>-14</v>
      </c>
      <c r="D123" s="65">
        <v>-21</v>
      </c>
      <c r="E123" s="64">
        <v>36</v>
      </c>
      <c r="F123" s="65">
        <v>14</v>
      </c>
      <c r="G123" s="66">
        <v>22</v>
      </c>
      <c r="H123" s="65">
        <v>2</v>
      </c>
      <c r="I123" s="65">
        <v>0</v>
      </c>
      <c r="J123" s="65">
        <v>2</v>
      </c>
      <c r="K123" s="64">
        <v>1</v>
      </c>
      <c r="L123" s="77">
        <v>0</v>
      </c>
      <c r="M123" s="78">
        <v>1</v>
      </c>
    </row>
    <row r="124" spans="1:13">
      <c r="A124" s="27" t="s">
        <v>101</v>
      </c>
      <c r="B124" s="67">
        <v>-8</v>
      </c>
      <c r="C124" s="68">
        <v>-4</v>
      </c>
      <c r="D124" s="68">
        <v>-4</v>
      </c>
      <c r="E124" s="67">
        <v>9</v>
      </c>
      <c r="F124" s="68">
        <v>4</v>
      </c>
      <c r="G124" s="69">
        <v>5</v>
      </c>
      <c r="H124" s="68">
        <v>1</v>
      </c>
      <c r="I124" s="68">
        <v>0</v>
      </c>
      <c r="J124" s="68">
        <v>1</v>
      </c>
      <c r="K124" s="67">
        <v>0</v>
      </c>
      <c r="L124" s="79">
        <v>0</v>
      </c>
      <c r="M124" s="80">
        <v>0</v>
      </c>
    </row>
    <row r="125" spans="1:13">
      <c r="A125" s="27" t="s">
        <v>103</v>
      </c>
      <c r="B125" s="67">
        <v>-10</v>
      </c>
      <c r="C125" s="68">
        <v>-6</v>
      </c>
      <c r="D125" s="68">
        <v>-4</v>
      </c>
      <c r="E125" s="67">
        <v>10</v>
      </c>
      <c r="F125" s="68">
        <v>6</v>
      </c>
      <c r="G125" s="69">
        <v>4</v>
      </c>
      <c r="H125" s="68">
        <v>0</v>
      </c>
      <c r="I125" s="68">
        <v>0</v>
      </c>
      <c r="J125" s="68">
        <v>0</v>
      </c>
      <c r="K125" s="67">
        <v>0</v>
      </c>
      <c r="L125" s="79">
        <v>0</v>
      </c>
      <c r="M125" s="80">
        <v>0</v>
      </c>
    </row>
    <row r="126" spans="1:13">
      <c r="A126" s="27" t="s">
        <v>105</v>
      </c>
      <c r="B126" s="67">
        <v>-10</v>
      </c>
      <c r="C126" s="68">
        <v>-2</v>
      </c>
      <c r="D126" s="68">
        <v>-8</v>
      </c>
      <c r="E126" s="67">
        <v>9</v>
      </c>
      <c r="F126" s="68">
        <v>2</v>
      </c>
      <c r="G126" s="69">
        <v>7</v>
      </c>
      <c r="H126" s="68">
        <v>0</v>
      </c>
      <c r="I126" s="68">
        <v>0</v>
      </c>
      <c r="J126" s="68">
        <v>0</v>
      </c>
      <c r="K126" s="67">
        <v>1</v>
      </c>
      <c r="L126" s="79">
        <v>0</v>
      </c>
      <c r="M126" s="80">
        <v>1</v>
      </c>
    </row>
    <row r="127" spans="1:13">
      <c r="A127" s="27" t="s">
        <v>107</v>
      </c>
      <c r="B127" s="67">
        <v>-4</v>
      </c>
      <c r="C127" s="68">
        <v>-1</v>
      </c>
      <c r="D127" s="68">
        <v>-3</v>
      </c>
      <c r="E127" s="67">
        <v>5</v>
      </c>
      <c r="F127" s="68">
        <v>1</v>
      </c>
      <c r="G127" s="69">
        <v>4</v>
      </c>
      <c r="H127" s="68">
        <v>1</v>
      </c>
      <c r="I127" s="68">
        <v>0</v>
      </c>
      <c r="J127" s="68">
        <v>1</v>
      </c>
      <c r="K127" s="67">
        <v>0</v>
      </c>
      <c r="L127" s="79">
        <v>0</v>
      </c>
      <c r="M127" s="80">
        <v>0</v>
      </c>
    </row>
    <row r="128" spans="1:13">
      <c r="A128" s="27" t="s">
        <v>109</v>
      </c>
      <c r="B128" s="67">
        <v>-3</v>
      </c>
      <c r="C128" s="68">
        <v>-1</v>
      </c>
      <c r="D128" s="68">
        <v>-2</v>
      </c>
      <c r="E128" s="67">
        <v>3</v>
      </c>
      <c r="F128" s="68">
        <v>1</v>
      </c>
      <c r="G128" s="69">
        <v>2</v>
      </c>
      <c r="H128" s="68">
        <v>0</v>
      </c>
      <c r="I128" s="68">
        <v>0</v>
      </c>
      <c r="J128" s="68">
        <v>0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11</v>
      </c>
      <c r="C129" s="65">
        <v>-1</v>
      </c>
      <c r="D129" s="65">
        <v>-10</v>
      </c>
      <c r="E129" s="64">
        <v>11</v>
      </c>
      <c r="F129" s="65">
        <v>1</v>
      </c>
      <c r="G129" s="66">
        <v>10</v>
      </c>
      <c r="H129" s="65">
        <v>0</v>
      </c>
      <c r="I129" s="65">
        <v>0</v>
      </c>
      <c r="J129" s="65">
        <v>0</v>
      </c>
      <c r="K129" s="64">
        <v>0</v>
      </c>
      <c r="L129" s="77">
        <v>0</v>
      </c>
      <c r="M129" s="78">
        <v>0</v>
      </c>
    </row>
    <row r="130" spans="1:14">
      <c r="A130" s="27" t="s">
        <v>113</v>
      </c>
      <c r="B130" s="67">
        <v>-5</v>
      </c>
      <c r="C130" s="68">
        <v>0</v>
      </c>
      <c r="D130" s="68">
        <v>-5</v>
      </c>
      <c r="E130" s="67">
        <v>5</v>
      </c>
      <c r="F130" s="68">
        <v>0</v>
      </c>
      <c r="G130" s="69">
        <v>5</v>
      </c>
      <c r="H130" s="68">
        <v>0</v>
      </c>
      <c r="I130" s="68">
        <v>0</v>
      </c>
      <c r="J130" s="68">
        <v>0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3</v>
      </c>
      <c r="C131" s="68">
        <v>-1</v>
      </c>
      <c r="D131" s="68">
        <v>-2</v>
      </c>
      <c r="E131" s="67">
        <v>3</v>
      </c>
      <c r="F131" s="68">
        <v>1</v>
      </c>
      <c r="G131" s="69">
        <v>2</v>
      </c>
      <c r="H131" s="68">
        <v>0</v>
      </c>
      <c r="I131" s="68">
        <v>0</v>
      </c>
      <c r="J131" s="68">
        <v>0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-1</v>
      </c>
      <c r="C132" s="68">
        <v>0</v>
      </c>
      <c r="D132" s="68">
        <v>-1</v>
      </c>
      <c r="E132" s="67">
        <v>1</v>
      </c>
      <c r="F132" s="68">
        <v>0</v>
      </c>
      <c r="G132" s="69">
        <v>1</v>
      </c>
      <c r="H132" s="68">
        <v>0</v>
      </c>
      <c r="I132" s="68">
        <v>0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1</v>
      </c>
      <c r="C133" s="68">
        <v>0</v>
      </c>
      <c r="D133" s="68">
        <v>-1</v>
      </c>
      <c r="E133" s="67">
        <v>1</v>
      </c>
      <c r="F133" s="68">
        <v>0</v>
      </c>
      <c r="G133" s="69">
        <v>1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1</v>
      </c>
      <c r="C134" s="68">
        <v>0</v>
      </c>
      <c r="D134" s="68">
        <v>-1</v>
      </c>
      <c r="E134" s="67">
        <v>1</v>
      </c>
      <c r="F134" s="68">
        <v>0</v>
      </c>
      <c r="G134" s="69">
        <v>1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10</v>
      </c>
      <c r="C135" s="40">
        <v>-2</v>
      </c>
      <c r="D135" s="40">
        <v>-8</v>
      </c>
      <c r="E135" s="42">
        <v>10</v>
      </c>
      <c r="F135" s="40">
        <v>2</v>
      </c>
      <c r="G135" s="43">
        <v>8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12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219</v>
      </c>
      <c r="C3" s="54"/>
      <c r="D3" s="55"/>
      <c r="E3" s="53" t="s">
        <v>220</v>
      </c>
      <c r="F3" s="54"/>
      <c r="G3" s="55"/>
      <c r="H3" s="53" t="s">
        <v>223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206</v>
      </c>
      <c r="C5" s="62">
        <v>-100</v>
      </c>
      <c r="D5" s="62">
        <v>-106</v>
      </c>
      <c r="E5" s="61">
        <v>177</v>
      </c>
      <c r="F5" s="62">
        <v>88</v>
      </c>
      <c r="G5" s="63">
        <v>89</v>
      </c>
      <c r="H5" s="62">
        <v>242</v>
      </c>
      <c r="I5" s="62">
        <v>137</v>
      </c>
      <c r="J5" s="62">
        <v>105</v>
      </c>
      <c r="K5" s="61">
        <v>294</v>
      </c>
      <c r="L5" s="75">
        <v>157</v>
      </c>
      <c r="M5" s="76">
        <v>137</v>
      </c>
    </row>
    <row r="6" spans="1:13" ht="23.25" customHeight="1">
      <c r="A6" s="36" t="s">
        <v>2</v>
      </c>
      <c r="B6" s="64">
        <v>36</v>
      </c>
      <c r="C6" s="65">
        <v>16</v>
      </c>
      <c r="D6" s="65">
        <v>20</v>
      </c>
      <c r="E6" s="64">
        <v>0</v>
      </c>
      <c r="F6" s="65">
        <v>0</v>
      </c>
      <c r="G6" s="66">
        <v>0</v>
      </c>
      <c r="H6" s="65">
        <v>18</v>
      </c>
      <c r="I6" s="65">
        <v>10</v>
      </c>
      <c r="J6" s="65">
        <v>8</v>
      </c>
      <c r="K6" s="64">
        <v>5</v>
      </c>
      <c r="L6" s="77">
        <v>2</v>
      </c>
      <c r="M6" s="78">
        <v>3</v>
      </c>
    </row>
    <row r="7" spans="1:13">
      <c r="A7" s="15" t="s">
        <v>4</v>
      </c>
      <c r="B7" s="67">
        <v>28</v>
      </c>
      <c r="C7" s="68">
        <v>13</v>
      </c>
      <c r="D7" s="68">
        <v>15</v>
      </c>
      <c r="E7" s="67">
        <v>0</v>
      </c>
      <c r="F7" s="68">
        <v>0</v>
      </c>
      <c r="G7" s="69">
        <v>0</v>
      </c>
      <c r="H7" s="68">
        <v>6</v>
      </c>
      <c r="I7" s="68">
        <v>5</v>
      </c>
      <c r="J7" s="68">
        <v>1</v>
      </c>
      <c r="K7" s="67">
        <v>1</v>
      </c>
      <c r="L7" s="79">
        <v>0</v>
      </c>
      <c r="M7" s="80">
        <v>1</v>
      </c>
    </row>
    <row r="8" spans="1:13">
      <c r="A8" s="15" t="s">
        <v>6</v>
      </c>
      <c r="B8" s="67">
        <v>3</v>
      </c>
      <c r="C8" s="68">
        <v>2</v>
      </c>
      <c r="D8" s="68">
        <v>1</v>
      </c>
      <c r="E8" s="67">
        <v>0</v>
      </c>
      <c r="F8" s="68">
        <v>0</v>
      </c>
      <c r="G8" s="69">
        <v>0</v>
      </c>
      <c r="H8" s="68">
        <v>3</v>
      </c>
      <c r="I8" s="68">
        <v>2</v>
      </c>
      <c r="J8" s="68">
        <v>1</v>
      </c>
      <c r="K8" s="67">
        <v>0</v>
      </c>
      <c r="L8" s="79">
        <v>0</v>
      </c>
      <c r="M8" s="80">
        <v>0</v>
      </c>
    </row>
    <row r="9" spans="1:13">
      <c r="A9" s="15" t="s">
        <v>8</v>
      </c>
      <c r="B9" s="67">
        <v>2</v>
      </c>
      <c r="C9" s="68">
        <v>1</v>
      </c>
      <c r="D9" s="68">
        <v>1</v>
      </c>
      <c r="E9" s="67">
        <v>0</v>
      </c>
      <c r="F9" s="68">
        <v>0</v>
      </c>
      <c r="G9" s="69">
        <v>0</v>
      </c>
      <c r="H9" s="68">
        <v>3</v>
      </c>
      <c r="I9" s="68">
        <v>2</v>
      </c>
      <c r="J9" s="68">
        <v>1</v>
      </c>
      <c r="K9" s="67">
        <v>1</v>
      </c>
      <c r="L9" s="79">
        <v>1</v>
      </c>
      <c r="M9" s="80">
        <v>0</v>
      </c>
    </row>
    <row r="10" spans="1:13">
      <c r="A10" s="15" t="s">
        <v>10</v>
      </c>
      <c r="B10" s="67">
        <v>3</v>
      </c>
      <c r="C10" s="68">
        <v>0</v>
      </c>
      <c r="D10" s="68">
        <v>3</v>
      </c>
      <c r="E10" s="67">
        <v>0</v>
      </c>
      <c r="F10" s="68">
        <v>0</v>
      </c>
      <c r="G10" s="69">
        <v>0</v>
      </c>
      <c r="H10" s="68">
        <v>5</v>
      </c>
      <c r="I10" s="68">
        <v>1</v>
      </c>
      <c r="J10" s="68">
        <v>4</v>
      </c>
      <c r="K10" s="67">
        <v>2</v>
      </c>
      <c r="L10" s="79">
        <v>1</v>
      </c>
      <c r="M10" s="80">
        <v>1</v>
      </c>
    </row>
    <row r="11" spans="1:13">
      <c r="A11" s="15" t="s">
        <v>12</v>
      </c>
      <c r="B11" s="67">
        <v>0</v>
      </c>
      <c r="C11" s="68">
        <v>0</v>
      </c>
      <c r="D11" s="68">
        <v>0</v>
      </c>
      <c r="E11" s="67">
        <v>0</v>
      </c>
      <c r="F11" s="68">
        <v>0</v>
      </c>
      <c r="G11" s="69">
        <v>0</v>
      </c>
      <c r="H11" s="68">
        <v>1</v>
      </c>
      <c r="I11" s="68">
        <v>0</v>
      </c>
      <c r="J11" s="68">
        <v>1</v>
      </c>
      <c r="K11" s="67">
        <v>1</v>
      </c>
      <c r="L11" s="79">
        <v>0</v>
      </c>
      <c r="M11" s="80">
        <v>1</v>
      </c>
    </row>
    <row r="12" spans="1:13" ht="21" customHeight="1">
      <c r="A12" s="36" t="s">
        <v>14</v>
      </c>
      <c r="B12" s="64">
        <v>-1</v>
      </c>
      <c r="C12" s="65">
        <v>-2</v>
      </c>
      <c r="D12" s="65">
        <v>1</v>
      </c>
      <c r="E12" s="64">
        <v>0</v>
      </c>
      <c r="F12" s="65">
        <v>0</v>
      </c>
      <c r="G12" s="66">
        <v>0</v>
      </c>
      <c r="H12" s="65">
        <v>5</v>
      </c>
      <c r="I12" s="65">
        <v>2</v>
      </c>
      <c r="J12" s="65">
        <v>3</v>
      </c>
      <c r="K12" s="64">
        <v>6</v>
      </c>
      <c r="L12" s="77">
        <v>4</v>
      </c>
      <c r="M12" s="78">
        <v>2</v>
      </c>
    </row>
    <row r="13" spans="1:13">
      <c r="A13" s="15" t="s">
        <v>16</v>
      </c>
      <c r="B13" s="67">
        <v>1</v>
      </c>
      <c r="C13" s="68">
        <v>0</v>
      </c>
      <c r="D13" s="68">
        <v>1</v>
      </c>
      <c r="E13" s="67">
        <v>0</v>
      </c>
      <c r="F13" s="68">
        <v>0</v>
      </c>
      <c r="G13" s="69">
        <v>0</v>
      </c>
      <c r="H13" s="68">
        <v>1</v>
      </c>
      <c r="I13" s="68">
        <v>0</v>
      </c>
      <c r="J13" s="68">
        <v>1</v>
      </c>
      <c r="K13" s="67">
        <v>0</v>
      </c>
      <c r="L13" s="79">
        <v>0</v>
      </c>
      <c r="M13" s="80">
        <v>0</v>
      </c>
    </row>
    <row r="14" spans="1:13">
      <c r="A14" s="15" t="s">
        <v>18</v>
      </c>
      <c r="B14" s="67">
        <v>-2</v>
      </c>
      <c r="C14" s="68">
        <v>-1</v>
      </c>
      <c r="D14" s="68">
        <v>-1</v>
      </c>
      <c r="E14" s="67">
        <v>0</v>
      </c>
      <c r="F14" s="68">
        <v>0</v>
      </c>
      <c r="G14" s="69">
        <v>0</v>
      </c>
      <c r="H14" s="68">
        <v>0</v>
      </c>
      <c r="I14" s="68">
        <v>0</v>
      </c>
      <c r="J14" s="68">
        <v>0</v>
      </c>
      <c r="K14" s="67">
        <v>2</v>
      </c>
      <c r="L14" s="79">
        <v>1</v>
      </c>
      <c r="M14" s="80">
        <v>1</v>
      </c>
    </row>
    <row r="15" spans="1:13">
      <c r="A15" s="15" t="s">
        <v>20</v>
      </c>
      <c r="B15" s="67">
        <v>-1</v>
      </c>
      <c r="C15" s="68">
        <v>-1</v>
      </c>
      <c r="D15" s="68">
        <v>0</v>
      </c>
      <c r="E15" s="67">
        <v>0</v>
      </c>
      <c r="F15" s="68">
        <v>0</v>
      </c>
      <c r="G15" s="69">
        <v>0</v>
      </c>
      <c r="H15" s="68">
        <v>0</v>
      </c>
      <c r="I15" s="68">
        <v>0</v>
      </c>
      <c r="J15" s="68">
        <v>0</v>
      </c>
      <c r="K15" s="67">
        <v>1</v>
      </c>
      <c r="L15" s="79">
        <v>1</v>
      </c>
      <c r="M15" s="80">
        <v>0</v>
      </c>
    </row>
    <row r="16" spans="1:13">
      <c r="A16" s="15" t="s">
        <v>22</v>
      </c>
      <c r="B16" s="67">
        <v>-1</v>
      </c>
      <c r="C16" s="68">
        <v>-1</v>
      </c>
      <c r="D16" s="68">
        <v>0</v>
      </c>
      <c r="E16" s="67">
        <v>0</v>
      </c>
      <c r="F16" s="68">
        <v>0</v>
      </c>
      <c r="G16" s="69">
        <v>0</v>
      </c>
      <c r="H16" s="68">
        <v>1</v>
      </c>
      <c r="I16" s="68">
        <v>0</v>
      </c>
      <c r="J16" s="68">
        <v>1</v>
      </c>
      <c r="K16" s="67">
        <v>2</v>
      </c>
      <c r="L16" s="79">
        <v>1</v>
      </c>
      <c r="M16" s="80">
        <v>1</v>
      </c>
    </row>
    <row r="17" spans="1:13">
      <c r="A17" s="15" t="s">
        <v>24</v>
      </c>
      <c r="B17" s="67">
        <v>2</v>
      </c>
      <c r="C17" s="68">
        <v>1</v>
      </c>
      <c r="D17" s="68">
        <v>1</v>
      </c>
      <c r="E17" s="67">
        <v>0</v>
      </c>
      <c r="F17" s="68">
        <v>0</v>
      </c>
      <c r="G17" s="69">
        <v>0</v>
      </c>
      <c r="H17" s="68">
        <v>3</v>
      </c>
      <c r="I17" s="68">
        <v>2</v>
      </c>
      <c r="J17" s="68">
        <v>1</v>
      </c>
      <c r="K17" s="67">
        <v>1</v>
      </c>
      <c r="L17" s="79">
        <v>1</v>
      </c>
      <c r="M17" s="80">
        <v>0</v>
      </c>
    </row>
    <row r="18" spans="1:13" ht="21" customHeight="1">
      <c r="A18" s="36" t="s">
        <v>26</v>
      </c>
      <c r="B18" s="64">
        <v>-5</v>
      </c>
      <c r="C18" s="65">
        <v>-6</v>
      </c>
      <c r="D18" s="65">
        <v>1</v>
      </c>
      <c r="E18" s="64">
        <v>0</v>
      </c>
      <c r="F18" s="65">
        <v>0</v>
      </c>
      <c r="G18" s="66">
        <v>0</v>
      </c>
      <c r="H18" s="65">
        <v>2</v>
      </c>
      <c r="I18" s="65">
        <v>0</v>
      </c>
      <c r="J18" s="65">
        <v>2</v>
      </c>
      <c r="K18" s="64">
        <v>7</v>
      </c>
      <c r="L18" s="77">
        <v>6</v>
      </c>
      <c r="M18" s="78">
        <v>1</v>
      </c>
    </row>
    <row r="19" spans="1:13">
      <c r="A19" s="15" t="s">
        <v>28</v>
      </c>
      <c r="B19" s="67">
        <v>-3</v>
      </c>
      <c r="C19" s="68">
        <v>-3</v>
      </c>
      <c r="D19" s="68">
        <v>0</v>
      </c>
      <c r="E19" s="67">
        <v>0</v>
      </c>
      <c r="F19" s="68">
        <v>0</v>
      </c>
      <c r="G19" s="69">
        <v>0</v>
      </c>
      <c r="H19" s="68">
        <v>0</v>
      </c>
      <c r="I19" s="68">
        <v>0</v>
      </c>
      <c r="J19" s="68">
        <v>0</v>
      </c>
      <c r="K19" s="67">
        <v>3</v>
      </c>
      <c r="L19" s="79">
        <v>3</v>
      </c>
      <c r="M19" s="80">
        <v>0</v>
      </c>
    </row>
    <row r="20" spans="1:13">
      <c r="A20" s="15" t="s">
        <v>30</v>
      </c>
      <c r="B20" s="67">
        <v>-1</v>
      </c>
      <c r="C20" s="68">
        <v>0</v>
      </c>
      <c r="D20" s="68">
        <v>-1</v>
      </c>
      <c r="E20" s="67">
        <v>0</v>
      </c>
      <c r="F20" s="68">
        <v>0</v>
      </c>
      <c r="G20" s="69">
        <v>0</v>
      </c>
      <c r="H20" s="68">
        <v>0</v>
      </c>
      <c r="I20" s="68">
        <v>0</v>
      </c>
      <c r="J20" s="68">
        <v>0</v>
      </c>
      <c r="K20" s="67">
        <v>1</v>
      </c>
      <c r="L20" s="79">
        <v>0</v>
      </c>
      <c r="M20" s="80">
        <v>1</v>
      </c>
    </row>
    <row r="21" spans="1:13">
      <c r="A21" s="15" t="s">
        <v>32</v>
      </c>
      <c r="B21" s="67">
        <v>-1</v>
      </c>
      <c r="C21" s="68">
        <v>-2</v>
      </c>
      <c r="D21" s="68">
        <v>1</v>
      </c>
      <c r="E21" s="67">
        <v>0</v>
      </c>
      <c r="F21" s="68">
        <v>0</v>
      </c>
      <c r="G21" s="69">
        <v>0</v>
      </c>
      <c r="H21" s="68">
        <v>1</v>
      </c>
      <c r="I21" s="68">
        <v>0</v>
      </c>
      <c r="J21" s="68">
        <v>1</v>
      </c>
      <c r="K21" s="67">
        <v>2</v>
      </c>
      <c r="L21" s="79">
        <v>2</v>
      </c>
      <c r="M21" s="80">
        <v>0</v>
      </c>
    </row>
    <row r="22" spans="1:13">
      <c r="A22" s="15" t="s">
        <v>34</v>
      </c>
      <c r="B22" s="67">
        <v>1</v>
      </c>
      <c r="C22" s="68">
        <v>0</v>
      </c>
      <c r="D22" s="68">
        <v>1</v>
      </c>
      <c r="E22" s="67">
        <v>0</v>
      </c>
      <c r="F22" s="68">
        <v>0</v>
      </c>
      <c r="G22" s="69">
        <v>0</v>
      </c>
      <c r="H22" s="68">
        <v>1</v>
      </c>
      <c r="I22" s="68">
        <v>0</v>
      </c>
      <c r="J22" s="68">
        <v>1</v>
      </c>
      <c r="K22" s="67">
        <v>0</v>
      </c>
      <c r="L22" s="79">
        <v>0</v>
      </c>
      <c r="M22" s="80">
        <v>0</v>
      </c>
    </row>
    <row r="23" spans="1:13">
      <c r="A23" s="15" t="s">
        <v>36</v>
      </c>
      <c r="B23" s="67">
        <v>-1</v>
      </c>
      <c r="C23" s="68">
        <v>-1</v>
      </c>
      <c r="D23" s="68">
        <v>0</v>
      </c>
      <c r="E23" s="67">
        <v>0</v>
      </c>
      <c r="F23" s="68">
        <v>0</v>
      </c>
      <c r="G23" s="69">
        <v>0</v>
      </c>
      <c r="H23" s="68">
        <v>0</v>
      </c>
      <c r="I23" s="68">
        <v>0</v>
      </c>
      <c r="J23" s="68">
        <v>0</v>
      </c>
      <c r="K23" s="67">
        <v>1</v>
      </c>
      <c r="L23" s="79">
        <v>1</v>
      </c>
      <c r="M23" s="80">
        <v>0</v>
      </c>
    </row>
    <row r="24" spans="1:13" ht="21" customHeight="1">
      <c r="A24" s="36" t="s">
        <v>38</v>
      </c>
      <c r="B24" s="64">
        <v>-9</v>
      </c>
      <c r="C24" s="65">
        <v>-4</v>
      </c>
      <c r="D24" s="65">
        <v>-5</v>
      </c>
      <c r="E24" s="64">
        <v>0</v>
      </c>
      <c r="F24" s="65">
        <v>0</v>
      </c>
      <c r="G24" s="66">
        <v>0</v>
      </c>
      <c r="H24" s="65">
        <v>3</v>
      </c>
      <c r="I24" s="65">
        <v>2</v>
      </c>
      <c r="J24" s="65">
        <v>1</v>
      </c>
      <c r="K24" s="64">
        <v>12</v>
      </c>
      <c r="L24" s="77">
        <v>6</v>
      </c>
      <c r="M24" s="78">
        <v>6</v>
      </c>
    </row>
    <row r="25" spans="1:13">
      <c r="A25" s="15" t="s">
        <v>40</v>
      </c>
      <c r="B25" s="67">
        <v>0</v>
      </c>
      <c r="C25" s="68">
        <v>0</v>
      </c>
      <c r="D25" s="68">
        <v>0</v>
      </c>
      <c r="E25" s="67">
        <v>0</v>
      </c>
      <c r="F25" s="68">
        <v>0</v>
      </c>
      <c r="G25" s="69">
        <v>0</v>
      </c>
      <c r="H25" s="68">
        <v>0</v>
      </c>
      <c r="I25" s="68">
        <v>0</v>
      </c>
      <c r="J25" s="68">
        <v>0</v>
      </c>
      <c r="K25" s="67">
        <v>0</v>
      </c>
      <c r="L25" s="79">
        <v>0</v>
      </c>
      <c r="M25" s="80">
        <v>0</v>
      </c>
    </row>
    <row r="26" spans="1:13">
      <c r="A26" s="15" t="s">
        <v>42</v>
      </c>
      <c r="B26" s="67">
        <v>0</v>
      </c>
      <c r="C26" s="68">
        <v>0</v>
      </c>
      <c r="D26" s="68">
        <v>0</v>
      </c>
      <c r="E26" s="67">
        <v>0</v>
      </c>
      <c r="F26" s="68">
        <v>0</v>
      </c>
      <c r="G26" s="69">
        <v>0</v>
      </c>
      <c r="H26" s="68">
        <v>0</v>
      </c>
      <c r="I26" s="68">
        <v>0</v>
      </c>
      <c r="J26" s="68">
        <v>0</v>
      </c>
      <c r="K26" s="67">
        <v>0</v>
      </c>
      <c r="L26" s="79">
        <v>0</v>
      </c>
      <c r="M26" s="80">
        <v>0</v>
      </c>
    </row>
    <row r="27" spans="1:13">
      <c r="A27" s="15" t="s">
        <v>44</v>
      </c>
      <c r="B27" s="67">
        <v>-2</v>
      </c>
      <c r="C27" s="68">
        <v>-2</v>
      </c>
      <c r="D27" s="68">
        <v>0</v>
      </c>
      <c r="E27" s="67">
        <v>0</v>
      </c>
      <c r="F27" s="68">
        <v>0</v>
      </c>
      <c r="G27" s="69">
        <v>0</v>
      </c>
      <c r="H27" s="68">
        <v>1</v>
      </c>
      <c r="I27" s="68">
        <v>0</v>
      </c>
      <c r="J27" s="68">
        <v>1</v>
      </c>
      <c r="K27" s="67">
        <v>3</v>
      </c>
      <c r="L27" s="79">
        <v>2</v>
      </c>
      <c r="M27" s="80">
        <v>1</v>
      </c>
    </row>
    <row r="28" spans="1:13">
      <c r="A28" s="15" t="s">
        <v>46</v>
      </c>
      <c r="B28" s="67">
        <v>-1</v>
      </c>
      <c r="C28" s="68">
        <v>-1</v>
      </c>
      <c r="D28" s="68">
        <v>0</v>
      </c>
      <c r="E28" s="67">
        <v>0</v>
      </c>
      <c r="F28" s="68">
        <v>0</v>
      </c>
      <c r="G28" s="69">
        <v>0</v>
      </c>
      <c r="H28" s="68">
        <v>0</v>
      </c>
      <c r="I28" s="68">
        <v>0</v>
      </c>
      <c r="J28" s="68">
        <v>0</v>
      </c>
      <c r="K28" s="67">
        <v>1</v>
      </c>
      <c r="L28" s="79">
        <v>1</v>
      </c>
      <c r="M28" s="80">
        <v>0</v>
      </c>
    </row>
    <row r="29" spans="1:13">
      <c r="A29" s="15" t="s">
        <v>48</v>
      </c>
      <c r="B29" s="67">
        <v>-6</v>
      </c>
      <c r="C29" s="68">
        <v>-1</v>
      </c>
      <c r="D29" s="68">
        <v>-5</v>
      </c>
      <c r="E29" s="67">
        <v>0</v>
      </c>
      <c r="F29" s="68">
        <v>0</v>
      </c>
      <c r="G29" s="69">
        <v>0</v>
      </c>
      <c r="H29" s="68">
        <v>2</v>
      </c>
      <c r="I29" s="68">
        <v>2</v>
      </c>
      <c r="J29" s="68">
        <v>0</v>
      </c>
      <c r="K29" s="67">
        <v>8</v>
      </c>
      <c r="L29" s="79">
        <v>3</v>
      </c>
      <c r="M29" s="80">
        <v>5</v>
      </c>
    </row>
    <row r="30" spans="1:13" ht="21" customHeight="1">
      <c r="A30" s="36" t="s">
        <v>50</v>
      </c>
      <c r="B30" s="64">
        <v>-31</v>
      </c>
      <c r="C30" s="65">
        <v>-10</v>
      </c>
      <c r="D30" s="65">
        <v>-21</v>
      </c>
      <c r="E30" s="64">
        <v>0</v>
      </c>
      <c r="F30" s="65">
        <v>0</v>
      </c>
      <c r="G30" s="66">
        <v>0</v>
      </c>
      <c r="H30" s="65">
        <v>23</v>
      </c>
      <c r="I30" s="65">
        <v>15</v>
      </c>
      <c r="J30" s="65">
        <v>8</v>
      </c>
      <c r="K30" s="64">
        <v>54</v>
      </c>
      <c r="L30" s="77">
        <v>25</v>
      </c>
      <c r="M30" s="78">
        <v>29</v>
      </c>
    </row>
    <row r="31" spans="1:13">
      <c r="A31" s="15" t="s">
        <v>52</v>
      </c>
      <c r="B31" s="67">
        <v>-1</v>
      </c>
      <c r="C31" s="68">
        <v>-1</v>
      </c>
      <c r="D31" s="68">
        <v>0</v>
      </c>
      <c r="E31" s="67">
        <v>0</v>
      </c>
      <c r="F31" s="68">
        <v>0</v>
      </c>
      <c r="G31" s="69">
        <v>0</v>
      </c>
      <c r="H31" s="68">
        <v>2</v>
      </c>
      <c r="I31" s="68">
        <v>0</v>
      </c>
      <c r="J31" s="68">
        <v>2</v>
      </c>
      <c r="K31" s="67">
        <v>3</v>
      </c>
      <c r="L31" s="79">
        <v>1</v>
      </c>
      <c r="M31" s="80">
        <v>2</v>
      </c>
    </row>
    <row r="32" spans="1:13">
      <c r="A32" s="15" t="s">
        <v>54</v>
      </c>
      <c r="B32" s="67">
        <v>-5</v>
      </c>
      <c r="C32" s="68">
        <v>-1</v>
      </c>
      <c r="D32" s="68">
        <v>-4</v>
      </c>
      <c r="E32" s="67">
        <v>0</v>
      </c>
      <c r="F32" s="68">
        <v>0</v>
      </c>
      <c r="G32" s="69">
        <v>0</v>
      </c>
      <c r="H32" s="68">
        <v>1</v>
      </c>
      <c r="I32" s="68">
        <v>1</v>
      </c>
      <c r="J32" s="68">
        <v>0</v>
      </c>
      <c r="K32" s="67">
        <v>6</v>
      </c>
      <c r="L32" s="79">
        <v>2</v>
      </c>
      <c r="M32" s="80">
        <v>4</v>
      </c>
    </row>
    <row r="33" spans="1:13">
      <c r="A33" s="15" t="s">
        <v>56</v>
      </c>
      <c r="B33" s="67">
        <v>-5</v>
      </c>
      <c r="C33" s="68">
        <v>0</v>
      </c>
      <c r="D33" s="68">
        <v>-5</v>
      </c>
      <c r="E33" s="67">
        <v>0</v>
      </c>
      <c r="F33" s="68">
        <v>0</v>
      </c>
      <c r="G33" s="69">
        <v>0</v>
      </c>
      <c r="H33" s="68">
        <v>5</v>
      </c>
      <c r="I33" s="68">
        <v>4</v>
      </c>
      <c r="J33" s="68">
        <v>1</v>
      </c>
      <c r="K33" s="67">
        <v>10</v>
      </c>
      <c r="L33" s="79">
        <v>4</v>
      </c>
      <c r="M33" s="80">
        <v>6</v>
      </c>
    </row>
    <row r="34" spans="1:13">
      <c r="A34" s="15" t="s">
        <v>58</v>
      </c>
      <c r="B34" s="67">
        <v>-7</v>
      </c>
      <c r="C34" s="68">
        <v>0</v>
      </c>
      <c r="D34" s="68">
        <v>-7</v>
      </c>
      <c r="E34" s="67">
        <v>0</v>
      </c>
      <c r="F34" s="68">
        <v>0</v>
      </c>
      <c r="G34" s="69">
        <v>0</v>
      </c>
      <c r="H34" s="68">
        <v>8</v>
      </c>
      <c r="I34" s="68">
        <v>6</v>
      </c>
      <c r="J34" s="68">
        <v>2</v>
      </c>
      <c r="K34" s="67">
        <v>15</v>
      </c>
      <c r="L34" s="79">
        <v>6</v>
      </c>
      <c r="M34" s="80">
        <v>9</v>
      </c>
    </row>
    <row r="35" spans="1:13">
      <c r="A35" s="15" t="s">
        <v>60</v>
      </c>
      <c r="B35" s="67">
        <v>-13</v>
      </c>
      <c r="C35" s="68">
        <v>-8</v>
      </c>
      <c r="D35" s="68">
        <v>-5</v>
      </c>
      <c r="E35" s="67">
        <v>0</v>
      </c>
      <c r="F35" s="68">
        <v>0</v>
      </c>
      <c r="G35" s="69">
        <v>0</v>
      </c>
      <c r="H35" s="68">
        <v>7</v>
      </c>
      <c r="I35" s="68">
        <v>4</v>
      </c>
      <c r="J35" s="68">
        <v>3</v>
      </c>
      <c r="K35" s="67">
        <v>20</v>
      </c>
      <c r="L35" s="79">
        <v>12</v>
      </c>
      <c r="M35" s="80">
        <v>8</v>
      </c>
    </row>
    <row r="36" spans="1:13" ht="21" customHeight="1">
      <c r="A36" s="36" t="s">
        <v>62</v>
      </c>
      <c r="B36" s="64">
        <v>-14</v>
      </c>
      <c r="C36" s="65">
        <v>-5</v>
      </c>
      <c r="D36" s="65">
        <v>-9</v>
      </c>
      <c r="E36" s="64">
        <v>0</v>
      </c>
      <c r="F36" s="65">
        <v>0</v>
      </c>
      <c r="G36" s="66">
        <v>0</v>
      </c>
      <c r="H36" s="65">
        <v>46</v>
      </c>
      <c r="I36" s="65">
        <v>27</v>
      </c>
      <c r="J36" s="65">
        <v>19</v>
      </c>
      <c r="K36" s="64">
        <v>60</v>
      </c>
      <c r="L36" s="77">
        <v>32</v>
      </c>
      <c r="M36" s="78">
        <v>28</v>
      </c>
    </row>
    <row r="37" spans="1:13">
      <c r="A37" s="15" t="s">
        <v>64</v>
      </c>
      <c r="B37" s="67">
        <v>-11</v>
      </c>
      <c r="C37" s="68">
        <v>-5</v>
      </c>
      <c r="D37" s="68">
        <v>-6</v>
      </c>
      <c r="E37" s="67">
        <v>0</v>
      </c>
      <c r="F37" s="68">
        <v>0</v>
      </c>
      <c r="G37" s="69">
        <v>0</v>
      </c>
      <c r="H37" s="68">
        <v>6</v>
      </c>
      <c r="I37" s="68">
        <v>3</v>
      </c>
      <c r="J37" s="68">
        <v>3</v>
      </c>
      <c r="K37" s="67">
        <v>17</v>
      </c>
      <c r="L37" s="79">
        <v>8</v>
      </c>
      <c r="M37" s="80">
        <v>9</v>
      </c>
    </row>
    <row r="38" spans="1:13">
      <c r="A38" s="15" t="s">
        <v>66</v>
      </c>
      <c r="B38" s="67">
        <v>1</v>
      </c>
      <c r="C38" s="68">
        <v>-2</v>
      </c>
      <c r="D38" s="68">
        <v>3</v>
      </c>
      <c r="E38" s="67">
        <v>0</v>
      </c>
      <c r="F38" s="68">
        <v>0</v>
      </c>
      <c r="G38" s="69">
        <v>0</v>
      </c>
      <c r="H38" s="68">
        <v>12</v>
      </c>
      <c r="I38" s="68">
        <v>6</v>
      </c>
      <c r="J38" s="68">
        <v>6</v>
      </c>
      <c r="K38" s="67">
        <v>11</v>
      </c>
      <c r="L38" s="79">
        <v>8</v>
      </c>
      <c r="M38" s="80">
        <v>3</v>
      </c>
    </row>
    <row r="39" spans="1:13">
      <c r="A39" s="15" t="s">
        <v>68</v>
      </c>
      <c r="B39" s="67">
        <v>-1</v>
      </c>
      <c r="C39" s="68">
        <v>-1</v>
      </c>
      <c r="D39" s="68">
        <v>0</v>
      </c>
      <c r="E39" s="67">
        <v>0</v>
      </c>
      <c r="F39" s="68">
        <v>0</v>
      </c>
      <c r="G39" s="69">
        <v>0</v>
      </c>
      <c r="H39" s="68">
        <v>10</v>
      </c>
      <c r="I39" s="68">
        <v>5</v>
      </c>
      <c r="J39" s="68">
        <v>5</v>
      </c>
      <c r="K39" s="67">
        <v>11</v>
      </c>
      <c r="L39" s="79">
        <v>6</v>
      </c>
      <c r="M39" s="80">
        <v>5</v>
      </c>
    </row>
    <row r="40" spans="1:13">
      <c r="A40" s="15" t="s">
        <v>70</v>
      </c>
      <c r="B40" s="67">
        <v>1</v>
      </c>
      <c r="C40" s="68">
        <v>3</v>
      </c>
      <c r="D40" s="68">
        <v>-2</v>
      </c>
      <c r="E40" s="67">
        <v>0</v>
      </c>
      <c r="F40" s="68">
        <v>0</v>
      </c>
      <c r="G40" s="69">
        <v>0</v>
      </c>
      <c r="H40" s="68">
        <v>10</v>
      </c>
      <c r="I40" s="68">
        <v>6</v>
      </c>
      <c r="J40" s="68">
        <v>4</v>
      </c>
      <c r="K40" s="67">
        <v>9</v>
      </c>
      <c r="L40" s="79">
        <v>3</v>
      </c>
      <c r="M40" s="80">
        <v>6</v>
      </c>
    </row>
    <row r="41" spans="1:13">
      <c r="A41" s="15" t="s">
        <v>72</v>
      </c>
      <c r="B41" s="67">
        <v>-4</v>
      </c>
      <c r="C41" s="68">
        <v>0</v>
      </c>
      <c r="D41" s="68">
        <v>-4</v>
      </c>
      <c r="E41" s="67">
        <v>0</v>
      </c>
      <c r="F41" s="68">
        <v>0</v>
      </c>
      <c r="G41" s="69">
        <v>0</v>
      </c>
      <c r="H41" s="68">
        <v>8</v>
      </c>
      <c r="I41" s="68">
        <v>7</v>
      </c>
      <c r="J41" s="68">
        <v>1</v>
      </c>
      <c r="K41" s="67">
        <v>12</v>
      </c>
      <c r="L41" s="79">
        <v>7</v>
      </c>
      <c r="M41" s="80">
        <v>5</v>
      </c>
    </row>
    <row r="42" spans="1:13" ht="21" customHeight="1">
      <c r="A42" s="36" t="s">
        <v>74</v>
      </c>
      <c r="B42" s="64">
        <v>11</v>
      </c>
      <c r="C42" s="65">
        <v>10</v>
      </c>
      <c r="D42" s="65">
        <v>1</v>
      </c>
      <c r="E42" s="64">
        <v>0</v>
      </c>
      <c r="F42" s="65">
        <v>0</v>
      </c>
      <c r="G42" s="66">
        <v>0</v>
      </c>
      <c r="H42" s="65">
        <v>40</v>
      </c>
      <c r="I42" s="65">
        <v>26</v>
      </c>
      <c r="J42" s="65">
        <v>14</v>
      </c>
      <c r="K42" s="64">
        <v>29</v>
      </c>
      <c r="L42" s="77">
        <v>16</v>
      </c>
      <c r="M42" s="78">
        <v>13</v>
      </c>
    </row>
    <row r="43" spans="1:13">
      <c r="A43" s="15" t="s">
        <v>76</v>
      </c>
      <c r="B43" s="67">
        <v>1</v>
      </c>
      <c r="C43" s="68">
        <v>1</v>
      </c>
      <c r="D43" s="68">
        <v>0</v>
      </c>
      <c r="E43" s="67">
        <v>0</v>
      </c>
      <c r="F43" s="68">
        <v>0</v>
      </c>
      <c r="G43" s="69">
        <v>0</v>
      </c>
      <c r="H43" s="68">
        <v>8</v>
      </c>
      <c r="I43" s="68">
        <v>5</v>
      </c>
      <c r="J43" s="68">
        <v>3</v>
      </c>
      <c r="K43" s="67">
        <v>7</v>
      </c>
      <c r="L43" s="79">
        <v>4</v>
      </c>
      <c r="M43" s="80">
        <v>3</v>
      </c>
    </row>
    <row r="44" spans="1:13">
      <c r="A44" s="15" t="s">
        <v>78</v>
      </c>
      <c r="B44" s="67">
        <v>1</v>
      </c>
      <c r="C44" s="68">
        <v>0</v>
      </c>
      <c r="D44" s="68">
        <v>1</v>
      </c>
      <c r="E44" s="67">
        <v>0</v>
      </c>
      <c r="F44" s="68">
        <v>0</v>
      </c>
      <c r="G44" s="69">
        <v>0</v>
      </c>
      <c r="H44" s="68">
        <v>8</v>
      </c>
      <c r="I44" s="68">
        <v>5</v>
      </c>
      <c r="J44" s="68">
        <v>3</v>
      </c>
      <c r="K44" s="67">
        <v>7</v>
      </c>
      <c r="L44" s="79">
        <v>5</v>
      </c>
      <c r="M44" s="80">
        <v>2</v>
      </c>
    </row>
    <row r="45" spans="1:13">
      <c r="A45" s="15" t="s">
        <v>80</v>
      </c>
      <c r="B45" s="67">
        <v>2</v>
      </c>
      <c r="C45" s="68">
        <v>3</v>
      </c>
      <c r="D45" s="68">
        <v>-1</v>
      </c>
      <c r="E45" s="67">
        <v>0</v>
      </c>
      <c r="F45" s="68">
        <v>0</v>
      </c>
      <c r="G45" s="69">
        <v>0</v>
      </c>
      <c r="H45" s="68">
        <v>6</v>
      </c>
      <c r="I45" s="68">
        <v>4</v>
      </c>
      <c r="J45" s="68">
        <v>2</v>
      </c>
      <c r="K45" s="67">
        <v>4</v>
      </c>
      <c r="L45" s="79">
        <v>1</v>
      </c>
      <c r="M45" s="80">
        <v>3</v>
      </c>
    </row>
    <row r="46" spans="1:13">
      <c r="A46" s="15" t="s">
        <v>82</v>
      </c>
      <c r="B46" s="67">
        <v>8</v>
      </c>
      <c r="C46" s="68">
        <v>5</v>
      </c>
      <c r="D46" s="68">
        <v>3</v>
      </c>
      <c r="E46" s="67">
        <v>0</v>
      </c>
      <c r="F46" s="68">
        <v>0</v>
      </c>
      <c r="G46" s="69">
        <v>0</v>
      </c>
      <c r="H46" s="68">
        <v>16</v>
      </c>
      <c r="I46" s="68">
        <v>10</v>
      </c>
      <c r="J46" s="68">
        <v>6</v>
      </c>
      <c r="K46" s="67">
        <v>8</v>
      </c>
      <c r="L46" s="79">
        <v>5</v>
      </c>
      <c r="M46" s="80">
        <v>3</v>
      </c>
    </row>
    <row r="47" spans="1:13">
      <c r="A47" s="15" t="s">
        <v>84</v>
      </c>
      <c r="B47" s="67">
        <v>-1</v>
      </c>
      <c r="C47" s="68">
        <v>1</v>
      </c>
      <c r="D47" s="68">
        <v>-2</v>
      </c>
      <c r="E47" s="67">
        <v>0</v>
      </c>
      <c r="F47" s="68">
        <v>0</v>
      </c>
      <c r="G47" s="69">
        <v>0</v>
      </c>
      <c r="H47" s="68">
        <v>2</v>
      </c>
      <c r="I47" s="68">
        <v>2</v>
      </c>
      <c r="J47" s="68">
        <v>0</v>
      </c>
      <c r="K47" s="67">
        <v>3</v>
      </c>
      <c r="L47" s="79">
        <v>1</v>
      </c>
      <c r="M47" s="80">
        <v>2</v>
      </c>
    </row>
    <row r="48" spans="1:13" ht="21" customHeight="1">
      <c r="A48" s="36" t="s">
        <v>86</v>
      </c>
      <c r="B48" s="64">
        <v>1</v>
      </c>
      <c r="C48" s="65">
        <v>-2</v>
      </c>
      <c r="D48" s="65">
        <v>3</v>
      </c>
      <c r="E48" s="64">
        <v>0</v>
      </c>
      <c r="F48" s="65">
        <v>0</v>
      </c>
      <c r="G48" s="66">
        <v>0</v>
      </c>
      <c r="H48" s="65">
        <v>24</v>
      </c>
      <c r="I48" s="65">
        <v>10</v>
      </c>
      <c r="J48" s="65">
        <v>14</v>
      </c>
      <c r="K48" s="64">
        <v>23</v>
      </c>
      <c r="L48" s="77">
        <v>12</v>
      </c>
      <c r="M48" s="78">
        <v>11</v>
      </c>
    </row>
    <row r="49" spans="1:13">
      <c r="A49" s="15" t="s">
        <v>88</v>
      </c>
      <c r="B49" s="67">
        <v>5</v>
      </c>
      <c r="C49" s="68">
        <v>2</v>
      </c>
      <c r="D49" s="68">
        <v>3</v>
      </c>
      <c r="E49" s="67">
        <v>0</v>
      </c>
      <c r="F49" s="68">
        <v>0</v>
      </c>
      <c r="G49" s="69">
        <v>0</v>
      </c>
      <c r="H49" s="68">
        <v>6</v>
      </c>
      <c r="I49" s="68">
        <v>3</v>
      </c>
      <c r="J49" s="68">
        <v>3</v>
      </c>
      <c r="K49" s="67">
        <v>1</v>
      </c>
      <c r="L49" s="79">
        <v>1</v>
      </c>
      <c r="M49" s="80">
        <v>0</v>
      </c>
    </row>
    <row r="50" spans="1:13">
      <c r="A50" s="15" t="s">
        <v>90</v>
      </c>
      <c r="B50" s="67">
        <v>-5</v>
      </c>
      <c r="C50" s="68">
        <v>-4</v>
      </c>
      <c r="D50" s="68">
        <v>-1</v>
      </c>
      <c r="E50" s="67">
        <v>0</v>
      </c>
      <c r="F50" s="68">
        <v>0</v>
      </c>
      <c r="G50" s="69">
        <v>0</v>
      </c>
      <c r="H50" s="68">
        <v>4</v>
      </c>
      <c r="I50" s="68">
        <v>2</v>
      </c>
      <c r="J50" s="68">
        <v>2</v>
      </c>
      <c r="K50" s="67">
        <v>9</v>
      </c>
      <c r="L50" s="79">
        <v>6</v>
      </c>
      <c r="M50" s="80">
        <v>3</v>
      </c>
    </row>
    <row r="51" spans="1:13">
      <c r="A51" s="15" t="s">
        <v>92</v>
      </c>
      <c r="B51" s="67">
        <v>-1</v>
      </c>
      <c r="C51" s="68">
        <v>0</v>
      </c>
      <c r="D51" s="68">
        <v>-1</v>
      </c>
      <c r="E51" s="67">
        <v>0</v>
      </c>
      <c r="F51" s="68">
        <v>0</v>
      </c>
      <c r="G51" s="69">
        <v>0</v>
      </c>
      <c r="H51" s="68">
        <v>4</v>
      </c>
      <c r="I51" s="68">
        <v>1</v>
      </c>
      <c r="J51" s="68">
        <v>3</v>
      </c>
      <c r="K51" s="67">
        <v>5</v>
      </c>
      <c r="L51" s="79">
        <v>1</v>
      </c>
      <c r="M51" s="80">
        <v>4</v>
      </c>
    </row>
    <row r="52" spans="1:13">
      <c r="A52" s="15" t="s">
        <v>94</v>
      </c>
      <c r="B52" s="67">
        <v>1</v>
      </c>
      <c r="C52" s="68">
        <v>1</v>
      </c>
      <c r="D52" s="68">
        <v>0</v>
      </c>
      <c r="E52" s="67">
        <v>0</v>
      </c>
      <c r="F52" s="68">
        <v>0</v>
      </c>
      <c r="G52" s="69">
        <v>0</v>
      </c>
      <c r="H52" s="68">
        <v>6</v>
      </c>
      <c r="I52" s="68">
        <v>3</v>
      </c>
      <c r="J52" s="68">
        <v>3</v>
      </c>
      <c r="K52" s="67">
        <v>5</v>
      </c>
      <c r="L52" s="79">
        <v>2</v>
      </c>
      <c r="M52" s="80">
        <v>3</v>
      </c>
    </row>
    <row r="53" spans="1:13">
      <c r="A53" s="15" t="s">
        <v>96</v>
      </c>
      <c r="B53" s="67">
        <v>1</v>
      </c>
      <c r="C53" s="68">
        <v>-1</v>
      </c>
      <c r="D53" s="68">
        <v>2</v>
      </c>
      <c r="E53" s="67">
        <v>0</v>
      </c>
      <c r="F53" s="68">
        <v>0</v>
      </c>
      <c r="G53" s="69">
        <v>0</v>
      </c>
      <c r="H53" s="68">
        <v>4</v>
      </c>
      <c r="I53" s="68">
        <v>1</v>
      </c>
      <c r="J53" s="68">
        <v>3</v>
      </c>
      <c r="K53" s="67">
        <v>3</v>
      </c>
      <c r="L53" s="79">
        <v>2</v>
      </c>
      <c r="M53" s="80">
        <v>1</v>
      </c>
    </row>
    <row r="54" spans="1:13" ht="21" customHeight="1">
      <c r="A54" s="36" t="s">
        <v>98</v>
      </c>
      <c r="B54" s="64">
        <v>-2</v>
      </c>
      <c r="C54" s="65">
        <v>-2</v>
      </c>
      <c r="D54" s="65">
        <v>0</v>
      </c>
      <c r="E54" s="64">
        <v>0</v>
      </c>
      <c r="F54" s="65">
        <v>0</v>
      </c>
      <c r="G54" s="66">
        <v>0</v>
      </c>
      <c r="H54" s="65">
        <v>14</v>
      </c>
      <c r="I54" s="65">
        <v>5</v>
      </c>
      <c r="J54" s="65">
        <v>9</v>
      </c>
      <c r="K54" s="64">
        <v>16</v>
      </c>
      <c r="L54" s="77">
        <v>7</v>
      </c>
      <c r="M54" s="78">
        <v>9</v>
      </c>
    </row>
    <row r="55" spans="1:13">
      <c r="A55" s="15" t="s">
        <v>100</v>
      </c>
      <c r="B55" s="67">
        <v>1</v>
      </c>
      <c r="C55" s="68">
        <v>1</v>
      </c>
      <c r="D55" s="68">
        <v>0</v>
      </c>
      <c r="E55" s="67">
        <v>0</v>
      </c>
      <c r="F55" s="68">
        <v>0</v>
      </c>
      <c r="G55" s="69">
        <v>0</v>
      </c>
      <c r="H55" s="68">
        <v>4</v>
      </c>
      <c r="I55" s="68">
        <v>3</v>
      </c>
      <c r="J55" s="68">
        <v>1</v>
      </c>
      <c r="K55" s="67">
        <v>3</v>
      </c>
      <c r="L55" s="79">
        <v>2</v>
      </c>
      <c r="M55" s="80">
        <v>1</v>
      </c>
    </row>
    <row r="56" spans="1:13">
      <c r="A56" s="15" t="s">
        <v>102</v>
      </c>
      <c r="B56" s="67">
        <v>-2</v>
      </c>
      <c r="C56" s="68">
        <v>-1</v>
      </c>
      <c r="D56" s="68">
        <v>-1</v>
      </c>
      <c r="E56" s="67">
        <v>0</v>
      </c>
      <c r="F56" s="68">
        <v>0</v>
      </c>
      <c r="G56" s="69">
        <v>0</v>
      </c>
      <c r="H56" s="68">
        <v>4</v>
      </c>
      <c r="I56" s="68">
        <v>1</v>
      </c>
      <c r="J56" s="68">
        <v>3</v>
      </c>
      <c r="K56" s="67">
        <v>6</v>
      </c>
      <c r="L56" s="79">
        <v>2</v>
      </c>
      <c r="M56" s="80">
        <v>4</v>
      </c>
    </row>
    <row r="57" spans="1:13">
      <c r="A57" s="15" t="s">
        <v>104</v>
      </c>
      <c r="B57" s="67">
        <v>1</v>
      </c>
      <c r="C57" s="68">
        <v>0</v>
      </c>
      <c r="D57" s="68">
        <v>1</v>
      </c>
      <c r="E57" s="67">
        <v>0</v>
      </c>
      <c r="F57" s="68">
        <v>0</v>
      </c>
      <c r="G57" s="69">
        <v>0</v>
      </c>
      <c r="H57" s="68">
        <v>2</v>
      </c>
      <c r="I57" s="68">
        <v>1</v>
      </c>
      <c r="J57" s="68">
        <v>1</v>
      </c>
      <c r="K57" s="67">
        <v>1</v>
      </c>
      <c r="L57" s="79">
        <v>1</v>
      </c>
      <c r="M57" s="80">
        <v>0</v>
      </c>
    </row>
    <row r="58" spans="1:13">
      <c r="A58" s="15" t="s">
        <v>106</v>
      </c>
      <c r="B58" s="67">
        <v>-1</v>
      </c>
      <c r="C58" s="68">
        <v>-1</v>
      </c>
      <c r="D58" s="68">
        <v>0</v>
      </c>
      <c r="E58" s="67">
        <v>0</v>
      </c>
      <c r="F58" s="68">
        <v>0</v>
      </c>
      <c r="G58" s="69">
        <v>0</v>
      </c>
      <c r="H58" s="68">
        <v>2</v>
      </c>
      <c r="I58" s="68">
        <v>0</v>
      </c>
      <c r="J58" s="68">
        <v>2</v>
      </c>
      <c r="K58" s="67">
        <v>3</v>
      </c>
      <c r="L58" s="79">
        <v>1</v>
      </c>
      <c r="M58" s="80">
        <v>2</v>
      </c>
    </row>
    <row r="59" spans="1:13">
      <c r="A59" s="15" t="s">
        <v>108</v>
      </c>
      <c r="B59" s="67">
        <v>-1</v>
      </c>
      <c r="C59" s="68">
        <v>-1</v>
      </c>
      <c r="D59" s="68">
        <v>0</v>
      </c>
      <c r="E59" s="67">
        <v>0</v>
      </c>
      <c r="F59" s="68">
        <v>0</v>
      </c>
      <c r="G59" s="69">
        <v>0</v>
      </c>
      <c r="H59" s="68">
        <v>2</v>
      </c>
      <c r="I59" s="68">
        <v>0</v>
      </c>
      <c r="J59" s="68">
        <v>2</v>
      </c>
      <c r="K59" s="67">
        <v>3</v>
      </c>
      <c r="L59" s="79">
        <v>1</v>
      </c>
      <c r="M59" s="80">
        <v>2</v>
      </c>
    </row>
    <row r="60" spans="1:13" ht="21" customHeight="1">
      <c r="A60" s="36" t="s">
        <v>110</v>
      </c>
      <c r="B60" s="64">
        <v>-7</v>
      </c>
      <c r="C60" s="65">
        <v>-4</v>
      </c>
      <c r="D60" s="65">
        <v>-3</v>
      </c>
      <c r="E60" s="64">
        <v>0</v>
      </c>
      <c r="F60" s="65">
        <v>0</v>
      </c>
      <c r="G60" s="66">
        <v>0</v>
      </c>
      <c r="H60" s="65">
        <v>18</v>
      </c>
      <c r="I60" s="65">
        <v>10</v>
      </c>
      <c r="J60" s="65">
        <v>8</v>
      </c>
      <c r="K60" s="64">
        <v>25</v>
      </c>
      <c r="L60" s="77">
        <v>14</v>
      </c>
      <c r="M60" s="78">
        <v>11</v>
      </c>
    </row>
    <row r="61" spans="1:13">
      <c r="A61" s="15" t="s">
        <v>112</v>
      </c>
      <c r="B61" s="67">
        <v>-3</v>
      </c>
      <c r="C61" s="68">
        <v>-1</v>
      </c>
      <c r="D61" s="68">
        <v>-2</v>
      </c>
      <c r="E61" s="67">
        <v>0</v>
      </c>
      <c r="F61" s="68">
        <v>0</v>
      </c>
      <c r="G61" s="69">
        <v>0</v>
      </c>
      <c r="H61" s="68">
        <v>2</v>
      </c>
      <c r="I61" s="68">
        <v>1</v>
      </c>
      <c r="J61" s="68">
        <v>1</v>
      </c>
      <c r="K61" s="67">
        <v>5</v>
      </c>
      <c r="L61" s="79">
        <v>2</v>
      </c>
      <c r="M61" s="80">
        <v>3</v>
      </c>
    </row>
    <row r="62" spans="1:13">
      <c r="A62" s="15" t="s">
        <v>114</v>
      </c>
      <c r="B62" s="67">
        <v>-2</v>
      </c>
      <c r="C62" s="68">
        <v>-1</v>
      </c>
      <c r="D62" s="68">
        <v>-1</v>
      </c>
      <c r="E62" s="67">
        <v>0</v>
      </c>
      <c r="F62" s="68">
        <v>0</v>
      </c>
      <c r="G62" s="69">
        <v>0</v>
      </c>
      <c r="H62" s="68">
        <v>5</v>
      </c>
      <c r="I62" s="68">
        <v>3</v>
      </c>
      <c r="J62" s="68">
        <v>2</v>
      </c>
      <c r="K62" s="67">
        <v>7</v>
      </c>
      <c r="L62" s="79">
        <v>4</v>
      </c>
      <c r="M62" s="80">
        <v>3</v>
      </c>
    </row>
    <row r="63" spans="1:13">
      <c r="A63" s="15" t="s">
        <v>116</v>
      </c>
      <c r="B63" s="67">
        <v>-2</v>
      </c>
      <c r="C63" s="68">
        <v>-2</v>
      </c>
      <c r="D63" s="68">
        <v>0</v>
      </c>
      <c r="E63" s="67">
        <v>0</v>
      </c>
      <c r="F63" s="68">
        <v>0</v>
      </c>
      <c r="G63" s="69">
        <v>0</v>
      </c>
      <c r="H63" s="68">
        <v>0</v>
      </c>
      <c r="I63" s="68">
        <v>0</v>
      </c>
      <c r="J63" s="68">
        <v>0</v>
      </c>
      <c r="K63" s="67">
        <v>2</v>
      </c>
      <c r="L63" s="79">
        <v>2</v>
      </c>
      <c r="M63" s="80">
        <v>0</v>
      </c>
    </row>
    <row r="64" spans="1:13">
      <c r="A64" s="15" t="s">
        <v>118</v>
      </c>
      <c r="B64" s="67">
        <v>-1</v>
      </c>
      <c r="C64" s="68">
        <v>-1</v>
      </c>
      <c r="D64" s="68">
        <v>0</v>
      </c>
      <c r="E64" s="67">
        <v>0</v>
      </c>
      <c r="F64" s="68">
        <v>0</v>
      </c>
      <c r="G64" s="69">
        <v>0</v>
      </c>
      <c r="H64" s="68">
        <v>5</v>
      </c>
      <c r="I64" s="68">
        <v>3</v>
      </c>
      <c r="J64" s="68">
        <v>2</v>
      </c>
      <c r="K64" s="67">
        <v>6</v>
      </c>
      <c r="L64" s="79">
        <v>4</v>
      </c>
      <c r="M64" s="80">
        <v>2</v>
      </c>
    </row>
    <row r="65" spans="1:13">
      <c r="A65" s="19" t="s">
        <v>120</v>
      </c>
      <c r="B65" s="70">
        <v>1</v>
      </c>
      <c r="C65" s="71">
        <v>1</v>
      </c>
      <c r="D65" s="71">
        <v>0</v>
      </c>
      <c r="E65" s="70">
        <v>0</v>
      </c>
      <c r="F65" s="71">
        <v>0</v>
      </c>
      <c r="G65" s="72">
        <v>0</v>
      </c>
      <c r="H65" s="71">
        <v>6</v>
      </c>
      <c r="I65" s="71">
        <v>3</v>
      </c>
      <c r="J65" s="71">
        <v>3</v>
      </c>
      <c r="K65" s="70">
        <v>5</v>
      </c>
      <c r="L65" s="81">
        <v>2</v>
      </c>
      <c r="M65" s="82">
        <v>3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23</v>
      </c>
      <c r="C69" s="50">
        <v>8</v>
      </c>
      <c r="D69" s="84">
        <v>1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11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219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</v>
      </c>
      <c r="C75" s="65">
        <v>-1</v>
      </c>
      <c r="D75" s="65">
        <v>0</v>
      </c>
      <c r="E75" s="64">
        <v>2</v>
      </c>
      <c r="F75" s="65">
        <v>2</v>
      </c>
      <c r="G75" s="66">
        <v>0</v>
      </c>
      <c r="H75" s="65">
        <v>8</v>
      </c>
      <c r="I75" s="65">
        <v>6</v>
      </c>
      <c r="J75" s="65">
        <v>2</v>
      </c>
      <c r="K75" s="64">
        <v>7</v>
      </c>
      <c r="L75" s="77">
        <v>5</v>
      </c>
      <c r="M75" s="78">
        <v>2</v>
      </c>
    </row>
    <row r="76" spans="1:13">
      <c r="A76" s="27" t="s">
        <v>5</v>
      </c>
      <c r="B76" s="67">
        <v>0</v>
      </c>
      <c r="C76" s="68">
        <v>1</v>
      </c>
      <c r="D76" s="68">
        <v>-1</v>
      </c>
      <c r="E76" s="67">
        <v>0</v>
      </c>
      <c r="F76" s="68">
        <v>0</v>
      </c>
      <c r="G76" s="69">
        <v>0</v>
      </c>
      <c r="H76" s="68">
        <v>1</v>
      </c>
      <c r="I76" s="68">
        <v>1</v>
      </c>
      <c r="J76" s="68">
        <v>0</v>
      </c>
      <c r="K76" s="67">
        <v>1</v>
      </c>
      <c r="L76" s="79">
        <v>0</v>
      </c>
      <c r="M76" s="80">
        <v>1</v>
      </c>
    </row>
    <row r="77" spans="1:13">
      <c r="A77" s="27" t="s">
        <v>7</v>
      </c>
      <c r="B77" s="67">
        <v>-1</v>
      </c>
      <c r="C77" s="68">
        <v>-1</v>
      </c>
      <c r="D77" s="68">
        <v>0</v>
      </c>
      <c r="E77" s="67">
        <v>0</v>
      </c>
      <c r="F77" s="68">
        <v>0</v>
      </c>
      <c r="G77" s="69">
        <v>0</v>
      </c>
      <c r="H77" s="68">
        <v>1</v>
      </c>
      <c r="I77" s="68">
        <v>1</v>
      </c>
      <c r="J77" s="68">
        <v>0</v>
      </c>
      <c r="K77" s="67">
        <v>2</v>
      </c>
      <c r="L77" s="79">
        <v>2</v>
      </c>
      <c r="M77" s="80">
        <v>0</v>
      </c>
    </row>
    <row r="78" spans="1:13">
      <c r="A78" s="27" t="s">
        <v>9</v>
      </c>
      <c r="B78" s="67">
        <v>1</v>
      </c>
      <c r="C78" s="68">
        <v>0</v>
      </c>
      <c r="D78" s="68">
        <v>1</v>
      </c>
      <c r="E78" s="67">
        <v>1</v>
      </c>
      <c r="F78" s="68">
        <v>1</v>
      </c>
      <c r="G78" s="69">
        <v>0</v>
      </c>
      <c r="H78" s="68">
        <v>3</v>
      </c>
      <c r="I78" s="68">
        <v>1</v>
      </c>
      <c r="J78" s="68">
        <v>2</v>
      </c>
      <c r="K78" s="67">
        <v>1</v>
      </c>
      <c r="L78" s="79">
        <v>0</v>
      </c>
      <c r="M78" s="80">
        <v>1</v>
      </c>
    </row>
    <row r="79" spans="1:13">
      <c r="A79" s="27" t="s">
        <v>11</v>
      </c>
      <c r="B79" s="67">
        <v>-1</v>
      </c>
      <c r="C79" s="68">
        <v>-1</v>
      </c>
      <c r="D79" s="68">
        <v>0</v>
      </c>
      <c r="E79" s="67">
        <v>0</v>
      </c>
      <c r="F79" s="68">
        <v>0</v>
      </c>
      <c r="G79" s="69">
        <v>0</v>
      </c>
      <c r="H79" s="68">
        <v>2</v>
      </c>
      <c r="I79" s="68">
        <v>2</v>
      </c>
      <c r="J79" s="68">
        <v>0</v>
      </c>
      <c r="K79" s="67">
        <v>3</v>
      </c>
      <c r="L79" s="79">
        <v>3</v>
      </c>
      <c r="M79" s="80">
        <v>0</v>
      </c>
    </row>
    <row r="80" spans="1:13">
      <c r="A80" s="27" t="s">
        <v>13</v>
      </c>
      <c r="B80" s="67">
        <v>0</v>
      </c>
      <c r="C80" s="68">
        <v>0</v>
      </c>
      <c r="D80" s="68">
        <v>0</v>
      </c>
      <c r="E80" s="67">
        <v>1</v>
      </c>
      <c r="F80" s="68">
        <v>1</v>
      </c>
      <c r="G80" s="69">
        <v>0</v>
      </c>
      <c r="H80" s="68">
        <v>1</v>
      </c>
      <c r="I80" s="68">
        <v>1</v>
      </c>
      <c r="J80" s="68">
        <v>0</v>
      </c>
      <c r="K80" s="67">
        <v>0</v>
      </c>
      <c r="L80" s="79">
        <v>0</v>
      </c>
      <c r="M80" s="80">
        <v>0</v>
      </c>
    </row>
    <row r="81" spans="1:13" ht="21" customHeight="1">
      <c r="A81" s="38" t="s">
        <v>15</v>
      </c>
      <c r="B81" s="64">
        <v>-8</v>
      </c>
      <c r="C81" s="65">
        <v>-3</v>
      </c>
      <c r="D81" s="65">
        <v>-5</v>
      </c>
      <c r="E81" s="64">
        <v>2</v>
      </c>
      <c r="F81" s="65">
        <v>2</v>
      </c>
      <c r="G81" s="66">
        <v>0</v>
      </c>
      <c r="H81" s="65">
        <v>6</v>
      </c>
      <c r="I81" s="65">
        <v>5</v>
      </c>
      <c r="J81" s="65">
        <v>1</v>
      </c>
      <c r="K81" s="64">
        <v>12</v>
      </c>
      <c r="L81" s="77">
        <v>6</v>
      </c>
      <c r="M81" s="78">
        <v>6</v>
      </c>
    </row>
    <row r="82" spans="1:13">
      <c r="A82" s="27" t="s">
        <v>17</v>
      </c>
      <c r="B82" s="67">
        <v>1</v>
      </c>
      <c r="C82" s="68">
        <v>1</v>
      </c>
      <c r="D82" s="68">
        <v>0</v>
      </c>
      <c r="E82" s="67">
        <v>1</v>
      </c>
      <c r="F82" s="68">
        <v>1</v>
      </c>
      <c r="G82" s="69">
        <v>0</v>
      </c>
      <c r="H82" s="68">
        <v>2</v>
      </c>
      <c r="I82" s="68">
        <v>2</v>
      </c>
      <c r="J82" s="68">
        <v>0</v>
      </c>
      <c r="K82" s="67">
        <v>0</v>
      </c>
      <c r="L82" s="79">
        <v>0</v>
      </c>
      <c r="M82" s="80">
        <v>0</v>
      </c>
    </row>
    <row r="83" spans="1:13">
      <c r="A83" s="27" t="s">
        <v>19</v>
      </c>
      <c r="B83" s="67">
        <v>-4</v>
      </c>
      <c r="C83" s="68">
        <v>-4</v>
      </c>
      <c r="D83" s="68">
        <v>0</v>
      </c>
      <c r="E83" s="67">
        <v>0</v>
      </c>
      <c r="F83" s="68">
        <v>0</v>
      </c>
      <c r="G83" s="69">
        <v>0</v>
      </c>
      <c r="H83" s="68">
        <v>0</v>
      </c>
      <c r="I83" s="68">
        <v>0</v>
      </c>
      <c r="J83" s="68">
        <v>0</v>
      </c>
      <c r="K83" s="67">
        <v>4</v>
      </c>
      <c r="L83" s="79">
        <v>4</v>
      </c>
      <c r="M83" s="80">
        <v>0</v>
      </c>
    </row>
    <row r="84" spans="1:13">
      <c r="A84" s="27" t="s">
        <v>21</v>
      </c>
      <c r="B84" s="67">
        <v>-1</v>
      </c>
      <c r="C84" s="68">
        <v>0</v>
      </c>
      <c r="D84" s="68">
        <v>-1</v>
      </c>
      <c r="E84" s="67">
        <v>0</v>
      </c>
      <c r="F84" s="68">
        <v>0</v>
      </c>
      <c r="G84" s="69">
        <v>0</v>
      </c>
      <c r="H84" s="68">
        <v>0</v>
      </c>
      <c r="I84" s="68">
        <v>0</v>
      </c>
      <c r="J84" s="68">
        <v>0</v>
      </c>
      <c r="K84" s="67">
        <v>1</v>
      </c>
      <c r="L84" s="79">
        <v>0</v>
      </c>
      <c r="M84" s="80">
        <v>1</v>
      </c>
    </row>
    <row r="85" spans="1:13">
      <c r="A85" s="27" t="s">
        <v>23</v>
      </c>
      <c r="B85" s="67">
        <v>-1</v>
      </c>
      <c r="C85" s="68">
        <v>1</v>
      </c>
      <c r="D85" s="68">
        <v>-2</v>
      </c>
      <c r="E85" s="67">
        <v>0</v>
      </c>
      <c r="F85" s="68">
        <v>0</v>
      </c>
      <c r="G85" s="69">
        <v>0</v>
      </c>
      <c r="H85" s="68">
        <v>1</v>
      </c>
      <c r="I85" s="68">
        <v>1</v>
      </c>
      <c r="J85" s="68">
        <v>0</v>
      </c>
      <c r="K85" s="67">
        <v>2</v>
      </c>
      <c r="L85" s="79">
        <v>0</v>
      </c>
      <c r="M85" s="80">
        <v>2</v>
      </c>
    </row>
    <row r="86" spans="1:13">
      <c r="A86" s="27" t="s">
        <v>25</v>
      </c>
      <c r="B86" s="67">
        <v>-3</v>
      </c>
      <c r="C86" s="68">
        <v>-1</v>
      </c>
      <c r="D86" s="68">
        <v>-2</v>
      </c>
      <c r="E86" s="67">
        <v>1</v>
      </c>
      <c r="F86" s="68">
        <v>1</v>
      </c>
      <c r="G86" s="69">
        <v>0</v>
      </c>
      <c r="H86" s="68">
        <v>3</v>
      </c>
      <c r="I86" s="68">
        <v>2</v>
      </c>
      <c r="J86" s="68">
        <v>1</v>
      </c>
      <c r="K86" s="67">
        <v>5</v>
      </c>
      <c r="L86" s="79">
        <v>2</v>
      </c>
      <c r="M86" s="80">
        <v>3</v>
      </c>
    </row>
    <row r="87" spans="1:13" ht="21" customHeight="1">
      <c r="A87" s="38" t="s">
        <v>27</v>
      </c>
      <c r="B87" s="64">
        <v>-3</v>
      </c>
      <c r="C87" s="65">
        <v>-3</v>
      </c>
      <c r="D87" s="65">
        <v>0</v>
      </c>
      <c r="E87" s="64">
        <v>2</v>
      </c>
      <c r="F87" s="65">
        <v>1</v>
      </c>
      <c r="G87" s="66">
        <v>1</v>
      </c>
      <c r="H87" s="65">
        <v>5</v>
      </c>
      <c r="I87" s="65">
        <v>3</v>
      </c>
      <c r="J87" s="65">
        <v>2</v>
      </c>
      <c r="K87" s="64">
        <v>6</v>
      </c>
      <c r="L87" s="77">
        <v>5</v>
      </c>
      <c r="M87" s="78">
        <v>1</v>
      </c>
    </row>
    <row r="88" spans="1:13">
      <c r="A88" s="27" t="s">
        <v>29</v>
      </c>
      <c r="B88" s="67">
        <v>-4</v>
      </c>
      <c r="C88" s="68">
        <v>-3</v>
      </c>
      <c r="D88" s="68">
        <v>-1</v>
      </c>
      <c r="E88" s="67">
        <v>1</v>
      </c>
      <c r="F88" s="68">
        <v>1</v>
      </c>
      <c r="G88" s="69">
        <v>0</v>
      </c>
      <c r="H88" s="68">
        <v>1</v>
      </c>
      <c r="I88" s="68">
        <v>1</v>
      </c>
      <c r="J88" s="68">
        <v>0</v>
      </c>
      <c r="K88" s="67">
        <v>4</v>
      </c>
      <c r="L88" s="79">
        <v>3</v>
      </c>
      <c r="M88" s="80">
        <v>1</v>
      </c>
    </row>
    <row r="89" spans="1:13">
      <c r="A89" s="27" t="s">
        <v>31</v>
      </c>
      <c r="B89" s="67">
        <v>0</v>
      </c>
      <c r="C89" s="68">
        <v>0</v>
      </c>
      <c r="D89" s="68">
        <v>0</v>
      </c>
      <c r="E89" s="67">
        <v>0</v>
      </c>
      <c r="F89" s="68">
        <v>0</v>
      </c>
      <c r="G89" s="69">
        <v>0</v>
      </c>
      <c r="H89" s="68">
        <v>0</v>
      </c>
      <c r="I89" s="68">
        <v>0</v>
      </c>
      <c r="J89" s="68">
        <v>0</v>
      </c>
      <c r="K89" s="67">
        <v>0</v>
      </c>
      <c r="L89" s="79">
        <v>0</v>
      </c>
      <c r="M89" s="80">
        <v>0</v>
      </c>
    </row>
    <row r="90" spans="1:13">
      <c r="A90" s="27" t="s">
        <v>33</v>
      </c>
      <c r="B90" s="67">
        <v>0</v>
      </c>
      <c r="C90" s="68">
        <v>0</v>
      </c>
      <c r="D90" s="68">
        <v>0</v>
      </c>
      <c r="E90" s="67">
        <v>1</v>
      </c>
      <c r="F90" s="68">
        <v>0</v>
      </c>
      <c r="G90" s="69">
        <v>1</v>
      </c>
      <c r="H90" s="68">
        <v>2</v>
      </c>
      <c r="I90" s="68">
        <v>1</v>
      </c>
      <c r="J90" s="68">
        <v>1</v>
      </c>
      <c r="K90" s="67">
        <v>1</v>
      </c>
      <c r="L90" s="79">
        <v>1</v>
      </c>
      <c r="M90" s="80">
        <v>0</v>
      </c>
    </row>
    <row r="91" spans="1:13">
      <c r="A91" s="27" t="s">
        <v>35</v>
      </c>
      <c r="B91" s="67">
        <v>0</v>
      </c>
      <c r="C91" s="68">
        <v>-1</v>
      </c>
      <c r="D91" s="68">
        <v>1</v>
      </c>
      <c r="E91" s="67">
        <v>0</v>
      </c>
      <c r="F91" s="68">
        <v>0</v>
      </c>
      <c r="G91" s="69">
        <v>0</v>
      </c>
      <c r="H91" s="68">
        <v>1</v>
      </c>
      <c r="I91" s="68">
        <v>0</v>
      </c>
      <c r="J91" s="68">
        <v>1</v>
      </c>
      <c r="K91" s="67">
        <v>1</v>
      </c>
      <c r="L91" s="79">
        <v>1</v>
      </c>
      <c r="M91" s="80">
        <v>0</v>
      </c>
    </row>
    <row r="92" spans="1:13">
      <c r="A92" s="27" t="s">
        <v>37</v>
      </c>
      <c r="B92" s="67">
        <v>1</v>
      </c>
      <c r="C92" s="68">
        <v>1</v>
      </c>
      <c r="D92" s="68">
        <v>0</v>
      </c>
      <c r="E92" s="67">
        <v>0</v>
      </c>
      <c r="F92" s="68">
        <v>0</v>
      </c>
      <c r="G92" s="69">
        <v>0</v>
      </c>
      <c r="H92" s="68">
        <v>1</v>
      </c>
      <c r="I92" s="68">
        <v>1</v>
      </c>
      <c r="J92" s="68">
        <v>0</v>
      </c>
      <c r="K92" s="67">
        <v>0</v>
      </c>
      <c r="L92" s="79">
        <v>0</v>
      </c>
      <c r="M92" s="80">
        <v>0</v>
      </c>
    </row>
    <row r="93" spans="1:13" ht="21" customHeight="1">
      <c r="A93" s="38" t="s">
        <v>39</v>
      </c>
      <c r="B93" s="64">
        <v>1</v>
      </c>
      <c r="C93" s="65">
        <v>0</v>
      </c>
      <c r="D93" s="65">
        <v>1</v>
      </c>
      <c r="E93" s="64">
        <v>2</v>
      </c>
      <c r="F93" s="65">
        <v>0</v>
      </c>
      <c r="G93" s="66">
        <v>2</v>
      </c>
      <c r="H93" s="65">
        <v>12</v>
      </c>
      <c r="I93" s="65">
        <v>6</v>
      </c>
      <c r="J93" s="65">
        <v>6</v>
      </c>
      <c r="K93" s="64">
        <v>9</v>
      </c>
      <c r="L93" s="77">
        <v>6</v>
      </c>
      <c r="M93" s="78">
        <v>3</v>
      </c>
    </row>
    <row r="94" spans="1:13">
      <c r="A94" s="27" t="s">
        <v>41</v>
      </c>
      <c r="B94" s="67">
        <v>2</v>
      </c>
      <c r="C94" s="68">
        <v>1</v>
      </c>
      <c r="D94" s="68">
        <v>1</v>
      </c>
      <c r="E94" s="67">
        <v>0</v>
      </c>
      <c r="F94" s="68">
        <v>0</v>
      </c>
      <c r="G94" s="69">
        <v>0</v>
      </c>
      <c r="H94" s="68">
        <v>3</v>
      </c>
      <c r="I94" s="68">
        <v>2</v>
      </c>
      <c r="J94" s="68">
        <v>1</v>
      </c>
      <c r="K94" s="67">
        <v>1</v>
      </c>
      <c r="L94" s="79">
        <v>1</v>
      </c>
      <c r="M94" s="80">
        <v>0</v>
      </c>
    </row>
    <row r="95" spans="1:13">
      <c r="A95" s="27" t="s">
        <v>43</v>
      </c>
      <c r="B95" s="67">
        <v>-1</v>
      </c>
      <c r="C95" s="68">
        <v>0</v>
      </c>
      <c r="D95" s="68">
        <v>-1</v>
      </c>
      <c r="E95" s="67">
        <v>1</v>
      </c>
      <c r="F95" s="68">
        <v>0</v>
      </c>
      <c r="G95" s="69">
        <v>1</v>
      </c>
      <c r="H95" s="68">
        <v>2</v>
      </c>
      <c r="I95" s="68">
        <v>2</v>
      </c>
      <c r="J95" s="68">
        <v>0</v>
      </c>
      <c r="K95" s="67">
        <v>2</v>
      </c>
      <c r="L95" s="79">
        <v>2</v>
      </c>
      <c r="M95" s="80">
        <v>0</v>
      </c>
    </row>
    <row r="96" spans="1:13">
      <c r="A96" s="27" t="s">
        <v>45</v>
      </c>
      <c r="B96" s="67">
        <v>0</v>
      </c>
      <c r="C96" s="68">
        <v>0</v>
      </c>
      <c r="D96" s="68">
        <v>0</v>
      </c>
      <c r="E96" s="67">
        <v>0</v>
      </c>
      <c r="F96" s="68">
        <v>0</v>
      </c>
      <c r="G96" s="69">
        <v>0</v>
      </c>
      <c r="H96" s="68">
        <v>2</v>
      </c>
      <c r="I96" s="68">
        <v>0</v>
      </c>
      <c r="J96" s="68">
        <v>2</v>
      </c>
      <c r="K96" s="67">
        <v>2</v>
      </c>
      <c r="L96" s="79">
        <v>0</v>
      </c>
      <c r="M96" s="80">
        <v>2</v>
      </c>
    </row>
    <row r="97" spans="1:13">
      <c r="A97" s="27" t="s">
        <v>47</v>
      </c>
      <c r="B97" s="67">
        <v>-2</v>
      </c>
      <c r="C97" s="68">
        <v>-1</v>
      </c>
      <c r="D97" s="68">
        <v>-1</v>
      </c>
      <c r="E97" s="67">
        <v>1</v>
      </c>
      <c r="F97" s="68">
        <v>0</v>
      </c>
      <c r="G97" s="69">
        <v>1</v>
      </c>
      <c r="H97" s="68">
        <v>2</v>
      </c>
      <c r="I97" s="68">
        <v>1</v>
      </c>
      <c r="J97" s="68">
        <v>1</v>
      </c>
      <c r="K97" s="67">
        <v>3</v>
      </c>
      <c r="L97" s="79">
        <v>2</v>
      </c>
      <c r="M97" s="80">
        <v>1</v>
      </c>
    </row>
    <row r="98" spans="1:13">
      <c r="A98" s="27" t="s">
        <v>49</v>
      </c>
      <c r="B98" s="67">
        <v>2</v>
      </c>
      <c r="C98" s="68">
        <v>0</v>
      </c>
      <c r="D98" s="68">
        <v>2</v>
      </c>
      <c r="E98" s="67">
        <v>0</v>
      </c>
      <c r="F98" s="68">
        <v>0</v>
      </c>
      <c r="G98" s="69">
        <v>0</v>
      </c>
      <c r="H98" s="68">
        <v>3</v>
      </c>
      <c r="I98" s="68">
        <v>1</v>
      </c>
      <c r="J98" s="68">
        <v>2</v>
      </c>
      <c r="K98" s="67">
        <v>1</v>
      </c>
      <c r="L98" s="79">
        <v>1</v>
      </c>
      <c r="M98" s="80">
        <v>0</v>
      </c>
    </row>
    <row r="99" spans="1:13" ht="21" customHeight="1">
      <c r="A99" s="38" t="s">
        <v>51</v>
      </c>
      <c r="B99" s="64">
        <v>-24</v>
      </c>
      <c r="C99" s="65">
        <v>-15</v>
      </c>
      <c r="D99" s="65">
        <v>-9</v>
      </c>
      <c r="E99" s="64">
        <v>20</v>
      </c>
      <c r="F99" s="65">
        <v>13</v>
      </c>
      <c r="G99" s="66">
        <v>7</v>
      </c>
      <c r="H99" s="65">
        <v>5</v>
      </c>
      <c r="I99" s="65">
        <v>4</v>
      </c>
      <c r="J99" s="65">
        <v>1</v>
      </c>
      <c r="K99" s="64">
        <v>9</v>
      </c>
      <c r="L99" s="77">
        <v>6</v>
      </c>
      <c r="M99" s="78">
        <v>3</v>
      </c>
    </row>
    <row r="100" spans="1:13">
      <c r="A100" s="27" t="s">
        <v>53</v>
      </c>
      <c r="B100" s="67">
        <v>-4</v>
      </c>
      <c r="C100" s="68">
        <v>-3</v>
      </c>
      <c r="D100" s="68">
        <v>-1</v>
      </c>
      <c r="E100" s="67">
        <v>5</v>
      </c>
      <c r="F100" s="68">
        <v>4</v>
      </c>
      <c r="G100" s="69">
        <v>1</v>
      </c>
      <c r="H100" s="68">
        <v>1</v>
      </c>
      <c r="I100" s="68">
        <v>1</v>
      </c>
      <c r="J100" s="68">
        <v>0</v>
      </c>
      <c r="K100" s="67">
        <v>0</v>
      </c>
      <c r="L100" s="79">
        <v>0</v>
      </c>
      <c r="M100" s="80">
        <v>0</v>
      </c>
    </row>
    <row r="101" spans="1:13">
      <c r="A101" s="27" t="s">
        <v>55</v>
      </c>
      <c r="B101" s="67">
        <v>-4</v>
      </c>
      <c r="C101" s="68">
        <v>-2</v>
      </c>
      <c r="D101" s="68">
        <v>-2</v>
      </c>
      <c r="E101" s="67">
        <v>3</v>
      </c>
      <c r="F101" s="68">
        <v>2</v>
      </c>
      <c r="G101" s="69">
        <v>1</v>
      </c>
      <c r="H101" s="68">
        <v>0</v>
      </c>
      <c r="I101" s="68">
        <v>0</v>
      </c>
      <c r="J101" s="68">
        <v>0</v>
      </c>
      <c r="K101" s="67">
        <v>1</v>
      </c>
      <c r="L101" s="79">
        <v>0</v>
      </c>
      <c r="M101" s="80">
        <v>1</v>
      </c>
    </row>
    <row r="102" spans="1:13">
      <c r="A102" s="27" t="s">
        <v>57</v>
      </c>
      <c r="B102" s="67">
        <v>-3</v>
      </c>
      <c r="C102" s="68">
        <v>0</v>
      </c>
      <c r="D102" s="68">
        <v>-3</v>
      </c>
      <c r="E102" s="67">
        <v>2</v>
      </c>
      <c r="F102" s="68">
        <v>0</v>
      </c>
      <c r="G102" s="69">
        <v>2</v>
      </c>
      <c r="H102" s="68">
        <v>3</v>
      </c>
      <c r="I102" s="68">
        <v>2</v>
      </c>
      <c r="J102" s="68">
        <v>1</v>
      </c>
      <c r="K102" s="67">
        <v>4</v>
      </c>
      <c r="L102" s="79">
        <v>2</v>
      </c>
      <c r="M102" s="80">
        <v>2</v>
      </c>
    </row>
    <row r="103" spans="1:13">
      <c r="A103" s="27" t="s">
        <v>59</v>
      </c>
      <c r="B103" s="67">
        <v>-6</v>
      </c>
      <c r="C103" s="68">
        <v>-5</v>
      </c>
      <c r="D103" s="68">
        <v>-1</v>
      </c>
      <c r="E103" s="67">
        <v>4</v>
      </c>
      <c r="F103" s="68">
        <v>3</v>
      </c>
      <c r="G103" s="69">
        <v>1</v>
      </c>
      <c r="H103" s="68">
        <v>1</v>
      </c>
      <c r="I103" s="68">
        <v>1</v>
      </c>
      <c r="J103" s="68">
        <v>0</v>
      </c>
      <c r="K103" s="67">
        <v>3</v>
      </c>
      <c r="L103" s="79">
        <v>3</v>
      </c>
      <c r="M103" s="80">
        <v>0</v>
      </c>
    </row>
    <row r="104" spans="1:13">
      <c r="A104" s="27" t="s">
        <v>61</v>
      </c>
      <c r="B104" s="67">
        <v>-7</v>
      </c>
      <c r="C104" s="68">
        <v>-5</v>
      </c>
      <c r="D104" s="68">
        <v>-2</v>
      </c>
      <c r="E104" s="67">
        <v>6</v>
      </c>
      <c r="F104" s="68">
        <v>4</v>
      </c>
      <c r="G104" s="69">
        <v>2</v>
      </c>
      <c r="H104" s="68">
        <v>0</v>
      </c>
      <c r="I104" s="68">
        <v>0</v>
      </c>
      <c r="J104" s="68">
        <v>0</v>
      </c>
      <c r="K104" s="67">
        <v>1</v>
      </c>
      <c r="L104" s="79">
        <v>1</v>
      </c>
      <c r="M104" s="80">
        <v>0</v>
      </c>
    </row>
    <row r="105" spans="1:13" ht="21" customHeight="1">
      <c r="A105" s="38" t="s">
        <v>63</v>
      </c>
      <c r="B105" s="64">
        <v>-14</v>
      </c>
      <c r="C105" s="65">
        <v>-10</v>
      </c>
      <c r="D105" s="65">
        <v>-4</v>
      </c>
      <c r="E105" s="64">
        <v>12</v>
      </c>
      <c r="F105" s="65">
        <v>10</v>
      </c>
      <c r="G105" s="66">
        <v>2</v>
      </c>
      <c r="H105" s="65">
        <v>3</v>
      </c>
      <c r="I105" s="65">
        <v>1</v>
      </c>
      <c r="J105" s="65">
        <v>2</v>
      </c>
      <c r="K105" s="64">
        <v>5</v>
      </c>
      <c r="L105" s="77">
        <v>1</v>
      </c>
      <c r="M105" s="78">
        <v>4</v>
      </c>
    </row>
    <row r="106" spans="1:13">
      <c r="A106" s="27" t="s">
        <v>65</v>
      </c>
      <c r="B106" s="67">
        <v>-1</v>
      </c>
      <c r="C106" s="68">
        <v>1</v>
      </c>
      <c r="D106" s="68">
        <v>-2</v>
      </c>
      <c r="E106" s="67">
        <v>1</v>
      </c>
      <c r="F106" s="68">
        <v>0</v>
      </c>
      <c r="G106" s="69">
        <v>1</v>
      </c>
      <c r="H106" s="68">
        <v>1</v>
      </c>
      <c r="I106" s="68">
        <v>1</v>
      </c>
      <c r="J106" s="68">
        <v>0</v>
      </c>
      <c r="K106" s="67">
        <v>1</v>
      </c>
      <c r="L106" s="79">
        <v>0</v>
      </c>
      <c r="M106" s="80">
        <v>1</v>
      </c>
    </row>
    <row r="107" spans="1:13">
      <c r="A107" s="27" t="s">
        <v>67</v>
      </c>
      <c r="B107" s="67">
        <v>-1</v>
      </c>
      <c r="C107" s="68">
        <v>0</v>
      </c>
      <c r="D107" s="68">
        <v>-1</v>
      </c>
      <c r="E107" s="67">
        <v>0</v>
      </c>
      <c r="F107" s="68">
        <v>0</v>
      </c>
      <c r="G107" s="69">
        <v>0</v>
      </c>
      <c r="H107" s="68">
        <v>1</v>
      </c>
      <c r="I107" s="68">
        <v>0</v>
      </c>
      <c r="J107" s="68">
        <v>1</v>
      </c>
      <c r="K107" s="67">
        <v>2</v>
      </c>
      <c r="L107" s="79">
        <v>0</v>
      </c>
      <c r="M107" s="80">
        <v>2</v>
      </c>
    </row>
    <row r="108" spans="1:13">
      <c r="A108" s="27" t="s">
        <v>69</v>
      </c>
      <c r="B108" s="67">
        <v>0</v>
      </c>
      <c r="C108" s="68">
        <v>-1</v>
      </c>
      <c r="D108" s="68">
        <v>1</v>
      </c>
      <c r="E108" s="67">
        <v>1</v>
      </c>
      <c r="F108" s="68">
        <v>1</v>
      </c>
      <c r="G108" s="69">
        <v>0</v>
      </c>
      <c r="H108" s="68">
        <v>1</v>
      </c>
      <c r="I108" s="68">
        <v>0</v>
      </c>
      <c r="J108" s="68">
        <v>1</v>
      </c>
      <c r="K108" s="67">
        <v>0</v>
      </c>
      <c r="L108" s="79">
        <v>0</v>
      </c>
      <c r="M108" s="80">
        <v>0</v>
      </c>
    </row>
    <row r="109" spans="1:13">
      <c r="A109" s="27" t="s">
        <v>71</v>
      </c>
      <c r="B109" s="67">
        <v>-6</v>
      </c>
      <c r="C109" s="68">
        <v>-5</v>
      </c>
      <c r="D109" s="68">
        <v>-1</v>
      </c>
      <c r="E109" s="67">
        <v>4</v>
      </c>
      <c r="F109" s="68">
        <v>4</v>
      </c>
      <c r="G109" s="69">
        <v>0</v>
      </c>
      <c r="H109" s="68">
        <v>0</v>
      </c>
      <c r="I109" s="68">
        <v>0</v>
      </c>
      <c r="J109" s="68">
        <v>0</v>
      </c>
      <c r="K109" s="67">
        <v>2</v>
      </c>
      <c r="L109" s="79">
        <v>1</v>
      </c>
      <c r="M109" s="80">
        <v>1</v>
      </c>
    </row>
    <row r="110" spans="1:13">
      <c r="A110" s="27" t="s">
        <v>73</v>
      </c>
      <c r="B110" s="67">
        <v>-6</v>
      </c>
      <c r="C110" s="68">
        <v>-5</v>
      </c>
      <c r="D110" s="68">
        <v>-1</v>
      </c>
      <c r="E110" s="67">
        <v>6</v>
      </c>
      <c r="F110" s="68">
        <v>5</v>
      </c>
      <c r="G110" s="69">
        <v>1</v>
      </c>
      <c r="H110" s="68">
        <v>0</v>
      </c>
      <c r="I110" s="68">
        <v>0</v>
      </c>
      <c r="J110" s="68">
        <v>0</v>
      </c>
      <c r="K110" s="67">
        <v>0</v>
      </c>
      <c r="L110" s="79">
        <v>0</v>
      </c>
      <c r="M110" s="80">
        <v>0</v>
      </c>
    </row>
    <row r="111" spans="1:13" ht="21" customHeight="1">
      <c r="A111" s="38" t="s">
        <v>75</v>
      </c>
      <c r="B111" s="64">
        <v>-29</v>
      </c>
      <c r="C111" s="65">
        <v>-16</v>
      </c>
      <c r="D111" s="65">
        <v>-13</v>
      </c>
      <c r="E111" s="64">
        <v>31</v>
      </c>
      <c r="F111" s="65">
        <v>17</v>
      </c>
      <c r="G111" s="66">
        <v>14</v>
      </c>
      <c r="H111" s="65">
        <v>5</v>
      </c>
      <c r="I111" s="65">
        <v>3</v>
      </c>
      <c r="J111" s="65">
        <v>2</v>
      </c>
      <c r="K111" s="64">
        <v>3</v>
      </c>
      <c r="L111" s="77">
        <v>2</v>
      </c>
      <c r="M111" s="78">
        <v>1</v>
      </c>
    </row>
    <row r="112" spans="1:13">
      <c r="A112" s="27" t="s">
        <v>77</v>
      </c>
      <c r="B112" s="67">
        <v>-6</v>
      </c>
      <c r="C112" s="68">
        <v>-3</v>
      </c>
      <c r="D112" s="68">
        <v>-3</v>
      </c>
      <c r="E112" s="67">
        <v>6</v>
      </c>
      <c r="F112" s="68">
        <v>3</v>
      </c>
      <c r="G112" s="69">
        <v>3</v>
      </c>
      <c r="H112" s="68">
        <v>0</v>
      </c>
      <c r="I112" s="68">
        <v>0</v>
      </c>
      <c r="J112" s="68">
        <v>0</v>
      </c>
      <c r="K112" s="67">
        <v>0</v>
      </c>
      <c r="L112" s="79">
        <v>0</v>
      </c>
      <c r="M112" s="80">
        <v>0</v>
      </c>
    </row>
    <row r="113" spans="1:13">
      <c r="A113" s="27" t="s">
        <v>79</v>
      </c>
      <c r="B113" s="67">
        <v>-6</v>
      </c>
      <c r="C113" s="68">
        <v>-1</v>
      </c>
      <c r="D113" s="68">
        <v>-5</v>
      </c>
      <c r="E113" s="67">
        <v>7</v>
      </c>
      <c r="F113" s="68">
        <v>2</v>
      </c>
      <c r="G113" s="69">
        <v>5</v>
      </c>
      <c r="H113" s="68">
        <v>1</v>
      </c>
      <c r="I113" s="68">
        <v>1</v>
      </c>
      <c r="J113" s="68">
        <v>0</v>
      </c>
      <c r="K113" s="67">
        <v>0</v>
      </c>
      <c r="L113" s="79">
        <v>0</v>
      </c>
      <c r="M113" s="80">
        <v>0</v>
      </c>
    </row>
    <row r="114" spans="1:13">
      <c r="A114" s="27" t="s">
        <v>81</v>
      </c>
      <c r="B114" s="67">
        <v>-8</v>
      </c>
      <c r="C114" s="68">
        <v>-5</v>
      </c>
      <c r="D114" s="68">
        <v>-3</v>
      </c>
      <c r="E114" s="67">
        <v>7</v>
      </c>
      <c r="F114" s="68">
        <v>4</v>
      </c>
      <c r="G114" s="69">
        <v>3</v>
      </c>
      <c r="H114" s="68">
        <v>1</v>
      </c>
      <c r="I114" s="68">
        <v>0</v>
      </c>
      <c r="J114" s="68">
        <v>1</v>
      </c>
      <c r="K114" s="67">
        <v>2</v>
      </c>
      <c r="L114" s="79">
        <v>1</v>
      </c>
      <c r="M114" s="80">
        <v>1</v>
      </c>
    </row>
    <row r="115" spans="1:13">
      <c r="A115" s="27" t="s">
        <v>83</v>
      </c>
      <c r="B115" s="67">
        <v>-4</v>
      </c>
      <c r="C115" s="68">
        <v>-3</v>
      </c>
      <c r="D115" s="68">
        <v>-1</v>
      </c>
      <c r="E115" s="67">
        <v>7</v>
      </c>
      <c r="F115" s="68">
        <v>5</v>
      </c>
      <c r="G115" s="69">
        <v>2</v>
      </c>
      <c r="H115" s="68">
        <v>3</v>
      </c>
      <c r="I115" s="68">
        <v>2</v>
      </c>
      <c r="J115" s="68">
        <v>1</v>
      </c>
      <c r="K115" s="67">
        <v>0</v>
      </c>
      <c r="L115" s="79">
        <v>0</v>
      </c>
      <c r="M115" s="80">
        <v>0</v>
      </c>
    </row>
    <row r="116" spans="1:13">
      <c r="A116" s="27" t="s">
        <v>85</v>
      </c>
      <c r="B116" s="67">
        <v>-5</v>
      </c>
      <c r="C116" s="68">
        <v>-4</v>
      </c>
      <c r="D116" s="68">
        <v>-1</v>
      </c>
      <c r="E116" s="67">
        <v>4</v>
      </c>
      <c r="F116" s="68">
        <v>3</v>
      </c>
      <c r="G116" s="69">
        <v>1</v>
      </c>
      <c r="H116" s="68">
        <v>0</v>
      </c>
      <c r="I116" s="68">
        <v>0</v>
      </c>
      <c r="J116" s="68">
        <v>0</v>
      </c>
      <c r="K116" s="67">
        <v>1</v>
      </c>
      <c r="L116" s="79">
        <v>1</v>
      </c>
      <c r="M116" s="80">
        <v>0</v>
      </c>
    </row>
    <row r="117" spans="1:13" ht="21" customHeight="1">
      <c r="A117" s="38" t="s">
        <v>87</v>
      </c>
      <c r="B117" s="64">
        <v>-36</v>
      </c>
      <c r="C117" s="65">
        <v>-21</v>
      </c>
      <c r="D117" s="65">
        <v>-15</v>
      </c>
      <c r="E117" s="64">
        <v>37</v>
      </c>
      <c r="F117" s="65">
        <v>22</v>
      </c>
      <c r="G117" s="66">
        <v>15</v>
      </c>
      <c r="H117" s="65">
        <v>4</v>
      </c>
      <c r="I117" s="65">
        <v>2</v>
      </c>
      <c r="J117" s="65">
        <v>2</v>
      </c>
      <c r="K117" s="64">
        <v>3</v>
      </c>
      <c r="L117" s="77">
        <v>1</v>
      </c>
      <c r="M117" s="78">
        <v>2</v>
      </c>
    </row>
    <row r="118" spans="1:13">
      <c r="A118" s="27" t="s">
        <v>89</v>
      </c>
      <c r="B118" s="67">
        <v>-3</v>
      </c>
      <c r="C118" s="68">
        <v>-2</v>
      </c>
      <c r="D118" s="68">
        <v>-1</v>
      </c>
      <c r="E118" s="67">
        <v>4</v>
      </c>
      <c r="F118" s="68">
        <v>3</v>
      </c>
      <c r="G118" s="69">
        <v>1</v>
      </c>
      <c r="H118" s="68">
        <v>1</v>
      </c>
      <c r="I118" s="68">
        <v>1</v>
      </c>
      <c r="J118" s="68">
        <v>0</v>
      </c>
      <c r="K118" s="67">
        <v>0</v>
      </c>
      <c r="L118" s="79">
        <v>0</v>
      </c>
      <c r="M118" s="80">
        <v>0</v>
      </c>
    </row>
    <row r="119" spans="1:13">
      <c r="A119" s="27" t="s">
        <v>91</v>
      </c>
      <c r="B119" s="67">
        <v>-11</v>
      </c>
      <c r="C119" s="68">
        <v>-6</v>
      </c>
      <c r="D119" s="68">
        <v>-5</v>
      </c>
      <c r="E119" s="67">
        <v>10</v>
      </c>
      <c r="F119" s="68">
        <v>6</v>
      </c>
      <c r="G119" s="69">
        <v>4</v>
      </c>
      <c r="H119" s="68">
        <v>0</v>
      </c>
      <c r="I119" s="68">
        <v>0</v>
      </c>
      <c r="J119" s="68">
        <v>0</v>
      </c>
      <c r="K119" s="67">
        <v>1</v>
      </c>
      <c r="L119" s="79">
        <v>0</v>
      </c>
      <c r="M119" s="80">
        <v>1</v>
      </c>
    </row>
    <row r="120" spans="1:13">
      <c r="A120" s="27" t="s">
        <v>93</v>
      </c>
      <c r="B120" s="67">
        <v>-7</v>
      </c>
      <c r="C120" s="68">
        <v>-3</v>
      </c>
      <c r="D120" s="68">
        <v>-4</v>
      </c>
      <c r="E120" s="67">
        <v>7</v>
      </c>
      <c r="F120" s="68">
        <v>3</v>
      </c>
      <c r="G120" s="69">
        <v>4</v>
      </c>
      <c r="H120" s="68">
        <v>0</v>
      </c>
      <c r="I120" s="68">
        <v>0</v>
      </c>
      <c r="J120" s="68">
        <v>0</v>
      </c>
      <c r="K120" s="67">
        <v>0</v>
      </c>
      <c r="L120" s="79">
        <v>0</v>
      </c>
      <c r="M120" s="80">
        <v>0</v>
      </c>
    </row>
    <row r="121" spans="1:13">
      <c r="A121" s="27" t="s">
        <v>95</v>
      </c>
      <c r="B121" s="67">
        <v>-6</v>
      </c>
      <c r="C121" s="68">
        <v>-4</v>
      </c>
      <c r="D121" s="68">
        <v>-2</v>
      </c>
      <c r="E121" s="67">
        <v>7</v>
      </c>
      <c r="F121" s="68">
        <v>4</v>
      </c>
      <c r="G121" s="69">
        <v>3</v>
      </c>
      <c r="H121" s="68">
        <v>3</v>
      </c>
      <c r="I121" s="68">
        <v>1</v>
      </c>
      <c r="J121" s="68">
        <v>2</v>
      </c>
      <c r="K121" s="67">
        <v>2</v>
      </c>
      <c r="L121" s="79">
        <v>1</v>
      </c>
      <c r="M121" s="80">
        <v>1</v>
      </c>
    </row>
    <row r="122" spans="1:13">
      <c r="A122" s="27" t="s">
        <v>97</v>
      </c>
      <c r="B122" s="67">
        <v>-9</v>
      </c>
      <c r="C122" s="68">
        <v>-6</v>
      </c>
      <c r="D122" s="68">
        <v>-3</v>
      </c>
      <c r="E122" s="67">
        <v>9</v>
      </c>
      <c r="F122" s="68">
        <v>6</v>
      </c>
      <c r="G122" s="69">
        <v>3</v>
      </c>
      <c r="H122" s="68">
        <v>0</v>
      </c>
      <c r="I122" s="68">
        <v>0</v>
      </c>
      <c r="J122" s="68">
        <v>0</v>
      </c>
      <c r="K122" s="67">
        <v>0</v>
      </c>
      <c r="L122" s="79">
        <v>0</v>
      </c>
      <c r="M122" s="80">
        <v>0</v>
      </c>
    </row>
    <row r="123" spans="1:13" ht="21" customHeight="1">
      <c r="A123" s="38" t="s">
        <v>99</v>
      </c>
      <c r="B123" s="64">
        <v>-37</v>
      </c>
      <c r="C123" s="65">
        <v>-12</v>
      </c>
      <c r="D123" s="65">
        <v>-25</v>
      </c>
      <c r="E123" s="64">
        <v>37</v>
      </c>
      <c r="F123" s="65">
        <v>12</v>
      </c>
      <c r="G123" s="66">
        <v>25</v>
      </c>
      <c r="H123" s="65">
        <v>1</v>
      </c>
      <c r="I123" s="65">
        <v>0</v>
      </c>
      <c r="J123" s="65">
        <v>1</v>
      </c>
      <c r="K123" s="64">
        <v>1</v>
      </c>
      <c r="L123" s="77">
        <v>0</v>
      </c>
      <c r="M123" s="78">
        <v>1</v>
      </c>
    </row>
    <row r="124" spans="1:13">
      <c r="A124" s="27" t="s">
        <v>101</v>
      </c>
      <c r="B124" s="67">
        <v>-11</v>
      </c>
      <c r="C124" s="68">
        <v>-3</v>
      </c>
      <c r="D124" s="68">
        <v>-8</v>
      </c>
      <c r="E124" s="67">
        <v>11</v>
      </c>
      <c r="F124" s="68">
        <v>3</v>
      </c>
      <c r="G124" s="69">
        <v>8</v>
      </c>
      <c r="H124" s="68">
        <v>0</v>
      </c>
      <c r="I124" s="68">
        <v>0</v>
      </c>
      <c r="J124" s="68">
        <v>0</v>
      </c>
      <c r="K124" s="67">
        <v>0</v>
      </c>
      <c r="L124" s="79">
        <v>0</v>
      </c>
      <c r="M124" s="80">
        <v>0</v>
      </c>
    </row>
    <row r="125" spans="1:13">
      <c r="A125" s="27" t="s">
        <v>103</v>
      </c>
      <c r="B125" s="67">
        <v>-6</v>
      </c>
      <c r="C125" s="68">
        <v>0</v>
      </c>
      <c r="D125" s="68">
        <v>-6</v>
      </c>
      <c r="E125" s="67">
        <v>6</v>
      </c>
      <c r="F125" s="68">
        <v>0</v>
      </c>
      <c r="G125" s="69">
        <v>6</v>
      </c>
      <c r="H125" s="68">
        <v>0</v>
      </c>
      <c r="I125" s="68">
        <v>0</v>
      </c>
      <c r="J125" s="68">
        <v>0</v>
      </c>
      <c r="K125" s="67">
        <v>0</v>
      </c>
      <c r="L125" s="79">
        <v>0</v>
      </c>
      <c r="M125" s="80">
        <v>0</v>
      </c>
    </row>
    <row r="126" spans="1:13">
      <c r="A126" s="27" t="s">
        <v>105</v>
      </c>
      <c r="B126" s="67">
        <v>-8</v>
      </c>
      <c r="C126" s="68">
        <v>-4</v>
      </c>
      <c r="D126" s="68">
        <v>-4</v>
      </c>
      <c r="E126" s="67">
        <v>7</v>
      </c>
      <c r="F126" s="68">
        <v>4</v>
      </c>
      <c r="G126" s="69">
        <v>3</v>
      </c>
      <c r="H126" s="68">
        <v>0</v>
      </c>
      <c r="I126" s="68">
        <v>0</v>
      </c>
      <c r="J126" s="68">
        <v>0</v>
      </c>
      <c r="K126" s="67">
        <v>1</v>
      </c>
      <c r="L126" s="79">
        <v>0</v>
      </c>
      <c r="M126" s="80">
        <v>1</v>
      </c>
    </row>
    <row r="127" spans="1:13">
      <c r="A127" s="27" t="s">
        <v>107</v>
      </c>
      <c r="B127" s="67">
        <v>-3</v>
      </c>
      <c r="C127" s="68">
        <v>0</v>
      </c>
      <c r="D127" s="68">
        <v>-3</v>
      </c>
      <c r="E127" s="67">
        <v>3</v>
      </c>
      <c r="F127" s="68">
        <v>0</v>
      </c>
      <c r="G127" s="69">
        <v>3</v>
      </c>
      <c r="H127" s="68">
        <v>0</v>
      </c>
      <c r="I127" s="68">
        <v>0</v>
      </c>
      <c r="J127" s="68">
        <v>0</v>
      </c>
      <c r="K127" s="67">
        <v>0</v>
      </c>
      <c r="L127" s="79">
        <v>0</v>
      </c>
      <c r="M127" s="80">
        <v>0</v>
      </c>
    </row>
    <row r="128" spans="1:13">
      <c r="A128" s="27" t="s">
        <v>109</v>
      </c>
      <c r="B128" s="67">
        <v>-9</v>
      </c>
      <c r="C128" s="68">
        <v>-5</v>
      </c>
      <c r="D128" s="68">
        <v>-4</v>
      </c>
      <c r="E128" s="67">
        <v>10</v>
      </c>
      <c r="F128" s="68">
        <v>5</v>
      </c>
      <c r="G128" s="69">
        <v>5</v>
      </c>
      <c r="H128" s="68">
        <v>1</v>
      </c>
      <c r="I128" s="68">
        <v>0</v>
      </c>
      <c r="J128" s="68">
        <v>1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25</v>
      </c>
      <c r="C129" s="65">
        <v>-6</v>
      </c>
      <c r="D129" s="65">
        <v>-19</v>
      </c>
      <c r="E129" s="64">
        <v>23</v>
      </c>
      <c r="F129" s="65">
        <v>5</v>
      </c>
      <c r="G129" s="66">
        <v>18</v>
      </c>
      <c r="H129" s="65">
        <v>0</v>
      </c>
      <c r="I129" s="65">
        <v>0</v>
      </c>
      <c r="J129" s="65">
        <v>0</v>
      </c>
      <c r="K129" s="64">
        <v>2</v>
      </c>
      <c r="L129" s="77">
        <v>1</v>
      </c>
      <c r="M129" s="78">
        <v>1</v>
      </c>
    </row>
    <row r="130" spans="1:14">
      <c r="A130" s="27" t="s">
        <v>113</v>
      </c>
      <c r="B130" s="67">
        <v>-8</v>
      </c>
      <c r="C130" s="68">
        <v>-2</v>
      </c>
      <c r="D130" s="68">
        <v>-6</v>
      </c>
      <c r="E130" s="67">
        <v>8</v>
      </c>
      <c r="F130" s="68">
        <v>2</v>
      </c>
      <c r="G130" s="69">
        <v>6</v>
      </c>
      <c r="H130" s="68">
        <v>0</v>
      </c>
      <c r="I130" s="68">
        <v>0</v>
      </c>
      <c r="J130" s="68">
        <v>0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7</v>
      </c>
      <c r="C131" s="68">
        <v>-1</v>
      </c>
      <c r="D131" s="68">
        <v>-6</v>
      </c>
      <c r="E131" s="67">
        <v>6</v>
      </c>
      <c r="F131" s="68">
        <v>1</v>
      </c>
      <c r="G131" s="69">
        <v>5</v>
      </c>
      <c r="H131" s="68">
        <v>0</v>
      </c>
      <c r="I131" s="68">
        <v>0</v>
      </c>
      <c r="J131" s="68">
        <v>0</v>
      </c>
      <c r="K131" s="67">
        <v>1</v>
      </c>
      <c r="L131" s="79">
        <v>0</v>
      </c>
      <c r="M131" s="80">
        <v>1</v>
      </c>
    </row>
    <row r="132" spans="1:14">
      <c r="A132" s="27" t="s">
        <v>117</v>
      </c>
      <c r="B132" s="67">
        <v>-3</v>
      </c>
      <c r="C132" s="68">
        <v>-1</v>
      </c>
      <c r="D132" s="68">
        <v>-2</v>
      </c>
      <c r="E132" s="67">
        <v>2</v>
      </c>
      <c r="F132" s="68">
        <v>0</v>
      </c>
      <c r="G132" s="69">
        <v>2</v>
      </c>
      <c r="H132" s="68">
        <v>0</v>
      </c>
      <c r="I132" s="68">
        <v>0</v>
      </c>
      <c r="J132" s="68">
        <v>0</v>
      </c>
      <c r="K132" s="67">
        <v>1</v>
      </c>
      <c r="L132" s="79">
        <v>1</v>
      </c>
      <c r="M132" s="80">
        <v>0</v>
      </c>
    </row>
    <row r="133" spans="1:14">
      <c r="A133" s="27" t="s">
        <v>119</v>
      </c>
      <c r="B133" s="67">
        <v>-5</v>
      </c>
      <c r="C133" s="68">
        <v>-1</v>
      </c>
      <c r="D133" s="68">
        <v>-4</v>
      </c>
      <c r="E133" s="67">
        <v>5</v>
      </c>
      <c r="F133" s="68">
        <v>1</v>
      </c>
      <c r="G133" s="69">
        <v>4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2</v>
      </c>
      <c r="C134" s="68">
        <v>-1</v>
      </c>
      <c r="D134" s="68">
        <v>-1</v>
      </c>
      <c r="E134" s="67">
        <v>2</v>
      </c>
      <c r="F134" s="68">
        <v>1</v>
      </c>
      <c r="G134" s="69">
        <v>1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9</v>
      </c>
      <c r="C135" s="40">
        <v>-4</v>
      </c>
      <c r="D135" s="40">
        <v>-5</v>
      </c>
      <c r="E135" s="42">
        <v>9</v>
      </c>
      <c r="F135" s="40">
        <v>4</v>
      </c>
      <c r="G135" s="43">
        <v>5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13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180</v>
      </c>
      <c r="C5" s="62">
        <v>67</v>
      </c>
      <c r="D5" s="62">
        <v>113</v>
      </c>
      <c r="E5" s="61">
        <v>175</v>
      </c>
      <c r="F5" s="62">
        <v>78</v>
      </c>
      <c r="G5" s="63">
        <v>97</v>
      </c>
      <c r="H5" s="62">
        <v>877</v>
      </c>
      <c r="I5" s="62">
        <v>440</v>
      </c>
      <c r="J5" s="62">
        <v>437</v>
      </c>
      <c r="K5" s="61">
        <v>658</v>
      </c>
      <c r="L5" s="75">
        <v>350</v>
      </c>
      <c r="M5" s="76">
        <v>308</v>
      </c>
    </row>
    <row r="6" spans="1:13" ht="23.25" customHeight="1">
      <c r="A6" s="36" t="s">
        <v>2</v>
      </c>
      <c r="B6" s="64">
        <v>159</v>
      </c>
      <c r="C6" s="65">
        <v>59</v>
      </c>
      <c r="D6" s="65">
        <v>100</v>
      </c>
      <c r="E6" s="64">
        <v>0</v>
      </c>
      <c r="F6" s="65">
        <v>0</v>
      </c>
      <c r="G6" s="66">
        <v>0</v>
      </c>
      <c r="H6" s="65">
        <v>67</v>
      </c>
      <c r="I6" s="65">
        <v>30</v>
      </c>
      <c r="J6" s="65">
        <v>37</v>
      </c>
      <c r="K6" s="64">
        <v>44</v>
      </c>
      <c r="L6" s="77">
        <v>26</v>
      </c>
      <c r="M6" s="78">
        <v>18</v>
      </c>
    </row>
    <row r="7" spans="1:13">
      <c r="A7" s="15" t="s">
        <v>4</v>
      </c>
      <c r="B7" s="67">
        <v>139</v>
      </c>
      <c r="C7" s="68">
        <v>57</v>
      </c>
      <c r="D7" s="68">
        <v>82</v>
      </c>
      <c r="E7" s="67">
        <v>0</v>
      </c>
      <c r="F7" s="68">
        <v>0</v>
      </c>
      <c r="G7" s="69">
        <v>0</v>
      </c>
      <c r="H7" s="68">
        <v>10</v>
      </c>
      <c r="I7" s="68">
        <v>6</v>
      </c>
      <c r="J7" s="68">
        <v>4</v>
      </c>
      <c r="K7" s="67">
        <v>7</v>
      </c>
      <c r="L7" s="79">
        <v>4</v>
      </c>
      <c r="M7" s="80">
        <v>3</v>
      </c>
    </row>
    <row r="8" spans="1:13">
      <c r="A8" s="15" t="s">
        <v>6</v>
      </c>
      <c r="B8" s="67">
        <v>7</v>
      </c>
      <c r="C8" s="68">
        <v>5</v>
      </c>
      <c r="D8" s="68">
        <v>2</v>
      </c>
      <c r="E8" s="67">
        <v>0</v>
      </c>
      <c r="F8" s="68">
        <v>0</v>
      </c>
      <c r="G8" s="69">
        <v>0</v>
      </c>
      <c r="H8" s="68">
        <v>20</v>
      </c>
      <c r="I8" s="68">
        <v>12</v>
      </c>
      <c r="J8" s="68">
        <v>8</v>
      </c>
      <c r="K8" s="67">
        <v>13</v>
      </c>
      <c r="L8" s="79">
        <v>7</v>
      </c>
      <c r="M8" s="80">
        <v>6</v>
      </c>
    </row>
    <row r="9" spans="1:13">
      <c r="A9" s="15" t="s">
        <v>8</v>
      </c>
      <c r="B9" s="67">
        <v>8</v>
      </c>
      <c r="C9" s="68">
        <v>-2</v>
      </c>
      <c r="D9" s="68">
        <v>10</v>
      </c>
      <c r="E9" s="67">
        <v>0</v>
      </c>
      <c r="F9" s="68">
        <v>0</v>
      </c>
      <c r="G9" s="69">
        <v>0</v>
      </c>
      <c r="H9" s="68">
        <v>16</v>
      </c>
      <c r="I9" s="68">
        <v>5</v>
      </c>
      <c r="J9" s="68">
        <v>11</v>
      </c>
      <c r="K9" s="67">
        <v>8</v>
      </c>
      <c r="L9" s="79">
        <v>7</v>
      </c>
      <c r="M9" s="80">
        <v>1</v>
      </c>
    </row>
    <row r="10" spans="1:13">
      <c r="A10" s="15" t="s">
        <v>10</v>
      </c>
      <c r="B10" s="67">
        <v>1</v>
      </c>
      <c r="C10" s="68">
        <v>-1</v>
      </c>
      <c r="D10" s="68">
        <v>2</v>
      </c>
      <c r="E10" s="67">
        <v>0</v>
      </c>
      <c r="F10" s="68">
        <v>0</v>
      </c>
      <c r="G10" s="69">
        <v>0</v>
      </c>
      <c r="H10" s="68">
        <v>10</v>
      </c>
      <c r="I10" s="68">
        <v>3</v>
      </c>
      <c r="J10" s="68">
        <v>7</v>
      </c>
      <c r="K10" s="67">
        <v>9</v>
      </c>
      <c r="L10" s="79">
        <v>4</v>
      </c>
      <c r="M10" s="80">
        <v>5</v>
      </c>
    </row>
    <row r="11" spans="1:13">
      <c r="A11" s="15" t="s">
        <v>12</v>
      </c>
      <c r="B11" s="67">
        <v>4</v>
      </c>
      <c r="C11" s="68">
        <v>0</v>
      </c>
      <c r="D11" s="68">
        <v>4</v>
      </c>
      <c r="E11" s="67">
        <v>0</v>
      </c>
      <c r="F11" s="68">
        <v>0</v>
      </c>
      <c r="G11" s="69">
        <v>0</v>
      </c>
      <c r="H11" s="68">
        <v>11</v>
      </c>
      <c r="I11" s="68">
        <v>4</v>
      </c>
      <c r="J11" s="68">
        <v>7</v>
      </c>
      <c r="K11" s="67">
        <v>7</v>
      </c>
      <c r="L11" s="79">
        <v>4</v>
      </c>
      <c r="M11" s="80">
        <v>3</v>
      </c>
    </row>
    <row r="12" spans="1:13" ht="21" customHeight="1">
      <c r="A12" s="36" t="s">
        <v>14</v>
      </c>
      <c r="B12" s="64">
        <v>5</v>
      </c>
      <c r="C12" s="65">
        <v>8</v>
      </c>
      <c r="D12" s="65">
        <v>-3</v>
      </c>
      <c r="E12" s="64">
        <v>0</v>
      </c>
      <c r="F12" s="65">
        <v>0</v>
      </c>
      <c r="G12" s="66">
        <v>0</v>
      </c>
      <c r="H12" s="65">
        <v>26</v>
      </c>
      <c r="I12" s="65">
        <v>16</v>
      </c>
      <c r="J12" s="65">
        <v>10</v>
      </c>
      <c r="K12" s="64">
        <v>21</v>
      </c>
      <c r="L12" s="77">
        <v>8</v>
      </c>
      <c r="M12" s="78">
        <v>13</v>
      </c>
    </row>
    <row r="13" spans="1:13">
      <c r="A13" s="15" t="s">
        <v>16</v>
      </c>
      <c r="B13" s="67">
        <v>7</v>
      </c>
      <c r="C13" s="68">
        <v>6</v>
      </c>
      <c r="D13" s="68">
        <v>1</v>
      </c>
      <c r="E13" s="67">
        <v>0</v>
      </c>
      <c r="F13" s="68">
        <v>0</v>
      </c>
      <c r="G13" s="69">
        <v>0</v>
      </c>
      <c r="H13" s="68">
        <v>10</v>
      </c>
      <c r="I13" s="68">
        <v>6</v>
      </c>
      <c r="J13" s="68">
        <v>4</v>
      </c>
      <c r="K13" s="67">
        <v>3</v>
      </c>
      <c r="L13" s="79">
        <v>0</v>
      </c>
      <c r="M13" s="80">
        <v>3</v>
      </c>
    </row>
    <row r="14" spans="1:13">
      <c r="A14" s="15" t="s">
        <v>18</v>
      </c>
      <c r="B14" s="67">
        <v>3</v>
      </c>
      <c r="C14" s="68">
        <v>1</v>
      </c>
      <c r="D14" s="68">
        <v>2</v>
      </c>
      <c r="E14" s="67">
        <v>0</v>
      </c>
      <c r="F14" s="68">
        <v>0</v>
      </c>
      <c r="G14" s="69">
        <v>0</v>
      </c>
      <c r="H14" s="68">
        <v>8</v>
      </c>
      <c r="I14" s="68">
        <v>3</v>
      </c>
      <c r="J14" s="68">
        <v>5</v>
      </c>
      <c r="K14" s="67">
        <v>5</v>
      </c>
      <c r="L14" s="79">
        <v>2</v>
      </c>
      <c r="M14" s="80">
        <v>3</v>
      </c>
    </row>
    <row r="15" spans="1:13">
      <c r="A15" s="15" t="s">
        <v>20</v>
      </c>
      <c r="B15" s="67">
        <v>-1</v>
      </c>
      <c r="C15" s="68">
        <v>1</v>
      </c>
      <c r="D15" s="68">
        <v>-2</v>
      </c>
      <c r="E15" s="67">
        <v>0</v>
      </c>
      <c r="F15" s="68">
        <v>0</v>
      </c>
      <c r="G15" s="69">
        <v>0</v>
      </c>
      <c r="H15" s="68">
        <v>4</v>
      </c>
      <c r="I15" s="68">
        <v>3</v>
      </c>
      <c r="J15" s="68">
        <v>1</v>
      </c>
      <c r="K15" s="67">
        <v>5</v>
      </c>
      <c r="L15" s="79">
        <v>2</v>
      </c>
      <c r="M15" s="80">
        <v>3</v>
      </c>
    </row>
    <row r="16" spans="1:13">
      <c r="A16" s="15" t="s">
        <v>22</v>
      </c>
      <c r="B16" s="67">
        <v>-1</v>
      </c>
      <c r="C16" s="68">
        <v>-1</v>
      </c>
      <c r="D16" s="68">
        <v>0</v>
      </c>
      <c r="E16" s="67">
        <v>0</v>
      </c>
      <c r="F16" s="68">
        <v>0</v>
      </c>
      <c r="G16" s="69">
        <v>0</v>
      </c>
      <c r="H16" s="68">
        <v>0</v>
      </c>
      <c r="I16" s="68">
        <v>0</v>
      </c>
      <c r="J16" s="68">
        <v>0</v>
      </c>
      <c r="K16" s="67">
        <v>1</v>
      </c>
      <c r="L16" s="79">
        <v>1</v>
      </c>
      <c r="M16" s="80">
        <v>0</v>
      </c>
    </row>
    <row r="17" spans="1:13">
      <c r="A17" s="15" t="s">
        <v>24</v>
      </c>
      <c r="B17" s="67">
        <v>-3</v>
      </c>
      <c r="C17" s="68">
        <v>1</v>
      </c>
      <c r="D17" s="68">
        <v>-4</v>
      </c>
      <c r="E17" s="67">
        <v>0</v>
      </c>
      <c r="F17" s="68">
        <v>0</v>
      </c>
      <c r="G17" s="69">
        <v>0</v>
      </c>
      <c r="H17" s="68">
        <v>4</v>
      </c>
      <c r="I17" s="68">
        <v>4</v>
      </c>
      <c r="J17" s="68">
        <v>0</v>
      </c>
      <c r="K17" s="67">
        <v>7</v>
      </c>
      <c r="L17" s="79">
        <v>3</v>
      </c>
      <c r="M17" s="80">
        <v>4</v>
      </c>
    </row>
    <row r="18" spans="1:13" ht="21" customHeight="1">
      <c r="A18" s="36" t="s">
        <v>26</v>
      </c>
      <c r="B18" s="64">
        <v>2</v>
      </c>
      <c r="C18" s="65">
        <v>1</v>
      </c>
      <c r="D18" s="65">
        <v>1</v>
      </c>
      <c r="E18" s="64">
        <v>0</v>
      </c>
      <c r="F18" s="65">
        <v>0</v>
      </c>
      <c r="G18" s="66">
        <v>0</v>
      </c>
      <c r="H18" s="65">
        <v>12</v>
      </c>
      <c r="I18" s="65">
        <v>5</v>
      </c>
      <c r="J18" s="65">
        <v>7</v>
      </c>
      <c r="K18" s="64">
        <v>10</v>
      </c>
      <c r="L18" s="77">
        <v>4</v>
      </c>
      <c r="M18" s="78">
        <v>6</v>
      </c>
    </row>
    <row r="19" spans="1:13">
      <c r="A19" s="15" t="s">
        <v>28</v>
      </c>
      <c r="B19" s="67">
        <v>3</v>
      </c>
      <c r="C19" s="68">
        <v>0</v>
      </c>
      <c r="D19" s="68">
        <v>3</v>
      </c>
      <c r="E19" s="67">
        <v>0</v>
      </c>
      <c r="F19" s="68">
        <v>0</v>
      </c>
      <c r="G19" s="69">
        <v>0</v>
      </c>
      <c r="H19" s="68">
        <v>4</v>
      </c>
      <c r="I19" s="68">
        <v>1</v>
      </c>
      <c r="J19" s="68">
        <v>3</v>
      </c>
      <c r="K19" s="67">
        <v>1</v>
      </c>
      <c r="L19" s="79">
        <v>1</v>
      </c>
      <c r="M19" s="80">
        <v>0</v>
      </c>
    </row>
    <row r="20" spans="1:13">
      <c r="A20" s="15" t="s">
        <v>30</v>
      </c>
      <c r="B20" s="67">
        <v>0</v>
      </c>
      <c r="C20" s="68">
        <v>-1</v>
      </c>
      <c r="D20" s="68">
        <v>1</v>
      </c>
      <c r="E20" s="67">
        <v>0</v>
      </c>
      <c r="F20" s="68">
        <v>0</v>
      </c>
      <c r="G20" s="69">
        <v>0</v>
      </c>
      <c r="H20" s="68">
        <v>1</v>
      </c>
      <c r="I20" s="68">
        <v>0</v>
      </c>
      <c r="J20" s="68">
        <v>1</v>
      </c>
      <c r="K20" s="67">
        <v>1</v>
      </c>
      <c r="L20" s="79">
        <v>1</v>
      </c>
      <c r="M20" s="80">
        <v>0</v>
      </c>
    </row>
    <row r="21" spans="1:13">
      <c r="A21" s="15" t="s">
        <v>32</v>
      </c>
      <c r="B21" s="67">
        <v>3</v>
      </c>
      <c r="C21" s="68">
        <v>3</v>
      </c>
      <c r="D21" s="68">
        <v>0</v>
      </c>
      <c r="E21" s="67">
        <v>0</v>
      </c>
      <c r="F21" s="68">
        <v>0</v>
      </c>
      <c r="G21" s="69">
        <v>0</v>
      </c>
      <c r="H21" s="68">
        <v>5</v>
      </c>
      <c r="I21" s="68">
        <v>3</v>
      </c>
      <c r="J21" s="68">
        <v>2</v>
      </c>
      <c r="K21" s="67">
        <v>2</v>
      </c>
      <c r="L21" s="79">
        <v>0</v>
      </c>
      <c r="M21" s="80">
        <v>2</v>
      </c>
    </row>
    <row r="22" spans="1:13">
      <c r="A22" s="15" t="s">
        <v>34</v>
      </c>
      <c r="B22" s="67">
        <v>-5</v>
      </c>
      <c r="C22" s="68">
        <v>-2</v>
      </c>
      <c r="D22" s="68">
        <v>-3</v>
      </c>
      <c r="E22" s="67">
        <v>0</v>
      </c>
      <c r="F22" s="68">
        <v>0</v>
      </c>
      <c r="G22" s="69">
        <v>0</v>
      </c>
      <c r="H22" s="68">
        <v>0</v>
      </c>
      <c r="I22" s="68">
        <v>0</v>
      </c>
      <c r="J22" s="68">
        <v>0</v>
      </c>
      <c r="K22" s="67">
        <v>5</v>
      </c>
      <c r="L22" s="79">
        <v>2</v>
      </c>
      <c r="M22" s="80">
        <v>3</v>
      </c>
    </row>
    <row r="23" spans="1:13">
      <c r="A23" s="15" t="s">
        <v>36</v>
      </c>
      <c r="B23" s="67">
        <v>1</v>
      </c>
      <c r="C23" s="68">
        <v>1</v>
      </c>
      <c r="D23" s="68">
        <v>0</v>
      </c>
      <c r="E23" s="67">
        <v>0</v>
      </c>
      <c r="F23" s="68">
        <v>0</v>
      </c>
      <c r="G23" s="69">
        <v>0</v>
      </c>
      <c r="H23" s="68">
        <v>2</v>
      </c>
      <c r="I23" s="68">
        <v>1</v>
      </c>
      <c r="J23" s="68">
        <v>1</v>
      </c>
      <c r="K23" s="67">
        <v>1</v>
      </c>
      <c r="L23" s="79">
        <v>0</v>
      </c>
      <c r="M23" s="80">
        <v>1</v>
      </c>
    </row>
    <row r="24" spans="1:13" ht="21" customHeight="1">
      <c r="A24" s="36" t="s">
        <v>38</v>
      </c>
      <c r="B24" s="64">
        <v>-8</v>
      </c>
      <c r="C24" s="65">
        <v>-4</v>
      </c>
      <c r="D24" s="65">
        <v>-4</v>
      </c>
      <c r="E24" s="64">
        <v>1</v>
      </c>
      <c r="F24" s="65">
        <v>0</v>
      </c>
      <c r="G24" s="66">
        <v>1</v>
      </c>
      <c r="H24" s="65">
        <v>19</v>
      </c>
      <c r="I24" s="65">
        <v>12</v>
      </c>
      <c r="J24" s="65">
        <v>7</v>
      </c>
      <c r="K24" s="64">
        <v>26</v>
      </c>
      <c r="L24" s="77">
        <v>16</v>
      </c>
      <c r="M24" s="78">
        <v>10</v>
      </c>
    </row>
    <row r="25" spans="1:13">
      <c r="A25" s="15" t="s">
        <v>40</v>
      </c>
      <c r="B25" s="67">
        <v>-1</v>
      </c>
      <c r="C25" s="68">
        <v>-2</v>
      </c>
      <c r="D25" s="68">
        <v>1</v>
      </c>
      <c r="E25" s="67">
        <v>0</v>
      </c>
      <c r="F25" s="68">
        <v>0</v>
      </c>
      <c r="G25" s="69">
        <v>0</v>
      </c>
      <c r="H25" s="68">
        <v>2</v>
      </c>
      <c r="I25" s="68">
        <v>0</v>
      </c>
      <c r="J25" s="68">
        <v>2</v>
      </c>
      <c r="K25" s="67">
        <v>3</v>
      </c>
      <c r="L25" s="79">
        <v>2</v>
      </c>
      <c r="M25" s="80">
        <v>1</v>
      </c>
    </row>
    <row r="26" spans="1:13">
      <c r="A26" s="15" t="s">
        <v>42</v>
      </c>
      <c r="B26" s="67">
        <v>0</v>
      </c>
      <c r="C26" s="68">
        <v>-1</v>
      </c>
      <c r="D26" s="68">
        <v>1</v>
      </c>
      <c r="E26" s="67">
        <v>0</v>
      </c>
      <c r="F26" s="68">
        <v>0</v>
      </c>
      <c r="G26" s="69">
        <v>0</v>
      </c>
      <c r="H26" s="68">
        <v>1</v>
      </c>
      <c r="I26" s="68">
        <v>0</v>
      </c>
      <c r="J26" s="68">
        <v>1</v>
      </c>
      <c r="K26" s="67">
        <v>1</v>
      </c>
      <c r="L26" s="79">
        <v>1</v>
      </c>
      <c r="M26" s="80">
        <v>0</v>
      </c>
    </row>
    <row r="27" spans="1:13">
      <c r="A27" s="15" t="s">
        <v>44</v>
      </c>
      <c r="B27" s="67">
        <v>1</v>
      </c>
      <c r="C27" s="68">
        <v>3</v>
      </c>
      <c r="D27" s="68">
        <v>-2</v>
      </c>
      <c r="E27" s="67">
        <v>1</v>
      </c>
      <c r="F27" s="68">
        <v>0</v>
      </c>
      <c r="G27" s="69">
        <v>1</v>
      </c>
      <c r="H27" s="68">
        <v>4</v>
      </c>
      <c r="I27" s="68">
        <v>4</v>
      </c>
      <c r="J27" s="68">
        <v>0</v>
      </c>
      <c r="K27" s="67">
        <v>2</v>
      </c>
      <c r="L27" s="79">
        <v>1</v>
      </c>
      <c r="M27" s="80">
        <v>1</v>
      </c>
    </row>
    <row r="28" spans="1:13">
      <c r="A28" s="15" t="s">
        <v>46</v>
      </c>
      <c r="B28" s="67">
        <v>-3</v>
      </c>
      <c r="C28" s="68">
        <v>1</v>
      </c>
      <c r="D28" s="68">
        <v>-4</v>
      </c>
      <c r="E28" s="67">
        <v>0</v>
      </c>
      <c r="F28" s="68">
        <v>0</v>
      </c>
      <c r="G28" s="69">
        <v>0</v>
      </c>
      <c r="H28" s="68">
        <v>7</v>
      </c>
      <c r="I28" s="68">
        <v>6</v>
      </c>
      <c r="J28" s="68">
        <v>1</v>
      </c>
      <c r="K28" s="67">
        <v>10</v>
      </c>
      <c r="L28" s="79">
        <v>5</v>
      </c>
      <c r="M28" s="80">
        <v>5</v>
      </c>
    </row>
    <row r="29" spans="1:13">
      <c r="A29" s="15" t="s">
        <v>48</v>
      </c>
      <c r="B29" s="67">
        <v>-5</v>
      </c>
      <c r="C29" s="68">
        <v>-5</v>
      </c>
      <c r="D29" s="68">
        <v>0</v>
      </c>
      <c r="E29" s="67">
        <v>0</v>
      </c>
      <c r="F29" s="68">
        <v>0</v>
      </c>
      <c r="G29" s="69">
        <v>0</v>
      </c>
      <c r="H29" s="68">
        <v>5</v>
      </c>
      <c r="I29" s="68">
        <v>2</v>
      </c>
      <c r="J29" s="68">
        <v>3</v>
      </c>
      <c r="K29" s="67">
        <v>10</v>
      </c>
      <c r="L29" s="79">
        <v>7</v>
      </c>
      <c r="M29" s="80">
        <v>3</v>
      </c>
    </row>
    <row r="30" spans="1:13" ht="21" customHeight="1">
      <c r="A30" s="36" t="s">
        <v>50</v>
      </c>
      <c r="B30" s="64">
        <v>7</v>
      </c>
      <c r="C30" s="65">
        <v>5</v>
      </c>
      <c r="D30" s="65">
        <v>2</v>
      </c>
      <c r="E30" s="64">
        <v>1</v>
      </c>
      <c r="F30" s="65">
        <v>1</v>
      </c>
      <c r="G30" s="66">
        <v>0</v>
      </c>
      <c r="H30" s="65">
        <v>120</v>
      </c>
      <c r="I30" s="65">
        <v>57</v>
      </c>
      <c r="J30" s="65">
        <v>63</v>
      </c>
      <c r="K30" s="64">
        <v>112</v>
      </c>
      <c r="L30" s="77">
        <v>51</v>
      </c>
      <c r="M30" s="78">
        <v>61</v>
      </c>
    </row>
    <row r="31" spans="1:13">
      <c r="A31" s="15" t="s">
        <v>52</v>
      </c>
      <c r="B31" s="67">
        <v>2</v>
      </c>
      <c r="C31" s="68">
        <v>6</v>
      </c>
      <c r="D31" s="68">
        <v>-4</v>
      </c>
      <c r="E31" s="67">
        <v>0</v>
      </c>
      <c r="F31" s="68">
        <v>0</v>
      </c>
      <c r="G31" s="69">
        <v>0</v>
      </c>
      <c r="H31" s="68">
        <v>12</v>
      </c>
      <c r="I31" s="68">
        <v>9</v>
      </c>
      <c r="J31" s="68">
        <v>3</v>
      </c>
      <c r="K31" s="67">
        <v>10</v>
      </c>
      <c r="L31" s="79">
        <v>3</v>
      </c>
      <c r="M31" s="80">
        <v>7</v>
      </c>
    </row>
    <row r="32" spans="1:13">
      <c r="A32" s="15" t="s">
        <v>54</v>
      </c>
      <c r="B32" s="67">
        <v>1</v>
      </c>
      <c r="C32" s="68">
        <v>-1</v>
      </c>
      <c r="D32" s="68">
        <v>2</v>
      </c>
      <c r="E32" s="67">
        <v>1</v>
      </c>
      <c r="F32" s="68">
        <v>1</v>
      </c>
      <c r="G32" s="69">
        <v>0</v>
      </c>
      <c r="H32" s="68">
        <v>18</v>
      </c>
      <c r="I32" s="68">
        <v>7</v>
      </c>
      <c r="J32" s="68">
        <v>11</v>
      </c>
      <c r="K32" s="67">
        <v>16</v>
      </c>
      <c r="L32" s="79">
        <v>7</v>
      </c>
      <c r="M32" s="80">
        <v>9</v>
      </c>
    </row>
    <row r="33" spans="1:13">
      <c r="A33" s="15" t="s">
        <v>56</v>
      </c>
      <c r="B33" s="67">
        <v>15</v>
      </c>
      <c r="C33" s="68">
        <v>1</v>
      </c>
      <c r="D33" s="68">
        <v>14</v>
      </c>
      <c r="E33" s="67">
        <v>0</v>
      </c>
      <c r="F33" s="68">
        <v>0</v>
      </c>
      <c r="G33" s="69">
        <v>0</v>
      </c>
      <c r="H33" s="68">
        <v>30</v>
      </c>
      <c r="I33" s="68">
        <v>9</v>
      </c>
      <c r="J33" s="68">
        <v>21</v>
      </c>
      <c r="K33" s="67">
        <v>15</v>
      </c>
      <c r="L33" s="79">
        <v>8</v>
      </c>
      <c r="M33" s="80">
        <v>7</v>
      </c>
    </row>
    <row r="34" spans="1:13">
      <c r="A34" s="15" t="s">
        <v>58</v>
      </c>
      <c r="B34" s="67">
        <v>-19</v>
      </c>
      <c r="C34" s="68">
        <v>-5</v>
      </c>
      <c r="D34" s="68">
        <v>-14</v>
      </c>
      <c r="E34" s="67">
        <v>0</v>
      </c>
      <c r="F34" s="68">
        <v>0</v>
      </c>
      <c r="G34" s="69">
        <v>0</v>
      </c>
      <c r="H34" s="68">
        <v>33</v>
      </c>
      <c r="I34" s="68">
        <v>18</v>
      </c>
      <c r="J34" s="68">
        <v>15</v>
      </c>
      <c r="K34" s="67">
        <v>52</v>
      </c>
      <c r="L34" s="79">
        <v>23</v>
      </c>
      <c r="M34" s="80">
        <v>29</v>
      </c>
    </row>
    <row r="35" spans="1:13">
      <c r="A35" s="15" t="s">
        <v>60</v>
      </c>
      <c r="B35" s="67">
        <v>8</v>
      </c>
      <c r="C35" s="68">
        <v>4</v>
      </c>
      <c r="D35" s="68">
        <v>4</v>
      </c>
      <c r="E35" s="67">
        <v>0</v>
      </c>
      <c r="F35" s="68">
        <v>0</v>
      </c>
      <c r="G35" s="69">
        <v>0</v>
      </c>
      <c r="H35" s="68">
        <v>27</v>
      </c>
      <c r="I35" s="68">
        <v>14</v>
      </c>
      <c r="J35" s="68">
        <v>13</v>
      </c>
      <c r="K35" s="67">
        <v>19</v>
      </c>
      <c r="L35" s="79">
        <v>10</v>
      </c>
      <c r="M35" s="80">
        <v>9</v>
      </c>
    </row>
    <row r="36" spans="1:13" ht="21" customHeight="1">
      <c r="A36" s="36" t="s">
        <v>62</v>
      </c>
      <c r="B36" s="64">
        <v>34</v>
      </c>
      <c r="C36" s="65">
        <v>18</v>
      </c>
      <c r="D36" s="65">
        <v>16</v>
      </c>
      <c r="E36" s="64">
        <v>1</v>
      </c>
      <c r="F36" s="65">
        <v>0</v>
      </c>
      <c r="G36" s="66">
        <v>1</v>
      </c>
      <c r="H36" s="65">
        <v>157</v>
      </c>
      <c r="I36" s="65">
        <v>87</v>
      </c>
      <c r="J36" s="65">
        <v>70</v>
      </c>
      <c r="K36" s="64">
        <v>122</v>
      </c>
      <c r="L36" s="77">
        <v>69</v>
      </c>
      <c r="M36" s="78">
        <v>53</v>
      </c>
    </row>
    <row r="37" spans="1:13">
      <c r="A37" s="15" t="s">
        <v>64</v>
      </c>
      <c r="B37" s="67">
        <v>3</v>
      </c>
      <c r="C37" s="68">
        <v>8</v>
      </c>
      <c r="D37" s="68">
        <v>-5</v>
      </c>
      <c r="E37" s="67">
        <v>0</v>
      </c>
      <c r="F37" s="68">
        <v>0</v>
      </c>
      <c r="G37" s="69">
        <v>0</v>
      </c>
      <c r="H37" s="68">
        <v>29</v>
      </c>
      <c r="I37" s="68">
        <v>20</v>
      </c>
      <c r="J37" s="68">
        <v>9</v>
      </c>
      <c r="K37" s="67">
        <v>26</v>
      </c>
      <c r="L37" s="79">
        <v>12</v>
      </c>
      <c r="M37" s="80">
        <v>14</v>
      </c>
    </row>
    <row r="38" spans="1:13">
      <c r="A38" s="15" t="s">
        <v>66</v>
      </c>
      <c r="B38" s="67">
        <v>-7</v>
      </c>
      <c r="C38" s="68">
        <v>-7</v>
      </c>
      <c r="D38" s="68">
        <v>0</v>
      </c>
      <c r="E38" s="67">
        <v>0</v>
      </c>
      <c r="F38" s="68">
        <v>0</v>
      </c>
      <c r="G38" s="69">
        <v>0</v>
      </c>
      <c r="H38" s="68">
        <v>27</v>
      </c>
      <c r="I38" s="68">
        <v>13</v>
      </c>
      <c r="J38" s="68">
        <v>14</v>
      </c>
      <c r="K38" s="67">
        <v>34</v>
      </c>
      <c r="L38" s="79">
        <v>20</v>
      </c>
      <c r="M38" s="80">
        <v>14</v>
      </c>
    </row>
    <row r="39" spans="1:13">
      <c r="A39" s="15" t="s">
        <v>68</v>
      </c>
      <c r="B39" s="67">
        <v>26</v>
      </c>
      <c r="C39" s="68">
        <v>13</v>
      </c>
      <c r="D39" s="68">
        <v>13</v>
      </c>
      <c r="E39" s="67">
        <v>0</v>
      </c>
      <c r="F39" s="68">
        <v>0</v>
      </c>
      <c r="G39" s="69">
        <v>0</v>
      </c>
      <c r="H39" s="68">
        <v>40</v>
      </c>
      <c r="I39" s="68">
        <v>23</v>
      </c>
      <c r="J39" s="68">
        <v>17</v>
      </c>
      <c r="K39" s="67">
        <v>14</v>
      </c>
      <c r="L39" s="79">
        <v>10</v>
      </c>
      <c r="M39" s="80">
        <v>4</v>
      </c>
    </row>
    <row r="40" spans="1:13">
      <c r="A40" s="15" t="s">
        <v>70</v>
      </c>
      <c r="B40" s="67">
        <v>6</v>
      </c>
      <c r="C40" s="68">
        <v>1</v>
      </c>
      <c r="D40" s="68">
        <v>5</v>
      </c>
      <c r="E40" s="67">
        <v>0</v>
      </c>
      <c r="F40" s="68">
        <v>0</v>
      </c>
      <c r="G40" s="69">
        <v>0</v>
      </c>
      <c r="H40" s="68">
        <v>30</v>
      </c>
      <c r="I40" s="68">
        <v>15</v>
      </c>
      <c r="J40" s="68">
        <v>15</v>
      </c>
      <c r="K40" s="67">
        <v>24</v>
      </c>
      <c r="L40" s="79">
        <v>14</v>
      </c>
      <c r="M40" s="80">
        <v>10</v>
      </c>
    </row>
    <row r="41" spans="1:13">
      <c r="A41" s="15" t="s">
        <v>72</v>
      </c>
      <c r="B41" s="67">
        <v>6</v>
      </c>
      <c r="C41" s="68">
        <v>3</v>
      </c>
      <c r="D41" s="68">
        <v>3</v>
      </c>
      <c r="E41" s="67">
        <v>1</v>
      </c>
      <c r="F41" s="68">
        <v>0</v>
      </c>
      <c r="G41" s="69">
        <v>1</v>
      </c>
      <c r="H41" s="68">
        <v>31</v>
      </c>
      <c r="I41" s="68">
        <v>16</v>
      </c>
      <c r="J41" s="68">
        <v>15</v>
      </c>
      <c r="K41" s="67">
        <v>24</v>
      </c>
      <c r="L41" s="79">
        <v>13</v>
      </c>
      <c r="M41" s="80">
        <v>11</v>
      </c>
    </row>
    <row r="42" spans="1:13" ht="21" customHeight="1">
      <c r="A42" s="36" t="s">
        <v>74</v>
      </c>
      <c r="B42" s="64">
        <v>4</v>
      </c>
      <c r="C42" s="65">
        <v>-10</v>
      </c>
      <c r="D42" s="65">
        <v>14</v>
      </c>
      <c r="E42" s="64">
        <v>1</v>
      </c>
      <c r="F42" s="65">
        <v>1</v>
      </c>
      <c r="G42" s="66">
        <v>0</v>
      </c>
      <c r="H42" s="65">
        <v>111</v>
      </c>
      <c r="I42" s="65">
        <v>53</v>
      </c>
      <c r="J42" s="65">
        <v>58</v>
      </c>
      <c r="K42" s="64">
        <v>106</v>
      </c>
      <c r="L42" s="77">
        <v>62</v>
      </c>
      <c r="M42" s="78">
        <v>44</v>
      </c>
    </row>
    <row r="43" spans="1:13">
      <c r="A43" s="15" t="s">
        <v>76</v>
      </c>
      <c r="B43" s="67">
        <v>7</v>
      </c>
      <c r="C43" s="68">
        <v>1</v>
      </c>
      <c r="D43" s="68">
        <v>6</v>
      </c>
      <c r="E43" s="67">
        <v>0</v>
      </c>
      <c r="F43" s="68">
        <v>0</v>
      </c>
      <c r="G43" s="69">
        <v>0</v>
      </c>
      <c r="H43" s="68">
        <v>34</v>
      </c>
      <c r="I43" s="68">
        <v>16</v>
      </c>
      <c r="J43" s="68">
        <v>18</v>
      </c>
      <c r="K43" s="67">
        <v>27</v>
      </c>
      <c r="L43" s="79">
        <v>15</v>
      </c>
      <c r="M43" s="80">
        <v>12</v>
      </c>
    </row>
    <row r="44" spans="1:13">
      <c r="A44" s="15" t="s">
        <v>78</v>
      </c>
      <c r="B44" s="67">
        <v>-12</v>
      </c>
      <c r="C44" s="68">
        <v>-14</v>
      </c>
      <c r="D44" s="68">
        <v>2</v>
      </c>
      <c r="E44" s="67">
        <v>0</v>
      </c>
      <c r="F44" s="68">
        <v>0</v>
      </c>
      <c r="G44" s="69">
        <v>0</v>
      </c>
      <c r="H44" s="68">
        <v>15</v>
      </c>
      <c r="I44" s="68">
        <v>6</v>
      </c>
      <c r="J44" s="68">
        <v>9</v>
      </c>
      <c r="K44" s="67">
        <v>27</v>
      </c>
      <c r="L44" s="79">
        <v>20</v>
      </c>
      <c r="M44" s="80">
        <v>7</v>
      </c>
    </row>
    <row r="45" spans="1:13">
      <c r="A45" s="15" t="s">
        <v>80</v>
      </c>
      <c r="B45" s="67">
        <v>-3</v>
      </c>
      <c r="C45" s="68">
        <v>-4</v>
      </c>
      <c r="D45" s="68">
        <v>1</v>
      </c>
      <c r="E45" s="67">
        <v>1</v>
      </c>
      <c r="F45" s="68">
        <v>1</v>
      </c>
      <c r="G45" s="69">
        <v>0</v>
      </c>
      <c r="H45" s="68">
        <v>14</v>
      </c>
      <c r="I45" s="68">
        <v>6</v>
      </c>
      <c r="J45" s="68">
        <v>8</v>
      </c>
      <c r="K45" s="67">
        <v>16</v>
      </c>
      <c r="L45" s="79">
        <v>9</v>
      </c>
      <c r="M45" s="80">
        <v>7</v>
      </c>
    </row>
    <row r="46" spans="1:13">
      <c r="A46" s="15" t="s">
        <v>82</v>
      </c>
      <c r="B46" s="67">
        <v>5</v>
      </c>
      <c r="C46" s="68">
        <v>5</v>
      </c>
      <c r="D46" s="68">
        <v>0</v>
      </c>
      <c r="E46" s="67">
        <v>0</v>
      </c>
      <c r="F46" s="68">
        <v>0</v>
      </c>
      <c r="G46" s="69">
        <v>0</v>
      </c>
      <c r="H46" s="68">
        <v>24</v>
      </c>
      <c r="I46" s="68">
        <v>13</v>
      </c>
      <c r="J46" s="68">
        <v>11</v>
      </c>
      <c r="K46" s="67">
        <v>19</v>
      </c>
      <c r="L46" s="79">
        <v>8</v>
      </c>
      <c r="M46" s="80">
        <v>11</v>
      </c>
    </row>
    <row r="47" spans="1:13">
      <c r="A47" s="15" t="s">
        <v>84</v>
      </c>
      <c r="B47" s="67">
        <v>7</v>
      </c>
      <c r="C47" s="68">
        <v>2</v>
      </c>
      <c r="D47" s="68">
        <v>5</v>
      </c>
      <c r="E47" s="67">
        <v>0</v>
      </c>
      <c r="F47" s="68">
        <v>0</v>
      </c>
      <c r="G47" s="69">
        <v>0</v>
      </c>
      <c r="H47" s="68">
        <v>24</v>
      </c>
      <c r="I47" s="68">
        <v>12</v>
      </c>
      <c r="J47" s="68">
        <v>12</v>
      </c>
      <c r="K47" s="67">
        <v>17</v>
      </c>
      <c r="L47" s="79">
        <v>10</v>
      </c>
      <c r="M47" s="80">
        <v>7</v>
      </c>
    </row>
    <row r="48" spans="1:13" ht="21" customHeight="1">
      <c r="A48" s="36" t="s">
        <v>86</v>
      </c>
      <c r="B48" s="64">
        <v>39</v>
      </c>
      <c r="C48" s="65">
        <v>27</v>
      </c>
      <c r="D48" s="65">
        <v>12</v>
      </c>
      <c r="E48" s="64">
        <v>1</v>
      </c>
      <c r="F48" s="65">
        <v>0</v>
      </c>
      <c r="G48" s="66">
        <v>1</v>
      </c>
      <c r="H48" s="65">
        <v>97</v>
      </c>
      <c r="I48" s="65">
        <v>60</v>
      </c>
      <c r="J48" s="65">
        <v>37</v>
      </c>
      <c r="K48" s="64">
        <v>57</v>
      </c>
      <c r="L48" s="77">
        <v>33</v>
      </c>
      <c r="M48" s="78">
        <v>24</v>
      </c>
    </row>
    <row r="49" spans="1:13">
      <c r="A49" s="15" t="s">
        <v>88</v>
      </c>
      <c r="B49" s="67">
        <v>16</v>
      </c>
      <c r="C49" s="68">
        <v>9</v>
      </c>
      <c r="D49" s="68">
        <v>7</v>
      </c>
      <c r="E49" s="67">
        <v>0</v>
      </c>
      <c r="F49" s="68">
        <v>0</v>
      </c>
      <c r="G49" s="69">
        <v>0</v>
      </c>
      <c r="H49" s="68">
        <v>28</v>
      </c>
      <c r="I49" s="68">
        <v>16</v>
      </c>
      <c r="J49" s="68">
        <v>12</v>
      </c>
      <c r="K49" s="67">
        <v>12</v>
      </c>
      <c r="L49" s="79">
        <v>7</v>
      </c>
      <c r="M49" s="80">
        <v>5</v>
      </c>
    </row>
    <row r="50" spans="1:13">
      <c r="A50" s="15" t="s">
        <v>90</v>
      </c>
      <c r="B50" s="67">
        <v>12</v>
      </c>
      <c r="C50" s="68">
        <v>8</v>
      </c>
      <c r="D50" s="68">
        <v>4</v>
      </c>
      <c r="E50" s="67">
        <v>0</v>
      </c>
      <c r="F50" s="68">
        <v>0</v>
      </c>
      <c r="G50" s="69">
        <v>0</v>
      </c>
      <c r="H50" s="68">
        <v>21</v>
      </c>
      <c r="I50" s="68">
        <v>14</v>
      </c>
      <c r="J50" s="68">
        <v>7</v>
      </c>
      <c r="K50" s="67">
        <v>9</v>
      </c>
      <c r="L50" s="79">
        <v>6</v>
      </c>
      <c r="M50" s="80">
        <v>3</v>
      </c>
    </row>
    <row r="51" spans="1:13">
      <c r="A51" s="15" t="s">
        <v>92</v>
      </c>
      <c r="B51" s="67">
        <v>7</v>
      </c>
      <c r="C51" s="68">
        <v>3</v>
      </c>
      <c r="D51" s="68">
        <v>4</v>
      </c>
      <c r="E51" s="67">
        <v>0</v>
      </c>
      <c r="F51" s="68">
        <v>0</v>
      </c>
      <c r="G51" s="69">
        <v>0</v>
      </c>
      <c r="H51" s="68">
        <v>16</v>
      </c>
      <c r="I51" s="68">
        <v>9</v>
      </c>
      <c r="J51" s="68">
        <v>7</v>
      </c>
      <c r="K51" s="67">
        <v>9</v>
      </c>
      <c r="L51" s="79">
        <v>6</v>
      </c>
      <c r="M51" s="80">
        <v>3</v>
      </c>
    </row>
    <row r="52" spans="1:13">
      <c r="A52" s="15" t="s">
        <v>94</v>
      </c>
      <c r="B52" s="67">
        <v>-1</v>
      </c>
      <c r="C52" s="68">
        <v>1</v>
      </c>
      <c r="D52" s="68">
        <v>-2</v>
      </c>
      <c r="E52" s="67">
        <v>1</v>
      </c>
      <c r="F52" s="68">
        <v>0</v>
      </c>
      <c r="G52" s="69">
        <v>1</v>
      </c>
      <c r="H52" s="68">
        <v>16</v>
      </c>
      <c r="I52" s="68">
        <v>10</v>
      </c>
      <c r="J52" s="68">
        <v>6</v>
      </c>
      <c r="K52" s="67">
        <v>16</v>
      </c>
      <c r="L52" s="79">
        <v>9</v>
      </c>
      <c r="M52" s="80">
        <v>7</v>
      </c>
    </row>
    <row r="53" spans="1:13">
      <c r="A53" s="15" t="s">
        <v>96</v>
      </c>
      <c r="B53" s="67">
        <v>5</v>
      </c>
      <c r="C53" s="68">
        <v>6</v>
      </c>
      <c r="D53" s="68">
        <v>-1</v>
      </c>
      <c r="E53" s="67">
        <v>0</v>
      </c>
      <c r="F53" s="68">
        <v>0</v>
      </c>
      <c r="G53" s="69">
        <v>0</v>
      </c>
      <c r="H53" s="68">
        <v>16</v>
      </c>
      <c r="I53" s="68">
        <v>11</v>
      </c>
      <c r="J53" s="68">
        <v>5</v>
      </c>
      <c r="K53" s="67">
        <v>11</v>
      </c>
      <c r="L53" s="79">
        <v>5</v>
      </c>
      <c r="M53" s="80">
        <v>6</v>
      </c>
    </row>
    <row r="54" spans="1:13" ht="21" customHeight="1">
      <c r="A54" s="36" t="s">
        <v>98</v>
      </c>
      <c r="B54" s="64">
        <v>11</v>
      </c>
      <c r="C54" s="65">
        <v>0</v>
      </c>
      <c r="D54" s="65">
        <v>11</v>
      </c>
      <c r="E54" s="64">
        <v>1</v>
      </c>
      <c r="F54" s="65">
        <v>1</v>
      </c>
      <c r="G54" s="66">
        <v>0</v>
      </c>
      <c r="H54" s="65">
        <v>47</v>
      </c>
      <c r="I54" s="65">
        <v>22</v>
      </c>
      <c r="J54" s="65">
        <v>25</v>
      </c>
      <c r="K54" s="64">
        <v>35</v>
      </c>
      <c r="L54" s="77">
        <v>21</v>
      </c>
      <c r="M54" s="78">
        <v>14</v>
      </c>
    </row>
    <row r="55" spans="1:13">
      <c r="A55" s="15" t="s">
        <v>100</v>
      </c>
      <c r="B55" s="67">
        <v>6</v>
      </c>
      <c r="C55" s="68">
        <v>0</v>
      </c>
      <c r="D55" s="68">
        <v>6</v>
      </c>
      <c r="E55" s="67">
        <v>0</v>
      </c>
      <c r="F55" s="68">
        <v>0</v>
      </c>
      <c r="G55" s="69">
        <v>0</v>
      </c>
      <c r="H55" s="68">
        <v>12</v>
      </c>
      <c r="I55" s="68">
        <v>4</v>
      </c>
      <c r="J55" s="68">
        <v>8</v>
      </c>
      <c r="K55" s="67">
        <v>6</v>
      </c>
      <c r="L55" s="79">
        <v>4</v>
      </c>
      <c r="M55" s="80">
        <v>2</v>
      </c>
    </row>
    <row r="56" spans="1:13">
      <c r="A56" s="15" t="s">
        <v>102</v>
      </c>
      <c r="B56" s="67">
        <v>-3</v>
      </c>
      <c r="C56" s="68">
        <v>-2</v>
      </c>
      <c r="D56" s="68">
        <v>-1</v>
      </c>
      <c r="E56" s="67">
        <v>0</v>
      </c>
      <c r="F56" s="68">
        <v>0</v>
      </c>
      <c r="G56" s="69">
        <v>0</v>
      </c>
      <c r="H56" s="68">
        <v>6</v>
      </c>
      <c r="I56" s="68">
        <v>3</v>
      </c>
      <c r="J56" s="68">
        <v>3</v>
      </c>
      <c r="K56" s="67">
        <v>9</v>
      </c>
      <c r="L56" s="79">
        <v>5</v>
      </c>
      <c r="M56" s="80">
        <v>4</v>
      </c>
    </row>
    <row r="57" spans="1:13">
      <c r="A57" s="15" t="s">
        <v>104</v>
      </c>
      <c r="B57" s="67">
        <v>2</v>
      </c>
      <c r="C57" s="68">
        <v>-1</v>
      </c>
      <c r="D57" s="68">
        <v>3</v>
      </c>
      <c r="E57" s="67">
        <v>0</v>
      </c>
      <c r="F57" s="68">
        <v>0</v>
      </c>
      <c r="G57" s="69">
        <v>0</v>
      </c>
      <c r="H57" s="68">
        <v>10</v>
      </c>
      <c r="I57" s="68">
        <v>3</v>
      </c>
      <c r="J57" s="68">
        <v>7</v>
      </c>
      <c r="K57" s="67">
        <v>8</v>
      </c>
      <c r="L57" s="79">
        <v>4</v>
      </c>
      <c r="M57" s="80">
        <v>4</v>
      </c>
    </row>
    <row r="58" spans="1:13">
      <c r="A58" s="15" t="s">
        <v>106</v>
      </c>
      <c r="B58" s="67">
        <v>4</v>
      </c>
      <c r="C58" s="68">
        <v>2</v>
      </c>
      <c r="D58" s="68">
        <v>2</v>
      </c>
      <c r="E58" s="67">
        <v>0</v>
      </c>
      <c r="F58" s="68">
        <v>0</v>
      </c>
      <c r="G58" s="69">
        <v>0</v>
      </c>
      <c r="H58" s="68">
        <v>7</v>
      </c>
      <c r="I58" s="68">
        <v>4</v>
      </c>
      <c r="J58" s="68">
        <v>3</v>
      </c>
      <c r="K58" s="67">
        <v>3</v>
      </c>
      <c r="L58" s="79">
        <v>2</v>
      </c>
      <c r="M58" s="80">
        <v>1</v>
      </c>
    </row>
    <row r="59" spans="1:13">
      <c r="A59" s="15" t="s">
        <v>108</v>
      </c>
      <c r="B59" s="67">
        <v>2</v>
      </c>
      <c r="C59" s="68">
        <v>1</v>
      </c>
      <c r="D59" s="68">
        <v>1</v>
      </c>
      <c r="E59" s="67">
        <v>1</v>
      </c>
      <c r="F59" s="68">
        <v>1</v>
      </c>
      <c r="G59" s="69">
        <v>0</v>
      </c>
      <c r="H59" s="68">
        <v>12</v>
      </c>
      <c r="I59" s="68">
        <v>8</v>
      </c>
      <c r="J59" s="68">
        <v>4</v>
      </c>
      <c r="K59" s="67">
        <v>9</v>
      </c>
      <c r="L59" s="79">
        <v>6</v>
      </c>
      <c r="M59" s="80">
        <v>3</v>
      </c>
    </row>
    <row r="60" spans="1:13" ht="21" customHeight="1">
      <c r="A60" s="36" t="s">
        <v>110</v>
      </c>
      <c r="B60" s="64">
        <v>0</v>
      </c>
      <c r="C60" s="65">
        <v>2</v>
      </c>
      <c r="D60" s="65">
        <v>-2</v>
      </c>
      <c r="E60" s="64">
        <v>3</v>
      </c>
      <c r="F60" s="65">
        <v>2</v>
      </c>
      <c r="G60" s="66">
        <v>1</v>
      </c>
      <c r="H60" s="65">
        <v>29</v>
      </c>
      <c r="I60" s="65">
        <v>16</v>
      </c>
      <c r="J60" s="65">
        <v>13</v>
      </c>
      <c r="K60" s="64">
        <v>26</v>
      </c>
      <c r="L60" s="77">
        <v>12</v>
      </c>
      <c r="M60" s="78">
        <v>14</v>
      </c>
    </row>
    <row r="61" spans="1:13">
      <c r="A61" s="15" t="s">
        <v>112</v>
      </c>
      <c r="B61" s="67">
        <v>-1</v>
      </c>
      <c r="C61" s="68">
        <v>0</v>
      </c>
      <c r="D61" s="68">
        <v>-1</v>
      </c>
      <c r="E61" s="67">
        <v>1</v>
      </c>
      <c r="F61" s="68">
        <v>1</v>
      </c>
      <c r="G61" s="69">
        <v>0</v>
      </c>
      <c r="H61" s="68">
        <v>3</v>
      </c>
      <c r="I61" s="68">
        <v>3</v>
      </c>
      <c r="J61" s="68">
        <v>0</v>
      </c>
      <c r="K61" s="67">
        <v>3</v>
      </c>
      <c r="L61" s="79">
        <v>2</v>
      </c>
      <c r="M61" s="80">
        <v>1</v>
      </c>
    </row>
    <row r="62" spans="1:13">
      <c r="A62" s="15" t="s">
        <v>114</v>
      </c>
      <c r="B62" s="67">
        <v>0</v>
      </c>
      <c r="C62" s="68">
        <v>-1</v>
      </c>
      <c r="D62" s="68">
        <v>1</v>
      </c>
      <c r="E62" s="67">
        <v>2</v>
      </c>
      <c r="F62" s="68">
        <v>1</v>
      </c>
      <c r="G62" s="69">
        <v>1</v>
      </c>
      <c r="H62" s="68">
        <v>7</v>
      </c>
      <c r="I62" s="68">
        <v>2</v>
      </c>
      <c r="J62" s="68">
        <v>5</v>
      </c>
      <c r="K62" s="67">
        <v>5</v>
      </c>
      <c r="L62" s="79">
        <v>2</v>
      </c>
      <c r="M62" s="80">
        <v>3</v>
      </c>
    </row>
    <row r="63" spans="1:13">
      <c r="A63" s="15" t="s">
        <v>116</v>
      </c>
      <c r="B63" s="67">
        <v>5</v>
      </c>
      <c r="C63" s="68">
        <v>4</v>
      </c>
      <c r="D63" s="68">
        <v>1</v>
      </c>
      <c r="E63" s="67">
        <v>0</v>
      </c>
      <c r="F63" s="68">
        <v>0</v>
      </c>
      <c r="G63" s="69">
        <v>0</v>
      </c>
      <c r="H63" s="68">
        <v>8</v>
      </c>
      <c r="I63" s="68">
        <v>5</v>
      </c>
      <c r="J63" s="68">
        <v>3</v>
      </c>
      <c r="K63" s="67">
        <v>3</v>
      </c>
      <c r="L63" s="79">
        <v>1</v>
      </c>
      <c r="M63" s="80">
        <v>2</v>
      </c>
    </row>
    <row r="64" spans="1:13">
      <c r="A64" s="15" t="s">
        <v>118</v>
      </c>
      <c r="B64" s="67">
        <v>-3</v>
      </c>
      <c r="C64" s="68">
        <v>0</v>
      </c>
      <c r="D64" s="68">
        <v>-3</v>
      </c>
      <c r="E64" s="67">
        <v>0</v>
      </c>
      <c r="F64" s="68">
        <v>0</v>
      </c>
      <c r="G64" s="69">
        <v>0</v>
      </c>
      <c r="H64" s="68">
        <v>6</v>
      </c>
      <c r="I64" s="68">
        <v>3</v>
      </c>
      <c r="J64" s="68">
        <v>3</v>
      </c>
      <c r="K64" s="67">
        <v>9</v>
      </c>
      <c r="L64" s="79">
        <v>3</v>
      </c>
      <c r="M64" s="80">
        <v>6</v>
      </c>
    </row>
    <row r="65" spans="1:13">
      <c r="A65" s="19" t="s">
        <v>120</v>
      </c>
      <c r="B65" s="70">
        <v>-1</v>
      </c>
      <c r="C65" s="71">
        <v>-1</v>
      </c>
      <c r="D65" s="71">
        <v>0</v>
      </c>
      <c r="E65" s="70">
        <v>0</v>
      </c>
      <c r="F65" s="71">
        <v>0</v>
      </c>
      <c r="G65" s="72">
        <v>0</v>
      </c>
      <c r="H65" s="71">
        <v>5</v>
      </c>
      <c r="I65" s="71">
        <v>3</v>
      </c>
      <c r="J65" s="71">
        <v>2</v>
      </c>
      <c r="K65" s="70">
        <v>6</v>
      </c>
      <c r="L65" s="81">
        <v>4</v>
      </c>
      <c r="M65" s="82">
        <v>2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36</v>
      </c>
      <c r="C69" s="50">
        <v>55</v>
      </c>
      <c r="D69" s="84">
        <v>81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13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5</v>
      </c>
      <c r="C75" s="65">
        <v>-5</v>
      </c>
      <c r="D75" s="65">
        <v>0</v>
      </c>
      <c r="E75" s="64">
        <v>4</v>
      </c>
      <c r="F75" s="65">
        <v>0</v>
      </c>
      <c r="G75" s="66">
        <v>4</v>
      </c>
      <c r="H75" s="65">
        <v>31</v>
      </c>
      <c r="I75" s="65">
        <v>12</v>
      </c>
      <c r="J75" s="65">
        <v>19</v>
      </c>
      <c r="K75" s="64">
        <v>32</v>
      </c>
      <c r="L75" s="77">
        <v>17</v>
      </c>
      <c r="M75" s="78">
        <v>15</v>
      </c>
    </row>
    <row r="76" spans="1:13">
      <c r="A76" s="27" t="s">
        <v>5</v>
      </c>
      <c r="B76" s="67">
        <v>-4</v>
      </c>
      <c r="C76" s="68">
        <v>0</v>
      </c>
      <c r="D76" s="68">
        <v>-4</v>
      </c>
      <c r="E76" s="67">
        <v>0</v>
      </c>
      <c r="F76" s="68">
        <v>0</v>
      </c>
      <c r="G76" s="69">
        <v>0</v>
      </c>
      <c r="H76" s="68">
        <v>3</v>
      </c>
      <c r="I76" s="68">
        <v>3</v>
      </c>
      <c r="J76" s="68">
        <v>0</v>
      </c>
      <c r="K76" s="67">
        <v>7</v>
      </c>
      <c r="L76" s="79">
        <v>3</v>
      </c>
      <c r="M76" s="80">
        <v>4</v>
      </c>
    </row>
    <row r="77" spans="1:13">
      <c r="A77" s="27" t="s">
        <v>7</v>
      </c>
      <c r="B77" s="67">
        <v>-1</v>
      </c>
      <c r="C77" s="68">
        <v>-2</v>
      </c>
      <c r="D77" s="68">
        <v>1</v>
      </c>
      <c r="E77" s="67">
        <v>1</v>
      </c>
      <c r="F77" s="68">
        <v>0</v>
      </c>
      <c r="G77" s="69">
        <v>1</v>
      </c>
      <c r="H77" s="68">
        <v>6</v>
      </c>
      <c r="I77" s="68">
        <v>3</v>
      </c>
      <c r="J77" s="68">
        <v>3</v>
      </c>
      <c r="K77" s="67">
        <v>6</v>
      </c>
      <c r="L77" s="79">
        <v>5</v>
      </c>
      <c r="M77" s="80">
        <v>1</v>
      </c>
    </row>
    <row r="78" spans="1:13">
      <c r="A78" s="27" t="s">
        <v>9</v>
      </c>
      <c r="B78" s="67">
        <v>-1</v>
      </c>
      <c r="C78" s="68">
        <v>-2</v>
      </c>
      <c r="D78" s="68">
        <v>1</v>
      </c>
      <c r="E78" s="67">
        <v>0</v>
      </c>
      <c r="F78" s="68">
        <v>0</v>
      </c>
      <c r="G78" s="69">
        <v>0</v>
      </c>
      <c r="H78" s="68">
        <v>8</v>
      </c>
      <c r="I78" s="68">
        <v>2</v>
      </c>
      <c r="J78" s="68">
        <v>6</v>
      </c>
      <c r="K78" s="67">
        <v>9</v>
      </c>
      <c r="L78" s="79">
        <v>4</v>
      </c>
      <c r="M78" s="80">
        <v>5</v>
      </c>
    </row>
    <row r="79" spans="1:13">
      <c r="A79" s="27" t="s">
        <v>11</v>
      </c>
      <c r="B79" s="67">
        <v>-2</v>
      </c>
      <c r="C79" s="68">
        <v>-3</v>
      </c>
      <c r="D79" s="68">
        <v>1</v>
      </c>
      <c r="E79" s="67">
        <v>2</v>
      </c>
      <c r="F79" s="68">
        <v>0</v>
      </c>
      <c r="G79" s="69">
        <v>2</v>
      </c>
      <c r="H79" s="68">
        <v>5</v>
      </c>
      <c r="I79" s="68">
        <v>0</v>
      </c>
      <c r="J79" s="68">
        <v>5</v>
      </c>
      <c r="K79" s="67">
        <v>5</v>
      </c>
      <c r="L79" s="79">
        <v>3</v>
      </c>
      <c r="M79" s="80">
        <v>2</v>
      </c>
    </row>
    <row r="80" spans="1:13">
      <c r="A80" s="27" t="s">
        <v>13</v>
      </c>
      <c r="B80" s="67">
        <v>3</v>
      </c>
      <c r="C80" s="68">
        <v>2</v>
      </c>
      <c r="D80" s="68">
        <v>1</v>
      </c>
      <c r="E80" s="67">
        <v>1</v>
      </c>
      <c r="F80" s="68">
        <v>0</v>
      </c>
      <c r="G80" s="69">
        <v>1</v>
      </c>
      <c r="H80" s="68">
        <v>9</v>
      </c>
      <c r="I80" s="68">
        <v>4</v>
      </c>
      <c r="J80" s="68">
        <v>5</v>
      </c>
      <c r="K80" s="67">
        <v>5</v>
      </c>
      <c r="L80" s="79">
        <v>2</v>
      </c>
      <c r="M80" s="80">
        <v>3</v>
      </c>
    </row>
    <row r="81" spans="1:13" ht="21" customHeight="1">
      <c r="A81" s="38" t="s">
        <v>15</v>
      </c>
      <c r="B81" s="64">
        <v>8</v>
      </c>
      <c r="C81" s="65">
        <v>0</v>
      </c>
      <c r="D81" s="65">
        <v>8</v>
      </c>
      <c r="E81" s="64">
        <v>2</v>
      </c>
      <c r="F81" s="65">
        <v>1</v>
      </c>
      <c r="G81" s="66">
        <v>1</v>
      </c>
      <c r="H81" s="65">
        <v>22</v>
      </c>
      <c r="I81" s="65">
        <v>6</v>
      </c>
      <c r="J81" s="65">
        <v>16</v>
      </c>
      <c r="K81" s="64">
        <v>12</v>
      </c>
      <c r="L81" s="77">
        <v>5</v>
      </c>
      <c r="M81" s="78">
        <v>7</v>
      </c>
    </row>
    <row r="82" spans="1:13">
      <c r="A82" s="27" t="s">
        <v>17</v>
      </c>
      <c r="B82" s="67">
        <v>6</v>
      </c>
      <c r="C82" s="68">
        <v>2</v>
      </c>
      <c r="D82" s="68">
        <v>4</v>
      </c>
      <c r="E82" s="67">
        <v>0</v>
      </c>
      <c r="F82" s="68">
        <v>0</v>
      </c>
      <c r="G82" s="69">
        <v>0</v>
      </c>
      <c r="H82" s="68">
        <v>8</v>
      </c>
      <c r="I82" s="68">
        <v>3</v>
      </c>
      <c r="J82" s="68">
        <v>5</v>
      </c>
      <c r="K82" s="67">
        <v>2</v>
      </c>
      <c r="L82" s="79">
        <v>1</v>
      </c>
      <c r="M82" s="80">
        <v>1</v>
      </c>
    </row>
    <row r="83" spans="1:13">
      <c r="A83" s="27" t="s">
        <v>19</v>
      </c>
      <c r="B83" s="67">
        <v>0</v>
      </c>
      <c r="C83" s="68">
        <v>-2</v>
      </c>
      <c r="D83" s="68">
        <v>2</v>
      </c>
      <c r="E83" s="67">
        <v>1</v>
      </c>
      <c r="F83" s="68">
        <v>1</v>
      </c>
      <c r="G83" s="69">
        <v>0</v>
      </c>
      <c r="H83" s="68">
        <v>5</v>
      </c>
      <c r="I83" s="68">
        <v>1</v>
      </c>
      <c r="J83" s="68">
        <v>4</v>
      </c>
      <c r="K83" s="67">
        <v>4</v>
      </c>
      <c r="L83" s="79">
        <v>2</v>
      </c>
      <c r="M83" s="80">
        <v>2</v>
      </c>
    </row>
    <row r="84" spans="1:13">
      <c r="A84" s="27" t="s">
        <v>21</v>
      </c>
      <c r="B84" s="67">
        <v>0</v>
      </c>
      <c r="C84" s="68">
        <v>1</v>
      </c>
      <c r="D84" s="68">
        <v>-1</v>
      </c>
      <c r="E84" s="67">
        <v>1</v>
      </c>
      <c r="F84" s="68">
        <v>0</v>
      </c>
      <c r="G84" s="69">
        <v>1</v>
      </c>
      <c r="H84" s="68">
        <v>2</v>
      </c>
      <c r="I84" s="68">
        <v>1</v>
      </c>
      <c r="J84" s="68">
        <v>1</v>
      </c>
      <c r="K84" s="67">
        <v>1</v>
      </c>
      <c r="L84" s="79">
        <v>0</v>
      </c>
      <c r="M84" s="80">
        <v>1</v>
      </c>
    </row>
    <row r="85" spans="1:13">
      <c r="A85" s="27" t="s">
        <v>23</v>
      </c>
      <c r="B85" s="67">
        <v>1</v>
      </c>
      <c r="C85" s="68">
        <v>0</v>
      </c>
      <c r="D85" s="68">
        <v>1</v>
      </c>
      <c r="E85" s="67">
        <v>0</v>
      </c>
      <c r="F85" s="68">
        <v>0</v>
      </c>
      <c r="G85" s="69">
        <v>0</v>
      </c>
      <c r="H85" s="68">
        <v>5</v>
      </c>
      <c r="I85" s="68">
        <v>1</v>
      </c>
      <c r="J85" s="68">
        <v>4</v>
      </c>
      <c r="K85" s="67">
        <v>4</v>
      </c>
      <c r="L85" s="79">
        <v>1</v>
      </c>
      <c r="M85" s="80">
        <v>3</v>
      </c>
    </row>
    <row r="86" spans="1:13">
      <c r="A86" s="27" t="s">
        <v>25</v>
      </c>
      <c r="B86" s="67">
        <v>1</v>
      </c>
      <c r="C86" s="68">
        <v>-1</v>
      </c>
      <c r="D86" s="68">
        <v>2</v>
      </c>
      <c r="E86" s="67">
        <v>0</v>
      </c>
      <c r="F86" s="68">
        <v>0</v>
      </c>
      <c r="G86" s="69">
        <v>0</v>
      </c>
      <c r="H86" s="68">
        <v>2</v>
      </c>
      <c r="I86" s="68">
        <v>0</v>
      </c>
      <c r="J86" s="68">
        <v>2</v>
      </c>
      <c r="K86" s="67">
        <v>1</v>
      </c>
      <c r="L86" s="79">
        <v>1</v>
      </c>
      <c r="M86" s="80">
        <v>0</v>
      </c>
    </row>
    <row r="87" spans="1:13" ht="21" customHeight="1">
      <c r="A87" s="38" t="s">
        <v>27</v>
      </c>
      <c r="B87" s="64">
        <v>17</v>
      </c>
      <c r="C87" s="65">
        <v>12</v>
      </c>
      <c r="D87" s="65">
        <v>5</v>
      </c>
      <c r="E87" s="64">
        <v>3</v>
      </c>
      <c r="F87" s="65">
        <v>1</v>
      </c>
      <c r="G87" s="66">
        <v>2</v>
      </c>
      <c r="H87" s="65">
        <v>29</v>
      </c>
      <c r="I87" s="65">
        <v>17</v>
      </c>
      <c r="J87" s="65">
        <v>12</v>
      </c>
      <c r="K87" s="64">
        <v>9</v>
      </c>
      <c r="L87" s="77">
        <v>4</v>
      </c>
      <c r="M87" s="78">
        <v>5</v>
      </c>
    </row>
    <row r="88" spans="1:13">
      <c r="A88" s="27" t="s">
        <v>29</v>
      </c>
      <c r="B88" s="67">
        <v>4</v>
      </c>
      <c r="C88" s="68">
        <v>5</v>
      </c>
      <c r="D88" s="68">
        <v>-1</v>
      </c>
      <c r="E88" s="67">
        <v>0</v>
      </c>
      <c r="F88" s="68">
        <v>0</v>
      </c>
      <c r="G88" s="69">
        <v>0</v>
      </c>
      <c r="H88" s="68">
        <v>6</v>
      </c>
      <c r="I88" s="68">
        <v>5</v>
      </c>
      <c r="J88" s="68">
        <v>1</v>
      </c>
      <c r="K88" s="67">
        <v>2</v>
      </c>
      <c r="L88" s="79">
        <v>0</v>
      </c>
      <c r="M88" s="80">
        <v>2</v>
      </c>
    </row>
    <row r="89" spans="1:13">
      <c r="A89" s="27" t="s">
        <v>31</v>
      </c>
      <c r="B89" s="67">
        <v>4</v>
      </c>
      <c r="C89" s="68">
        <v>3</v>
      </c>
      <c r="D89" s="68">
        <v>1</v>
      </c>
      <c r="E89" s="67">
        <v>0</v>
      </c>
      <c r="F89" s="68">
        <v>0</v>
      </c>
      <c r="G89" s="69">
        <v>0</v>
      </c>
      <c r="H89" s="68">
        <v>6</v>
      </c>
      <c r="I89" s="68">
        <v>4</v>
      </c>
      <c r="J89" s="68">
        <v>2</v>
      </c>
      <c r="K89" s="67">
        <v>2</v>
      </c>
      <c r="L89" s="79">
        <v>1</v>
      </c>
      <c r="M89" s="80">
        <v>1</v>
      </c>
    </row>
    <row r="90" spans="1:13">
      <c r="A90" s="27" t="s">
        <v>33</v>
      </c>
      <c r="B90" s="67">
        <v>5</v>
      </c>
      <c r="C90" s="68">
        <v>3</v>
      </c>
      <c r="D90" s="68">
        <v>2</v>
      </c>
      <c r="E90" s="67">
        <v>0</v>
      </c>
      <c r="F90" s="68">
        <v>0</v>
      </c>
      <c r="G90" s="69">
        <v>0</v>
      </c>
      <c r="H90" s="68">
        <v>7</v>
      </c>
      <c r="I90" s="68">
        <v>4</v>
      </c>
      <c r="J90" s="68">
        <v>3</v>
      </c>
      <c r="K90" s="67">
        <v>2</v>
      </c>
      <c r="L90" s="79">
        <v>1</v>
      </c>
      <c r="M90" s="80">
        <v>1</v>
      </c>
    </row>
    <row r="91" spans="1:13">
      <c r="A91" s="27" t="s">
        <v>35</v>
      </c>
      <c r="B91" s="67">
        <v>0</v>
      </c>
      <c r="C91" s="68">
        <v>0</v>
      </c>
      <c r="D91" s="68">
        <v>0</v>
      </c>
      <c r="E91" s="67">
        <v>3</v>
      </c>
      <c r="F91" s="68">
        <v>1</v>
      </c>
      <c r="G91" s="69">
        <v>2</v>
      </c>
      <c r="H91" s="68">
        <v>6</v>
      </c>
      <c r="I91" s="68">
        <v>3</v>
      </c>
      <c r="J91" s="68">
        <v>3</v>
      </c>
      <c r="K91" s="67">
        <v>3</v>
      </c>
      <c r="L91" s="79">
        <v>2</v>
      </c>
      <c r="M91" s="80">
        <v>1</v>
      </c>
    </row>
    <row r="92" spans="1:13">
      <c r="A92" s="27" t="s">
        <v>37</v>
      </c>
      <c r="B92" s="67">
        <v>4</v>
      </c>
      <c r="C92" s="68">
        <v>1</v>
      </c>
      <c r="D92" s="68">
        <v>3</v>
      </c>
      <c r="E92" s="67">
        <v>0</v>
      </c>
      <c r="F92" s="68">
        <v>0</v>
      </c>
      <c r="G92" s="69">
        <v>0</v>
      </c>
      <c r="H92" s="68">
        <v>4</v>
      </c>
      <c r="I92" s="68">
        <v>1</v>
      </c>
      <c r="J92" s="68">
        <v>3</v>
      </c>
      <c r="K92" s="67">
        <v>0</v>
      </c>
      <c r="L92" s="79">
        <v>0</v>
      </c>
      <c r="M92" s="80">
        <v>0</v>
      </c>
    </row>
    <row r="93" spans="1:13" ht="21" customHeight="1">
      <c r="A93" s="38" t="s">
        <v>39</v>
      </c>
      <c r="B93" s="64">
        <v>15</v>
      </c>
      <c r="C93" s="65">
        <v>4</v>
      </c>
      <c r="D93" s="65">
        <v>11</v>
      </c>
      <c r="E93" s="64">
        <v>6</v>
      </c>
      <c r="F93" s="65">
        <v>4</v>
      </c>
      <c r="G93" s="66">
        <v>2</v>
      </c>
      <c r="H93" s="65">
        <v>26</v>
      </c>
      <c r="I93" s="65">
        <v>12</v>
      </c>
      <c r="J93" s="65">
        <v>14</v>
      </c>
      <c r="K93" s="64">
        <v>5</v>
      </c>
      <c r="L93" s="77">
        <v>4</v>
      </c>
      <c r="M93" s="78">
        <v>1</v>
      </c>
    </row>
    <row r="94" spans="1:13">
      <c r="A94" s="27" t="s">
        <v>41</v>
      </c>
      <c r="B94" s="67">
        <v>3</v>
      </c>
      <c r="C94" s="68">
        <v>2</v>
      </c>
      <c r="D94" s="68">
        <v>1</v>
      </c>
      <c r="E94" s="67">
        <v>1</v>
      </c>
      <c r="F94" s="68">
        <v>1</v>
      </c>
      <c r="G94" s="69">
        <v>0</v>
      </c>
      <c r="H94" s="68">
        <v>6</v>
      </c>
      <c r="I94" s="68">
        <v>5</v>
      </c>
      <c r="J94" s="68">
        <v>1</v>
      </c>
      <c r="K94" s="67">
        <v>2</v>
      </c>
      <c r="L94" s="79">
        <v>2</v>
      </c>
      <c r="M94" s="80">
        <v>0</v>
      </c>
    </row>
    <row r="95" spans="1:13">
      <c r="A95" s="27" t="s">
        <v>43</v>
      </c>
      <c r="B95" s="67">
        <v>2</v>
      </c>
      <c r="C95" s="68">
        <v>2</v>
      </c>
      <c r="D95" s="68">
        <v>0</v>
      </c>
      <c r="E95" s="67">
        <v>1</v>
      </c>
      <c r="F95" s="68">
        <v>1</v>
      </c>
      <c r="G95" s="69">
        <v>0</v>
      </c>
      <c r="H95" s="68">
        <v>4</v>
      </c>
      <c r="I95" s="68">
        <v>3</v>
      </c>
      <c r="J95" s="68">
        <v>1</v>
      </c>
      <c r="K95" s="67">
        <v>1</v>
      </c>
      <c r="L95" s="79">
        <v>0</v>
      </c>
      <c r="M95" s="80">
        <v>1</v>
      </c>
    </row>
    <row r="96" spans="1:13">
      <c r="A96" s="27" t="s">
        <v>45</v>
      </c>
      <c r="B96" s="67">
        <v>6</v>
      </c>
      <c r="C96" s="68">
        <v>0</v>
      </c>
      <c r="D96" s="68">
        <v>6</v>
      </c>
      <c r="E96" s="67">
        <v>2</v>
      </c>
      <c r="F96" s="68">
        <v>1</v>
      </c>
      <c r="G96" s="69">
        <v>1</v>
      </c>
      <c r="H96" s="68">
        <v>8</v>
      </c>
      <c r="I96" s="68">
        <v>1</v>
      </c>
      <c r="J96" s="68">
        <v>7</v>
      </c>
      <c r="K96" s="67">
        <v>0</v>
      </c>
      <c r="L96" s="79">
        <v>0</v>
      </c>
      <c r="M96" s="80">
        <v>0</v>
      </c>
    </row>
    <row r="97" spans="1:13">
      <c r="A97" s="27" t="s">
        <v>47</v>
      </c>
      <c r="B97" s="67">
        <v>2</v>
      </c>
      <c r="C97" s="68">
        <v>0</v>
      </c>
      <c r="D97" s="68">
        <v>2</v>
      </c>
      <c r="E97" s="67">
        <v>0</v>
      </c>
      <c r="F97" s="68">
        <v>0</v>
      </c>
      <c r="G97" s="69">
        <v>0</v>
      </c>
      <c r="H97" s="68">
        <v>3</v>
      </c>
      <c r="I97" s="68">
        <v>1</v>
      </c>
      <c r="J97" s="68">
        <v>2</v>
      </c>
      <c r="K97" s="67">
        <v>1</v>
      </c>
      <c r="L97" s="79">
        <v>1</v>
      </c>
      <c r="M97" s="80">
        <v>0</v>
      </c>
    </row>
    <row r="98" spans="1:13">
      <c r="A98" s="27" t="s">
        <v>49</v>
      </c>
      <c r="B98" s="67">
        <v>2</v>
      </c>
      <c r="C98" s="68">
        <v>0</v>
      </c>
      <c r="D98" s="68">
        <v>2</v>
      </c>
      <c r="E98" s="67">
        <v>2</v>
      </c>
      <c r="F98" s="68">
        <v>1</v>
      </c>
      <c r="G98" s="69">
        <v>1</v>
      </c>
      <c r="H98" s="68">
        <v>5</v>
      </c>
      <c r="I98" s="68">
        <v>2</v>
      </c>
      <c r="J98" s="68">
        <v>3</v>
      </c>
      <c r="K98" s="67">
        <v>1</v>
      </c>
      <c r="L98" s="79">
        <v>1</v>
      </c>
      <c r="M98" s="80">
        <v>0</v>
      </c>
    </row>
    <row r="99" spans="1:13" ht="21" customHeight="1">
      <c r="A99" s="38" t="s">
        <v>51</v>
      </c>
      <c r="B99" s="64">
        <v>-3</v>
      </c>
      <c r="C99" s="65">
        <v>0</v>
      </c>
      <c r="D99" s="65">
        <v>-3</v>
      </c>
      <c r="E99" s="64">
        <v>12</v>
      </c>
      <c r="F99" s="65">
        <v>5</v>
      </c>
      <c r="G99" s="66">
        <v>7</v>
      </c>
      <c r="H99" s="65">
        <v>22</v>
      </c>
      <c r="I99" s="65">
        <v>11</v>
      </c>
      <c r="J99" s="65">
        <v>11</v>
      </c>
      <c r="K99" s="64">
        <v>13</v>
      </c>
      <c r="L99" s="77">
        <v>6</v>
      </c>
      <c r="M99" s="78">
        <v>7</v>
      </c>
    </row>
    <row r="100" spans="1:13">
      <c r="A100" s="27" t="s">
        <v>53</v>
      </c>
      <c r="B100" s="67">
        <v>4</v>
      </c>
      <c r="C100" s="68">
        <v>5</v>
      </c>
      <c r="D100" s="68">
        <v>-1</v>
      </c>
      <c r="E100" s="67">
        <v>1</v>
      </c>
      <c r="F100" s="68">
        <v>0</v>
      </c>
      <c r="G100" s="69">
        <v>1</v>
      </c>
      <c r="H100" s="68">
        <v>6</v>
      </c>
      <c r="I100" s="68">
        <v>5</v>
      </c>
      <c r="J100" s="68">
        <v>1</v>
      </c>
      <c r="K100" s="67">
        <v>1</v>
      </c>
      <c r="L100" s="79">
        <v>0</v>
      </c>
      <c r="M100" s="80">
        <v>1</v>
      </c>
    </row>
    <row r="101" spans="1:13">
      <c r="A101" s="27" t="s">
        <v>55</v>
      </c>
      <c r="B101" s="67">
        <v>-1</v>
      </c>
      <c r="C101" s="68">
        <v>-3</v>
      </c>
      <c r="D101" s="68">
        <v>2</v>
      </c>
      <c r="E101" s="67">
        <v>2</v>
      </c>
      <c r="F101" s="68">
        <v>2</v>
      </c>
      <c r="G101" s="69">
        <v>0</v>
      </c>
      <c r="H101" s="68">
        <v>5</v>
      </c>
      <c r="I101" s="68">
        <v>1</v>
      </c>
      <c r="J101" s="68">
        <v>4</v>
      </c>
      <c r="K101" s="67">
        <v>4</v>
      </c>
      <c r="L101" s="79">
        <v>2</v>
      </c>
      <c r="M101" s="80">
        <v>2</v>
      </c>
    </row>
    <row r="102" spans="1:13">
      <c r="A102" s="27" t="s">
        <v>57</v>
      </c>
      <c r="B102" s="67">
        <v>-5</v>
      </c>
      <c r="C102" s="68">
        <v>-2</v>
      </c>
      <c r="D102" s="68">
        <v>-3</v>
      </c>
      <c r="E102" s="67">
        <v>3</v>
      </c>
      <c r="F102" s="68">
        <v>2</v>
      </c>
      <c r="G102" s="69">
        <v>1</v>
      </c>
      <c r="H102" s="68">
        <v>1</v>
      </c>
      <c r="I102" s="68">
        <v>1</v>
      </c>
      <c r="J102" s="68">
        <v>0</v>
      </c>
      <c r="K102" s="67">
        <v>3</v>
      </c>
      <c r="L102" s="79">
        <v>1</v>
      </c>
      <c r="M102" s="80">
        <v>2</v>
      </c>
    </row>
    <row r="103" spans="1:13">
      <c r="A103" s="27" t="s">
        <v>59</v>
      </c>
      <c r="B103" s="67">
        <v>2</v>
      </c>
      <c r="C103" s="68">
        <v>2</v>
      </c>
      <c r="D103" s="68">
        <v>0</v>
      </c>
      <c r="E103" s="67">
        <v>3</v>
      </c>
      <c r="F103" s="68">
        <v>0</v>
      </c>
      <c r="G103" s="69">
        <v>3</v>
      </c>
      <c r="H103" s="68">
        <v>8</v>
      </c>
      <c r="I103" s="68">
        <v>3</v>
      </c>
      <c r="J103" s="68">
        <v>5</v>
      </c>
      <c r="K103" s="67">
        <v>3</v>
      </c>
      <c r="L103" s="79">
        <v>1</v>
      </c>
      <c r="M103" s="80">
        <v>2</v>
      </c>
    </row>
    <row r="104" spans="1:13">
      <c r="A104" s="27" t="s">
        <v>61</v>
      </c>
      <c r="B104" s="67">
        <v>-3</v>
      </c>
      <c r="C104" s="68">
        <v>-2</v>
      </c>
      <c r="D104" s="68">
        <v>-1</v>
      </c>
      <c r="E104" s="67">
        <v>3</v>
      </c>
      <c r="F104" s="68">
        <v>1</v>
      </c>
      <c r="G104" s="69">
        <v>2</v>
      </c>
      <c r="H104" s="68">
        <v>2</v>
      </c>
      <c r="I104" s="68">
        <v>1</v>
      </c>
      <c r="J104" s="68">
        <v>1</v>
      </c>
      <c r="K104" s="67">
        <v>2</v>
      </c>
      <c r="L104" s="79">
        <v>2</v>
      </c>
      <c r="M104" s="80">
        <v>0</v>
      </c>
    </row>
    <row r="105" spans="1:13" ht="21" customHeight="1">
      <c r="A105" s="38" t="s">
        <v>63</v>
      </c>
      <c r="B105" s="64">
        <v>-16</v>
      </c>
      <c r="C105" s="65">
        <v>-12</v>
      </c>
      <c r="D105" s="65">
        <v>-4</v>
      </c>
      <c r="E105" s="64">
        <v>23</v>
      </c>
      <c r="F105" s="65">
        <v>16</v>
      </c>
      <c r="G105" s="66">
        <v>7</v>
      </c>
      <c r="H105" s="65">
        <v>12</v>
      </c>
      <c r="I105" s="65">
        <v>6</v>
      </c>
      <c r="J105" s="65">
        <v>6</v>
      </c>
      <c r="K105" s="64">
        <v>5</v>
      </c>
      <c r="L105" s="77">
        <v>2</v>
      </c>
      <c r="M105" s="78">
        <v>3</v>
      </c>
    </row>
    <row r="106" spans="1:13">
      <c r="A106" s="27" t="s">
        <v>65</v>
      </c>
      <c r="B106" s="67">
        <v>-2</v>
      </c>
      <c r="C106" s="68">
        <v>-3</v>
      </c>
      <c r="D106" s="68">
        <v>1</v>
      </c>
      <c r="E106" s="67">
        <v>6</v>
      </c>
      <c r="F106" s="68">
        <v>5</v>
      </c>
      <c r="G106" s="69">
        <v>1</v>
      </c>
      <c r="H106" s="68">
        <v>6</v>
      </c>
      <c r="I106" s="68">
        <v>3</v>
      </c>
      <c r="J106" s="68">
        <v>3</v>
      </c>
      <c r="K106" s="67">
        <v>2</v>
      </c>
      <c r="L106" s="79">
        <v>1</v>
      </c>
      <c r="M106" s="80">
        <v>1</v>
      </c>
    </row>
    <row r="107" spans="1:13">
      <c r="A107" s="27" t="s">
        <v>67</v>
      </c>
      <c r="B107" s="67">
        <v>-3</v>
      </c>
      <c r="C107" s="68">
        <v>-2</v>
      </c>
      <c r="D107" s="68">
        <v>-1</v>
      </c>
      <c r="E107" s="67">
        <v>2</v>
      </c>
      <c r="F107" s="68">
        <v>2</v>
      </c>
      <c r="G107" s="69">
        <v>0</v>
      </c>
      <c r="H107" s="68">
        <v>0</v>
      </c>
      <c r="I107" s="68">
        <v>0</v>
      </c>
      <c r="J107" s="68">
        <v>0</v>
      </c>
      <c r="K107" s="67">
        <v>1</v>
      </c>
      <c r="L107" s="79">
        <v>0</v>
      </c>
      <c r="M107" s="80">
        <v>1</v>
      </c>
    </row>
    <row r="108" spans="1:13">
      <c r="A108" s="27" t="s">
        <v>69</v>
      </c>
      <c r="B108" s="67">
        <v>-1</v>
      </c>
      <c r="C108" s="68">
        <v>0</v>
      </c>
      <c r="D108" s="68">
        <v>-1</v>
      </c>
      <c r="E108" s="67">
        <v>2</v>
      </c>
      <c r="F108" s="68">
        <v>1</v>
      </c>
      <c r="G108" s="69">
        <v>1</v>
      </c>
      <c r="H108" s="68">
        <v>1</v>
      </c>
      <c r="I108" s="68">
        <v>1</v>
      </c>
      <c r="J108" s="68">
        <v>0</v>
      </c>
      <c r="K108" s="67">
        <v>0</v>
      </c>
      <c r="L108" s="79">
        <v>0</v>
      </c>
      <c r="M108" s="80">
        <v>0</v>
      </c>
    </row>
    <row r="109" spans="1:13">
      <c r="A109" s="27" t="s">
        <v>71</v>
      </c>
      <c r="B109" s="67">
        <v>-7</v>
      </c>
      <c r="C109" s="68">
        <v>-3</v>
      </c>
      <c r="D109" s="68">
        <v>-4</v>
      </c>
      <c r="E109" s="67">
        <v>8</v>
      </c>
      <c r="F109" s="68">
        <v>3</v>
      </c>
      <c r="G109" s="69">
        <v>5</v>
      </c>
      <c r="H109" s="68">
        <v>2</v>
      </c>
      <c r="I109" s="68">
        <v>0</v>
      </c>
      <c r="J109" s="68">
        <v>2</v>
      </c>
      <c r="K109" s="67">
        <v>1</v>
      </c>
      <c r="L109" s="79">
        <v>0</v>
      </c>
      <c r="M109" s="80">
        <v>1</v>
      </c>
    </row>
    <row r="110" spans="1:13">
      <c r="A110" s="27" t="s">
        <v>73</v>
      </c>
      <c r="B110" s="67">
        <v>-3</v>
      </c>
      <c r="C110" s="68">
        <v>-4</v>
      </c>
      <c r="D110" s="68">
        <v>1</v>
      </c>
      <c r="E110" s="67">
        <v>5</v>
      </c>
      <c r="F110" s="68">
        <v>5</v>
      </c>
      <c r="G110" s="69">
        <v>0</v>
      </c>
      <c r="H110" s="68">
        <v>3</v>
      </c>
      <c r="I110" s="68">
        <v>2</v>
      </c>
      <c r="J110" s="68">
        <v>1</v>
      </c>
      <c r="K110" s="67">
        <v>1</v>
      </c>
      <c r="L110" s="79">
        <v>1</v>
      </c>
      <c r="M110" s="80">
        <v>0</v>
      </c>
    </row>
    <row r="111" spans="1:13" ht="21" customHeight="1">
      <c r="A111" s="38" t="s">
        <v>75</v>
      </c>
      <c r="B111" s="64">
        <v>-24</v>
      </c>
      <c r="C111" s="65">
        <v>-18</v>
      </c>
      <c r="D111" s="65">
        <v>-6</v>
      </c>
      <c r="E111" s="64">
        <v>29</v>
      </c>
      <c r="F111" s="65">
        <v>19</v>
      </c>
      <c r="G111" s="66">
        <v>10</v>
      </c>
      <c r="H111" s="65">
        <v>16</v>
      </c>
      <c r="I111" s="65">
        <v>7</v>
      </c>
      <c r="J111" s="65">
        <v>9</v>
      </c>
      <c r="K111" s="64">
        <v>11</v>
      </c>
      <c r="L111" s="77">
        <v>6</v>
      </c>
      <c r="M111" s="78">
        <v>5</v>
      </c>
    </row>
    <row r="112" spans="1:13">
      <c r="A112" s="27" t="s">
        <v>77</v>
      </c>
      <c r="B112" s="67">
        <v>-4</v>
      </c>
      <c r="C112" s="68">
        <v>-1</v>
      </c>
      <c r="D112" s="68">
        <v>-3</v>
      </c>
      <c r="E112" s="67">
        <v>5</v>
      </c>
      <c r="F112" s="68">
        <v>2</v>
      </c>
      <c r="G112" s="69">
        <v>3</v>
      </c>
      <c r="H112" s="68">
        <v>4</v>
      </c>
      <c r="I112" s="68">
        <v>4</v>
      </c>
      <c r="J112" s="68">
        <v>0</v>
      </c>
      <c r="K112" s="67">
        <v>3</v>
      </c>
      <c r="L112" s="79">
        <v>3</v>
      </c>
      <c r="M112" s="80">
        <v>0</v>
      </c>
    </row>
    <row r="113" spans="1:13">
      <c r="A113" s="27" t="s">
        <v>79</v>
      </c>
      <c r="B113" s="67">
        <v>-11</v>
      </c>
      <c r="C113" s="68">
        <v>-6</v>
      </c>
      <c r="D113" s="68">
        <v>-5</v>
      </c>
      <c r="E113" s="67">
        <v>8</v>
      </c>
      <c r="F113" s="68">
        <v>4</v>
      </c>
      <c r="G113" s="69">
        <v>4</v>
      </c>
      <c r="H113" s="68">
        <v>2</v>
      </c>
      <c r="I113" s="68">
        <v>0</v>
      </c>
      <c r="J113" s="68">
        <v>2</v>
      </c>
      <c r="K113" s="67">
        <v>5</v>
      </c>
      <c r="L113" s="79">
        <v>2</v>
      </c>
      <c r="M113" s="80">
        <v>3</v>
      </c>
    </row>
    <row r="114" spans="1:13">
      <c r="A114" s="27" t="s">
        <v>81</v>
      </c>
      <c r="B114" s="67">
        <v>-5</v>
      </c>
      <c r="C114" s="68">
        <v>-6</v>
      </c>
      <c r="D114" s="68">
        <v>1</v>
      </c>
      <c r="E114" s="67">
        <v>8</v>
      </c>
      <c r="F114" s="68">
        <v>6</v>
      </c>
      <c r="G114" s="69">
        <v>2</v>
      </c>
      <c r="H114" s="68">
        <v>4</v>
      </c>
      <c r="I114" s="68">
        <v>1</v>
      </c>
      <c r="J114" s="68">
        <v>3</v>
      </c>
      <c r="K114" s="67">
        <v>1</v>
      </c>
      <c r="L114" s="79">
        <v>1</v>
      </c>
      <c r="M114" s="80">
        <v>0</v>
      </c>
    </row>
    <row r="115" spans="1:13">
      <c r="A115" s="27" t="s">
        <v>83</v>
      </c>
      <c r="B115" s="67">
        <v>-2</v>
      </c>
      <c r="C115" s="68">
        <v>-1</v>
      </c>
      <c r="D115" s="68">
        <v>-1</v>
      </c>
      <c r="E115" s="67">
        <v>4</v>
      </c>
      <c r="F115" s="68">
        <v>3</v>
      </c>
      <c r="G115" s="69">
        <v>1</v>
      </c>
      <c r="H115" s="68">
        <v>4</v>
      </c>
      <c r="I115" s="68">
        <v>2</v>
      </c>
      <c r="J115" s="68">
        <v>2</v>
      </c>
      <c r="K115" s="67">
        <v>2</v>
      </c>
      <c r="L115" s="79">
        <v>0</v>
      </c>
      <c r="M115" s="80">
        <v>2</v>
      </c>
    </row>
    <row r="116" spans="1:13">
      <c r="A116" s="27" t="s">
        <v>85</v>
      </c>
      <c r="B116" s="67">
        <v>-2</v>
      </c>
      <c r="C116" s="68">
        <v>-4</v>
      </c>
      <c r="D116" s="68">
        <v>2</v>
      </c>
      <c r="E116" s="67">
        <v>4</v>
      </c>
      <c r="F116" s="68">
        <v>4</v>
      </c>
      <c r="G116" s="69">
        <v>0</v>
      </c>
      <c r="H116" s="68">
        <v>2</v>
      </c>
      <c r="I116" s="68">
        <v>0</v>
      </c>
      <c r="J116" s="68">
        <v>2</v>
      </c>
      <c r="K116" s="67">
        <v>0</v>
      </c>
      <c r="L116" s="79">
        <v>0</v>
      </c>
      <c r="M116" s="80">
        <v>0</v>
      </c>
    </row>
    <row r="117" spans="1:13" ht="21" customHeight="1">
      <c r="A117" s="38" t="s">
        <v>87</v>
      </c>
      <c r="B117" s="64">
        <v>-19</v>
      </c>
      <c r="C117" s="65">
        <v>-8</v>
      </c>
      <c r="D117" s="65">
        <v>-11</v>
      </c>
      <c r="E117" s="64">
        <v>30</v>
      </c>
      <c r="F117" s="65">
        <v>12</v>
      </c>
      <c r="G117" s="66">
        <v>18</v>
      </c>
      <c r="H117" s="65">
        <v>18</v>
      </c>
      <c r="I117" s="65">
        <v>7</v>
      </c>
      <c r="J117" s="65">
        <v>11</v>
      </c>
      <c r="K117" s="64">
        <v>7</v>
      </c>
      <c r="L117" s="77">
        <v>3</v>
      </c>
      <c r="M117" s="78">
        <v>4</v>
      </c>
    </row>
    <row r="118" spans="1:13">
      <c r="A118" s="27" t="s">
        <v>89</v>
      </c>
      <c r="B118" s="67">
        <v>-2</v>
      </c>
      <c r="C118" s="68">
        <v>-1</v>
      </c>
      <c r="D118" s="68">
        <v>-1</v>
      </c>
      <c r="E118" s="67">
        <v>6</v>
      </c>
      <c r="F118" s="68">
        <v>4</v>
      </c>
      <c r="G118" s="69">
        <v>2</v>
      </c>
      <c r="H118" s="68">
        <v>4</v>
      </c>
      <c r="I118" s="68">
        <v>3</v>
      </c>
      <c r="J118" s="68">
        <v>1</v>
      </c>
      <c r="K118" s="67">
        <v>0</v>
      </c>
      <c r="L118" s="79">
        <v>0</v>
      </c>
      <c r="M118" s="80">
        <v>0</v>
      </c>
    </row>
    <row r="119" spans="1:13">
      <c r="A119" s="27" t="s">
        <v>91</v>
      </c>
      <c r="B119" s="67">
        <v>-3</v>
      </c>
      <c r="C119" s="68">
        <v>0</v>
      </c>
      <c r="D119" s="68">
        <v>-3</v>
      </c>
      <c r="E119" s="67">
        <v>3</v>
      </c>
      <c r="F119" s="68">
        <v>1</v>
      </c>
      <c r="G119" s="69">
        <v>2</v>
      </c>
      <c r="H119" s="68">
        <v>2</v>
      </c>
      <c r="I119" s="68">
        <v>2</v>
      </c>
      <c r="J119" s="68">
        <v>0</v>
      </c>
      <c r="K119" s="67">
        <v>2</v>
      </c>
      <c r="L119" s="79">
        <v>1</v>
      </c>
      <c r="M119" s="80">
        <v>1</v>
      </c>
    </row>
    <row r="120" spans="1:13">
      <c r="A120" s="27" t="s">
        <v>93</v>
      </c>
      <c r="B120" s="67">
        <v>-5</v>
      </c>
      <c r="C120" s="68">
        <v>-2</v>
      </c>
      <c r="D120" s="68">
        <v>-3</v>
      </c>
      <c r="E120" s="67">
        <v>5</v>
      </c>
      <c r="F120" s="68">
        <v>2</v>
      </c>
      <c r="G120" s="69">
        <v>3</v>
      </c>
      <c r="H120" s="68">
        <v>2</v>
      </c>
      <c r="I120" s="68">
        <v>0</v>
      </c>
      <c r="J120" s="68">
        <v>2</v>
      </c>
      <c r="K120" s="67">
        <v>2</v>
      </c>
      <c r="L120" s="79">
        <v>0</v>
      </c>
      <c r="M120" s="80">
        <v>2</v>
      </c>
    </row>
    <row r="121" spans="1:13">
      <c r="A121" s="27" t="s">
        <v>95</v>
      </c>
      <c r="B121" s="67">
        <v>-3</v>
      </c>
      <c r="C121" s="68">
        <v>-1</v>
      </c>
      <c r="D121" s="68">
        <v>-2</v>
      </c>
      <c r="E121" s="67">
        <v>6</v>
      </c>
      <c r="F121" s="68">
        <v>2</v>
      </c>
      <c r="G121" s="69">
        <v>4</v>
      </c>
      <c r="H121" s="68">
        <v>5</v>
      </c>
      <c r="I121" s="68">
        <v>2</v>
      </c>
      <c r="J121" s="68">
        <v>3</v>
      </c>
      <c r="K121" s="67">
        <v>2</v>
      </c>
      <c r="L121" s="79">
        <v>1</v>
      </c>
      <c r="M121" s="80">
        <v>1</v>
      </c>
    </row>
    <row r="122" spans="1:13">
      <c r="A122" s="27" t="s">
        <v>97</v>
      </c>
      <c r="B122" s="67">
        <v>-6</v>
      </c>
      <c r="C122" s="68">
        <v>-4</v>
      </c>
      <c r="D122" s="68">
        <v>-2</v>
      </c>
      <c r="E122" s="67">
        <v>10</v>
      </c>
      <c r="F122" s="68">
        <v>3</v>
      </c>
      <c r="G122" s="69">
        <v>7</v>
      </c>
      <c r="H122" s="68">
        <v>5</v>
      </c>
      <c r="I122" s="68">
        <v>0</v>
      </c>
      <c r="J122" s="68">
        <v>5</v>
      </c>
      <c r="K122" s="67">
        <v>1</v>
      </c>
      <c r="L122" s="79">
        <v>1</v>
      </c>
      <c r="M122" s="80">
        <v>0</v>
      </c>
    </row>
    <row r="123" spans="1:13" ht="21" customHeight="1">
      <c r="A123" s="38" t="s">
        <v>99</v>
      </c>
      <c r="B123" s="64">
        <v>-34</v>
      </c>
      <c r="C123" s="65">
        <v>-15</v>
      </c>
      <c r="D123" s="65">
        <v>-19</v>
      </c>
      <c r="E123" s="64">
        <v>40</v>
      </c>
      <c r="F123" s="65">
        <v>15</v>
      </c>
      <c r="G123" s="66">
        <v>25</v>
      </c>
      <c r="H123" s="65">
        <v>10</v>
      </c>
      <c r="I123" s="65">
        <v>1</v>
      </c>
      <c r="J123" s="65">
        <v>9</v>
      </c>
      <c r="K123" s="64">
        <v>4</v>
      </c>
      <c r="L123" s="77">
        <v>1</v>
      </c>
      <c r="M123" s="78">
        <v>3</v>
      </c>
    </row>
    <row r="124" spans="1:13">
      <c r="A124" s="27" t="s">
        <v>101</v>
      </c>
      <c r="B124" s="67">
        <v>-7</v>
      </c>
      <c r="C124" s="68">
        <v>-1</v>
      </c>
      <c r="D124" s="68">
        <v>-6</v>
      </c>
      <c r="E124" s="67">
        <v>8</v>
      </c>
      <c r="F124" s="68">
        <v>0</v>
      </c>
      <c r="G124" s="69">
        <v>8</v>
      </c>
      <c r="H124" s="68">
        <v>2</v>
      </c>
      <c r="I124" s="68">
        <v>0</v>
      </c>
      <c r="J124" s="68">
        <v>2</v>
      </c>
      <c r="K124" s="67">
        <v>1</v>
      </c>
      <c r="L124" s="79">
        <v>1</v>
      </c>
      <c r="M124" s="80">
        <v>0</v>
      </c>
    </row>
    <row r="125" spans="1:13">
      <c r="A125" s="27" t="s">
        <v>103</v>
      </c>
      <c r="B125" s="67">
        <v>-4</v>
      </c>
      <c r="C125" s="68">
        <v>-4</v>
      </c>
      <c r="D125" s="68">
        <v>0</v>
      </c>
      <c r="E125" s="67">
        <v>7</v>
      </c>
      <c r="F125" s="68">
        <v>4</v>
      </c>
      <c r="G125" s="69">
        <v>3</v>
      </c>
      <c r="H125" s="68">
        <v>3</v>
      </c>
      <c r="I125" s="68">
        <v>0</v>
      </c>
      <c r="J125" s="68">
        <v>3</v>
      </c>
      <c r="K125" s="67">
        <v>0</v>
      </c>
      <c r="L125" s="79">
        <v>0</v>
      </c>
      <c r="M125" s="80">
        <v>0</v>
      </c>
    </row>
    <row r="126" spans="1:13">
      <c r="A126" s="27" t="s">
        <v>105</v>
      </c>
      <c r="B126" s="67">
        <v>-5</v>
      </c>
      <c r="C126" s="68">
        <v>-3</v>
      </c>
      <c r="D126" s="68">
        <v>-2</v>
      </c>
      <c r="E126" s="67">
        <v>8</v>
      </c>
      <c r="F126" s="68">
        <v>3</v>
      </c>
      <c r="G126" s="69">
        <v>5</v>
      </c>
      <c r="H126" s="68">
        <v>3</v>
      </c>
      <c r="I126" s="68">
        <v>0</v>
      </c>
      <c r="J126" s="68">
        <v>3</v>
      </c>
      <c r="K126" s="67">
        <v>0</v>
      </c>
      <c r="L126" s="79">
        <v>0</v>
      </c>
      <c r="M126" s="80">
        <v>0</v>
      </c>
    </row>
    <row r="127" spans="1:13">
      <c r="A127" s="27" t="s">
        <v>107</v>
      </c>
      <c r="B127" s="67">
        <v>-8</v>
      </c>
      <c r="C127" s="68">
        <v>-3</v>
      </c>
      <c r="D127" s="68">
        <v>-5</v>
      </c>
      <c r="E127" s="67">
        <v>8</v>
      </c>
      <c r="F127" s="68">
        <v>4</v>
      </c>
      <c r="G127" s="69">
        <v>4</v>
      </c>
      <c r="H127" s="68">
        <v>2</v>
      </c>
      <c r="I127" s="68">
        <v>1</v>
      </c>
      <c r="J127" s="68">
        <v>1</v>
      </c>
      <c r="K127" s="67">
        <v>2</v>
      </c>
      <c r="L127" s="79">
        <v>0</v>
      </c>
      <c r="M127" s="80">
        <v>2</v>
      </c>
    </row>
    <row r="128" spans="1:13">
      <c r="A128" s="27" t="s">
        <v>109</v>
      </c>
      <c r="B128" s="67">
        <v>-10</v>
      </c>
      <c r="C128" s="68">
        <v>-4</v>
      </c>
      <c r="D128" s="68">
        <v>-6</v>
      </c>
      <c r="E128" s="67">
        <v>9</v>
      </c>
      <c r="F128" s="68">
        <v>4</v>
      </c>
      <c r="G128" s="69">
        <v>5</v>
      </c>
      <c r="H128" s="68">
        <v>0</v>
      </c>
      <c r="I128" s="68">
        <v>0</v>
      </c>
      <c r="J128" s="68">
        <v>0</v>
      </c>
      <c r="K128" s="67">
        <v>1</v>
      </c>
      <c r="L128" s="79">
        <v>0</v>
      </c>
      <c r="M128" s="80">
        <v>1</v>
      </c>
    </row>
    <row r="129" spans="1:14" ht="21" customHeight="1">
      <c r="A129" s="38" t="s">
        <v>111</v>
      </c>
      <c r="B129" s="64">
        <v>-9</v>
      </c>
      <c r="C129" s="65">
        <v>2</v>
      </c>
      <c r="D129" s="65">
        <v>-11</v>
      </c>
      <c r="E129" s="64">
        <v>13</v>
      </c>
      <c r="F129" s="65">
        <v>0</v>
      </c>
      <c r="G129" s="66">
        <v>13</v>
      </c>
      <c r="H129" s="65">
        <v>5</v>
      </c>
      <c r="I129" s="65">
        <v>2</v>
      </c>
      <c r="J129" s="65">
        <v>3</v>
      </c>
      <c r="K129" s="64">
        <v>1</v>
      </c>
      <c r="L129" s="77">
        <v>0</v>
      </c>
      <c r="M129" s="78">
        <v>1</v>
      </c>
    </row>
    <row r="130" spans="1:14">
      <c r="A130" s="27" t="s">
        <v>113</v>
      </c>
      <c r="B130" s="67">
        <v>-6</v>
      </c>
      <c r="C130" s="68">
        <v>0</v>
      </c>
      <c r="D130" s="68">
        <v>-6</v>
      </c>
      <c r="E130" s="67">
        <v>6</v>
      </c>
      <c r="F130" s="68">
        <v>0</v>
      </c>
      <c r="G130" s="69">
        <v>6</v>
      </c>
      <c r="H130" s="68">
        <v>1</v>
      </c>
      <c r="I130" s="68">
        <v>0</v>
      </c>
      <c r="J130" s="68">
        <v>1</v>
      </c>
      <c r="K130" s="67">
        <v>1</v>
      </c>
      <c r="L130" s="79">
        <v>0</v>
      </c>
      <c r="M130" s="80">
        <v>1</v>
      </c>
    </row>
    <row r="131" spans="1:14">
      <c r="A131" s="27" t="s">
        <v>115</v>
      </c>
      <c r="B131" s="67">
        <v>-5</v>
      </c>
      <c r="C131" s="68">
        <v>0</v>
      </c>
      <c r="D131" s="68">
        <v>-5</v>
      </c>
      <c r="E131" s="67">
        <v>5</v>
      </c>
      <c r="F131" s="68">
        <v>0</v>
      </c>
      <c r="G131" s="69">
        <v>5</v>
      </c>
      <c r="H131" s="68">
        <v>0</v>
      </c>
      <c r="I131" s="68">
        <v>0</v>
      </c>
      <c r="J131" s="68">
        <v>0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-1</v>
      </c>
      <c r="C132" s="68">
        <v>1</v>
      </c>
      <c r="D132" s="68">
        <v>-2</v>
      </c>
      <c r="E132" s="67">
        <v>2</v>
      </c>
      <c r="F132" s="68">
        <v>0</v>
      </c>
      <c r="G132" s="69">
        <v>2</v>
      </c>
      <c r="H132" s="68">
        <v>1</v>
      </c>
      <c r="I132" s="68">
        <v>1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2</v>
      </c>
      <c r="C133" s="68">
        <v>1</v>
      </c>
      <c r="D133" s="68">
        <v>1</v>
      </c>
      <c r="E133" s="67">
        <v>0</v>
      </c>
      <c r="F133" s="68">
        <v>0</v>
      </c>
      <c r="G133" s="69">
        <v>0</v>
      </c>
      <c r="H133" s="68">
        <v>2</v>
      </c>
      <c r="I133" s="68">
        <v>1</v>
      </c>
      <c r="J133" s="68">
        <v>1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1</v>
      </c>
      <c r="C134" s="68">
        <v>0</v>
      </c>
      <c r="D134" s="68">
        <v>1</v>
      </c>
      <c r="E134" s="67">
        <v>0</v>
      </c>
      <c r="F134" s="68">
        <v>0</v>
      </c>
      <c r="G134" s="69">
        <v>0</v>
      </c>
      <c r="H134" s="68">
        <v>1</v>
      </c>
      <c r="I134" s="68">
        <v>0</v>
      </c>
      <c r="J134" s="68">
        <v>1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3</v>
      </c>
      <c r="C135" s="40">
        <v>1</v>
      </c>
      <c r="D135" s="40">
        <v>-4</v>
      </c>
      <c r="E135" s="42">
        <v>4</v>
      </c>
      <c r="F135" s="40">
        <v>0</v>
      </c>
      <c r="G135" s="43">
        <v>4</v>
      </c>
      <c r="H135" s="40">
        <v>1</v>
      </c>
      <c r="I135" s="40">
        <v>1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15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219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187</v>
      </c>
      <c r="C5" s="62">
        <v>-115</v>
      </c>
      <c r="D5" s="62">
        <v>-72</v>
      </c>
      <c r="E5" s="61">
        <v>213</v>
      </c>
      <c r="F5" s="62">
        <v>112</v>
      </c>
      <c r="G5" s="63">
        <v>101</v>
      </c>
      <c r="H5" s="62">
        <v>1198</v>
      </c>
      <c r="I5" s="62">
        <v>546</v>
      </c>
      <c r="J5" s="62">
        <v>652</v>
      </c>
      <c r="K5" s="61">
        <v>1195</v>
      </c>
      <c r="L5" s="75">
        <v>561</v>
      </c>
      <c r="M5" s="76">
        <v>634</v>
      </c>
    </row>
    <row r="6" spans="1:13" ht="23.25" customHeight="1">
      <c r="A6" s="36" t="s">
        <v>2</v>
      </c>
      <c r="B6" s="64">
        <v>26</v>
      </c>
      <c r="C6" s="65">
        <v>14</v>
      </c>
      <c r="D6" s="65">
        <v>12</v>
      </c>
      <c r="E6" s="64">
        <v>0</v>
      </c>
      <c r="F6" s="65">
        <v>0</v>
      </c>
      <c r="G6" s="66">
        <v>0</v>
      </c>
      <c r="H6" s="65">
        <v>20</v>
      </c>
      <c r="I6" s="65">
        <v>14</v>
      </c>
      <c r="J6" s="65">
        <v>6</v>
      </c>
      <c r="K6" s="64">
        <v>17</v>
      </c>
      <c r="L6" s="77">
        <v>12</v>
      </c>
      <c r="M6" s="78">
        <v>5</v>
      </c>
    </row>
    <row r="7" spans="1:13">
      <c r="A7" s="15" t="s">
        <v>4</v>
      </c>
      <c r="B7" s="67">
        <v>20</v>
      </c>
      <c r="C7" s="68">
        <v>10</v>
      </c>
      <c r="D7" s="68">
        <v>10</v>
      </c>
      <c r="E7" s="67">
        <v>0</v>
      </c>
      <c r="F7" s="68">
        <v>0</v>
      </c>
      <c r="G7" s="69">
        <v>0</v>
      </c>
      <c r="H7" s="68">
        <v>2</v>
      </c>
      <c r="I7" s="68">
        <v>2</v>
      </c>
      <c r="J7" s="68">
        <v>0</v>
      </c>
      <c r="K7" s="67">
        <v>5</v>
      </c>
      <c r="L7" s="79">
        <v>4</v>
      </c>
      <c r="M7" s="80">
        <v>1</v>
      </c>
    </row>
    <row r="8" spans="1:13">
      <c r="A8" s="15" t="s">
        <v>6</v>
      </c>
      <c r="B8" s="67">
        <v>-1</v>
      </c>
      <c r="C8" s="68">
        <v>-1</v>
      </c>
      <c r="D8" s="68">
        <v>0</v>
      </c>
      <c r="E8" s="67">
        <v>0</v>
      </c>
      <c r="F8" s="68">
        <v>0</v>
      </c>
      <c r="G8" s="69">
        <v>0</v>
      </c>
      <c r="H8" s="68">
        <v>4</v>
      </c>
      <c r="I8" s="68">
        <v>1</v>
      </c>
      <c r="J8" s="68">
        <v>3</v>
      </c>
      <c r="K8" s="67">
        <v>5</v>
      </c>
      <c r="L8" s="79">
        <v>2</v>
      </c>
      <c r="M8" s="80">
        <v>3</v>
      </c>
    </row>
    <row r="9" spans="1:13">
      <c r="A9" s="15" t="s">
        <v>8</v>
      </c>
      <c r="B9" s="67">
        <v>0</v>
      </c>
      <c r="C9" s="68">
        <v>0</v>
      </c>
      <c r="D9" s="68">
        <v>0</v>
      </c>
      <c r="E9" s="67">
        <v>0</v>
      </c>
      <c r="F9" s="68">
        <v>0</v>
      </c>
      <c r="G9" s="69">
        <v>0</v>
      </c>
      <c r="H9" s="68">
        <v>3</v>
      </c>
      <c r="I9" s="68">
        <v>3</v>
      </c>
      <c r="J9" s="68">
        <v>0</v>
      </c>
      <c r="K9" s="67">
        <v>3</v>
      </c>
      <c r="L9" s="79">
        <v>3</v>
      </c>
      <c r="M9" s="80">
        <v>0</v>
      </c>
    </row>
    <row r="10" spans="1:13">
      <c r="A10" s="15" t="s">
        <v>10</v>
      </c>
      <c r="B10" s="67">
        <v>6</v>
      </c>
      <c r="C10" s="68">
        <v>4</v>
      </c>
      <c r="D10" s="68">
        <v>2</v>
      </c>
      <c r="E10" s="67">
        <v>0</v>
      </c>
      <c r="F10" s="68">
        <v>0</v>
      </c>
      <c r="G10" s="69">
        <v>0</v>
      </c>
      <c r="H10" s="68">
        <v>8</v>
      </c>
      <c r="I10" s="68">
        <v>6</v>
      </c>
      <c r="J10" s="68">
        <v>2</v>
      </c>
      <c r="K10" s="67">
        <v>2</v>
      </c>
      <c r="L10" s="79">
        <v>2</v>
      </c>
      <c r="M10" s="80">
        <v>0</v>
      </c>
    </row>
    <row r="11" spans="1:13">
      <c r="A11" s="15" t="s">
        <v>12</v>
      </c>
      <c r="B11" s="67">
        <v>1</v>
      </c>
      <c r="C11" s="68">
        <v>1</v>
      </c>
      <c r="D11" s="68">
        <v>0</v>
      </c>
      <c r="E11" s="67">
        <v>0</v>
      </c>
      <c r="F11" s="68">
        <v>0</v>
      </c>
      <c r="G11" s="69">
        <v>0</v>
      </c>
      <c r="H11" s="68">
        <v>3</v>
      </c>
      <c r="I11" s="68">
        <v>2</v>
      </c>
      <c r="J11" s="68">
        <v>1</v>
      </c>
      <c r="K11" s="67">
        <v>2</v>
      </c>
      <c r="L11" s="79">
        <v>1</v>
      </c>
      <c r="M11" s="80">
        <v>1</v>
      </c>
    </row>
    <row r="12" spans="1:13" ht="21" customHeight="1">
      <c r="A12" s="36" t="s">
        <v>14</v>
      </c>
      <c r="B12" s="64">
        <v>-11</v>
      </c>
      <c r="C12" s="65">
        <v>-7</v>
      </c>
      <c r="D12" s="65">
        <v>-4</v>
      </c>
      <c r="E12" s="64">
        <v>0</v>
      </c>
      <c r="F12" s="65">
        <v>0</v>
      </c>
      <c r="G12" s="66">
        <v>0</v>
      </c>
      <c r="H12" s="65">
        <v>16</v>
      </c>
      <c r="I12" s="65">
        <v>8</v>
      </c>
      <c r="J12" s="65">
        <v>8</v>
      </c>
      <c r="K12" s="64">
        <v>27</v>
      </c>
      <c r="L12" s="77">
        <v>15</v>
      </c>
      <c r="M12" s="78">
        <v>12</v>
      </c>
    </row>
    <row r="13" spans="1:13">
      <c r="A13" s="15" t="s">
        <v>16</v>
      </c>
      <c r="B13" s="67">
        <v>-3</v>
      </c>
      <c r="C13" s="68">
        <v>-2</v>
      </c>
      <c r="D13" s="68">
        <v>-1</v>
      </c>
      <c r="E13" s="67">
        <v>0</v>
      </c>
      <c r="F13" s="68">
        <v>0</v>
      </c>
      <c r="G13" s="69">
        <v>0</v>
      </c>
      <c r="H13" s="68">
        <v>3</v>
      </c>
      <c r="I13" s="68">
        <v>1</v>
      </c>
      <c r="J13" s="68">
        <v>2</v>
      </c>
      <c r="K13" s="67">
        <v>6</v>
      </c>
      <c r="L13" s="79">
        <v>3</v>
      </c>
      <c r="M13" s="80">
        <v>3</v>
      </c>
    </row>
    <row r="14" spans="1:13">
      <c r="A14" s="15" t="s">
        <v>18</v>
      </c>
      <c r="B14" s="67">
        <v>-4</v>
      </c>
      <c r="C14" s="68">
        <v>-3</v>
      </c>
      <c r="D14" s="68">
        <v>-1</v>
      </c>
      <c r="E14" s="67">
        <v>0</v>
      </c>
      <c r="F14" s="68">
        <v>0</v>
      </c>
      <c r="G14" s="69">
        <v>0</v>
      </c>
      <c r="H14" s="68">
        <v>2</v>
      </c>
      <c r="I14" s="68">
        <v>1</v>
      </c>
      <c r="J14" s="68">
        <v>1</v>
      </c>
      <c r="K14" s="67">
        <v>6</v>
      </c>
      <c r="L14" s="79">
        <v>4</v>
      </c>
      <c r="M14" s="80">
        <v>2</v>
      </c>
    </row>
    <row r="15" spans="1:13">
      <c r="A15" s="15" t="s">
        <v>20</v>
      </c>
      <c r="B15" s="67">
        <v>0</v>
      </c>
      <c r="C15" s="68">
        <v>0</v>
      </c>
      <c r="D15" s="68">
        <v>0</v>
      </c>
      <c r="E15" s="67">
        <v>0</v>
      </c>
      <c r="F15" s="68">
        <v>0</v>
      </c>
      <c r="G15" s="69">
        <v>0</v>
      </c>
      <c r="H15" s="68">
        <v>3</v>
      </c>
      <c r="I15" s="68">
        <v>2</v>
      </c>
      <c r="J15" s="68">
        <v>1</v>
      </c>
      <c r="K15" s="67">
        <v>3</v>
      </c>
      <c r="L15" s="79">
        <v>2</v>
      </c>
      <c r="M15" s="80">
        <v>1</v>
      </c>
    </row>
    <row r="16" spans="1:13">
      <c r="A16" s="15" t="s">
        <v>22</v>
      </c>
      <c r="B16" s="67">
        <v>-1</v>
      </c>
      <c r="C16" s="68">
        <v>0</v>
      </c>
      <c r="D16" s="68">
        <v>-1</v>
      </c>
      <c r="E16" s="67">
        <v>0</v>
      </c>
      <c r="F16" s="68">
        <v>0</v>
      </c>
      <c r="G16" s="69">
        <v>0</v>
      </c>
      <c r="H16" s="68">
        <v>5</v>
      </c>
      <c r="I16" s="68">
        <v>3</v>
      </c>
      <c r="J16" s="68">
        <v>2</v>
      </c>
      <c r="K16" s="67">
        <v>6</v>
      </c>
      <c r="L16" s="79">
        <v>3</v>
      </c>
      <c r="M16" s="80">
        <v>3</v>
      </c>
    </row>
    <row r="17" spans="1:13">
      <c r="A17" s="15" t="s">
        <v>24</v>
      </c>
      <c r="B17" s="67">
        <v>-3</v>
      </c>
      <c r="C17" s="68">
        <v>-2</v>
      </c>
      <c r="D17" s="68">
        <v>-1</v>
      </c>
      <c r="E17" s="67">
        <v>0</v>
      </c>
      <c r="F17" s="68">
        <v>0</v>
      </c>
      <c r="G17" s="69">
        <v>0</v>
      </c>
      <c r="H17" s="68">
        <v>3</v>
      </c>
      <c r="I17" s="68">
        <v>1</v>
      </c>
      <c r="J17" s="68">
        <v>2</v>
      </c>
      <c r="K17" s="67">
        <v>6</v>
      </c>
      <c r="L17" s="79">
        <v>3</v>
      </c>
      <c r="M17" s="80">
        <v>3</v>
      </c>
    </row>
    <row r="18" spans="1:13" ht="21" customHeight="1">
      <c r="A18" s="36" t="s">
        <v>26</v>
      </c>
      <c r="B18" s="64">
        <v>-3</v>
      </c>
      <c r="C18" s="65">
        <v>1</v>
      </c>
      <c r="D18" s="65">
        <v>-4</v>
      </c>
      <c r="E18" s="64">
        <v>0</v>
      </c>
      <c r="F18" s="65">
        <v>0</v>
      </c>
      <c r="G18" s="66">
        <v>0</v>
      </c>
      <c r="H18" s="65">
        <v>13</v>
      </c>
      <c r="I18" s="65">
        <v>8</v>
      </c>
      <c r="J18" s="65">
        <v>5</v>
      </c>
      <c r="K18" s="64">
        <v>16</v>
      </c>
      <c r="L18" s="77">
        <v>7</v>
      </c>
      <c r="M18" s="78">
        <v>9</v>
      </c>
    </row>
    <row r="19" spans="1:13">
      <c r="A19" s="15" t="s">
        <v>28</v>
      </c>
      <c r="B19" s="67">
        <v>3</v>
      </c>
      <c r="C19" s="68">
        <v>2</v>
      </c>
      <c r="D19" s="68">
        <v>1</v>
      </c>
      <c r="E19" s="67">
        <v>0</v>
      </c>
      <c r="F19" s="68">
        <v>0</v>
      </c>
      <c r="G19" s="69">
        <v>0</v>
      </c>
      <c r="H19" s="68">
        <v>4</v>
      </c>
      <c r="I19" s="68">
        <v>3</v>
      </c>
      <c r="J19" s="68">
        <v>1</v>
      </c>
      <c r="K19" s="67">
        <v>1</v>
      </c>
      <c r="L19" s="79">
        <v>1</v>
      </c>
      <c r="M19" s="80">
        <v>0</v>
      </c>
    </row>
    <row r="20" spans="1:13">
      <c r="A20" s="15" t="s">
        <v>30</v>
      </c>
      <c r="B20" s="67">
        <v>-3</v>
      </c>
      <c r="C20" s="68">
        <v>-2</v>
      </c>
      <c r="D20" s="68">
        <v>-1</v>
      </c>
      <c r="E20" s="67">
        <v>0</v>
      </c>
      <c r="F20" s="68">
        <v>0</v>
      </c>
      <c r="G20" s="69">
        <v>0</v>
      </c>
      <c r="H20" s="68">
        <v>2</v>
      </c>
      <c r="I20" s="68">
        <v>0</v>
      </c>
      <c r="J20" s="68">
        <v>2</v>
      </c>
      <c r="K20" s="67">
        <v>5</v>
      </c>
      <c r="L20" s="79">
        <v>2</v>
      </c>
      <c r="M20" s="80">
        <v>3</v>
      </c>
    </row>
    <row r="21" spans="1:13">
      <c r="A21" s="15" t="s">
        <v>32</v>
      </c>
      <c r="B21" s="67">
        <v>-4</v>
      </c>
      <c r="C21" s="68">
        <v>0</v>
      </c>
      <c r="D21" s="68">
        <v>-4</v>
      </c>
      <c r="E21" s="67">
        <v>0</v>
      </c>
      <c r="F21" s="68">
        <v>0</v>
      </c>
      <c r="G21" s="69">
        <v>0</v>
      </c>
      <c r="H21" s="68">
        <v>3</v>
      </c>
      <c r="I21" s="68">
        <v>2</v>
      </c>
      <c r="J21" s="68">
        <v>1</v>
      </c>
      <c r="K21" s="67">
        <v>7</v>
      </c>
      <c r="L21" s="79">
        <v>2</v>
      </c>
      <c r="M21" s="80">
        <v>5</v>
      </c>
    </row>
    <row r="22" spans="1:13">
      <c r="A22" s="15" t="s">
        <v>34</v>
      </c>
      <c r="B22" s="67">
        <v>-1</v>
      </c>
      <c r="C22" s="68">
        <v>-1</v>
      </c>
      <c r="D22" s="68">
        <v>0</v>
      </c>
      <c r="E22" s="67">
        <v>0</v>
      </c>
      <c r="F22" s="68">
        <v>0</v>
      </c>
      <c r="G22" s="69">
        <v>0</v>
      </c>
      <c r="H22" s="68">
        <v>2</v>
      </c>
      <c r="I22" s="68">
        <v>1</v>
      </c>
      <c r="J22" s="68">
        <v>1</v>
      </c>
      <c r="K22" s="67">
        <v>3</v>
      </c>
      <c r="L22" s="79">
        <v>2</v>
      </c>
      <c r="M22" s="80">
        <v>1</v>
      </c>
    </row>
    <row r="23" spans="1:13">
      <c r="A23" s="15" t="s">
        <v>36</v>
      </c>
      <c r="B23" s="67">
        <v>2</v>
      </c>
      <c r="C23" s="68">
        <v>2</v>
      </c>
      <c r="D23" s="68">
        <v>0</v>
      </c>
      <c r="E23" s="67">
        <v>0</v>
      </c>
      <c r="F23" s="68">
        <v>0</v>
      </c>
      <c r="G23" s="69">
        <v>0</v>
      </c>
      <c r="H23" s="68">
        <v>2</v>
      </c>
      <c r="I23" s="68">
        <v>2</v>
      </c>
      <c r="J23" s="68">
        <v>0</v>
      </c>
      <c r="K23" s="67">
        <v>0</v>
      </c>
      <c r="L23" s="79">
        <v>0</v>
      </c>
      <c r="M23" s="80">
        <v>0</v>
      </c>
    </row>
    <row r="24" spans="1:13" ht="21" customHeight="1">
      <c r="A24" s="36" t="s">
        <v>38</v>
      </c>
      <c r="B24" s="64">
        <v>-7</v>
      </c>
      <c r="C24" s="65">
        <v>-5</v>
      </c>
      <c r="D24" s="65">
        <v>-2</v>
      </c>
      <c r="E24" s="64">
        <v>0</v>
      </c>
      <c r="F24" s="65">
        <v>0</v>
      </c>
      <c r="G24" s="66">
        <v>0</v>
      </c>
      <c r="H24" s="65">
        <v>56</v>
      </c>
      <c r="I24" s="65">
        <v>22</v>
      </c>
      <c r="J24" s="65">
        <v>34</v>
      </c>
      <c r="K24" s="64">
        <v>63</v>
      </c>
      <c r="L24" s="77">
        <v>27</v>
      </c>
      <c r="M24" s="78">
        <v>36</v>
      </c>
    </row>
    <row r="25" spans="1:13">
      <c r="A25" s="15" t="s">
        <v>40</v>
      </c>
      <c r="B25" s="67">
        <v>-1</v>
      </c>
      <c r="C25" s="68">
        <v>-1</v>
      </c>
      <c r="D25" s="68">
        <v>0</v>
      </c>
      <c r="E25" s="67">
        <v>0</v>
      </c>
      <c r="F25" s="68">
        <v>0</v>
      </c>
      <c r="G25" s="69">
        <v>0</v>
      </c>
      <c r="H25" s="68">
        <v>5</v>
      </c>
      <c r="I25" s="68">
        <v>5</v>
      </c>
      <c r="J25" s="68">
        <v>0</v>
      </c>
      <c r="K25" s="67">
        <v>6</v>
      </c>
      <c r="L25" s="79">
        <v>6</v>
      </c>
      <c r="M25" s="80">
        <v>0</v>
      </c>
    </row>
    <row r="26" spans="1:13">
      <c r="A26" s="15" t="s">
        <v>42</v>
      </c>
      <c r="B26" s="67">
        <v>-3</v>
      </c>
      <c r="C26" s="68">
        <v>-1</v>
      </c>
      <c r="D26" s="68">
        <v>-2</v>
      </c>
      <c r="E26" s="67">
        <v>0</v>
      </c>
      <c r="F26" s="68">
        <v>0</v>
      </c>
      <c r="G26" s="69">
        <v>0</v>
      </c>
      <c r="H26" s="68">
        <v>1</v>
      </c>
      <c r="I26" s="68">
        <v>0</v>
      </c>
      <c r="J26" s="68">
        <v>1</v>
      </c>
      <c r="K26" s="67">
        <v>4</v>
      </c>
      <c r="L26" s="79">
        <v>1</v>
      </c>
      <c r="M26" s="80">
        <v>3</v>
      </c>
    </row>
    <row r="27" spans="1:13">
      <c r="A27" s="15" t="s">
        <v>44</v>
      </c>
      <c r="B27" s="67">
        <v>-4</v>
      </c>
      <c r="C27" s="68">
        <v>0</v>
      </c>
      <c r="D27" s="68">
        <v>-4</v>
      </c>
      <c r="E27" s="67">
        <v>0</v>
      </c>
      <c r="F27" s="68">
        <v>0</v>
      </c>
      <c r="G27" s="69">
        <v>0</v>
      </c>
      <c r="H27" s="68">
        <v>3</v>
      </c>
      <c r="I27" s="68">
        <v>2</v>
      </c>
      <c r="J27" s="68">
        <v>1</v>
      </c>
      <c r="K27" s="67">
        <v>7</v>
      </c>
      <c r="L27" s="79">
        <v>2</v>
      </c>
      <c r="M27" s="80">
        <v>5</v>
      </c>
    </row>
    <row r="28" spans="1:13">
      <c r="A28" s="15" t="s">
        <v>46</v>
      </c>
      <c r="B28" s="67">
        <v>7</v>
      </c>
      <c r="C28" s="68">
        <v>-6</v>
      </c>
      <c r="D28" s="68">
        <v>13</v>
      </c>
      <c r="E28" s="67">
        <v>0</v>
      </c>
      <c r="F28" s="68">
        <v>0</v>
      </c>
      <c r="G28" s="69">
        <v>0</v>
      </c>
      <c r="H28" s="68">
        <v>28</v>
      </c>
      <c r="I28" s="68">
        <v>5</v>
      </c>
      <c r="J28" s="68">
        <v>23</v>
      </c>
      <c r="K28" s="67">
        <v>21</v>
      </c>
      <c r="L28" s="79">
        <v>11</v>
      </c>
      <c r="M28" s="80">
        <v>10</v>
      </c>
    </row>
    <row r="29" spans="1:13">
      <c r="A29" s="15" t="s">
        <v>48</v>
      </c>
      <c r="B29" s="67">
        <v>-6</v>
      </c>
      <c r="C29" s="68">
        <v>3</v>
      </c>
      <c r="D29" s="68">
        <v>-9</v>
      </c>
      <c r="E29" s="67">
        <v>0</v>
      </c>
      <c r="F29" s="68">
        <v>0</v>
      </c>
      <c r="G29" s="69">
        <v>0</v>
      </c>
      <c r="H29" s="68">
        <v>19</v>
      </c>
      <c r="I29" s="68">
        <v>10</v>
      </c>
      <c r="J29" s="68">
        <v>9</v>
      </c>
      <c r="K29" s="67">
        <v>25</v>
      </c>
      <c r="L29" s="79">
        <v>7</v>
      </c>
      <c r="M29" s="80">
        <v>18</v>
      </c>
    </row>
    <row r="30" spans="1:13" ht="21" customHeight="1">
      <c r="A30" s="36" t="s">
        <v>50</v>
      </c>
      <c r="B30" s="64">
        <v>100</v>
      </c>
      <c r="C30" s="65">
        <v>28</v>
      </c>
      <c r="D30" s="65">
        <v>72</v>
      </c>
      <c r="E30" s="64">
        <v>0</v>
      </c>
      <c r="F30" s="65">
        <v>0</v>
      </c>
      <c r="G30" s="66">
        <v>0</v>
      </c>
      <c r="H30" s="65">
        <v>400</v>
      </c>
      <c r="I30" s="65">
        <v>150</v>
      </c>
      <c r="J30" s="65">
        <v>250</v>
      </c>
      <c r="K30" s="64">
        <v>300</v>
      </c>
      <c r="L30" s="77">
        <v>122</v>
      </c>
      <c r="M30" s="78">
        <v>178</v>
      </c>
    </row>
    <row r="31" spans="1:13">
      <c r="A31" s="15" t="s">
        <v>52</v>
      </c>
      <c r="B31" s="67">
        <v>123</v>
      </c>
      <c r="C31" s="68">
        <v>45</v>
      </c>
      <c r="D31" s="68">
        <v>78</v>
      </c>
      <c r="E31" s="67">
        <v>0</v>
      </c>
      <c r="F31" s="68">
        <v>0</v>
      </c>
      <c r="G31" s="69">
        <v>0</v>
      </c>
      <c r="H31" s="68">
        <v>159</v>
      </c>
      <c r="I31" s="68">
        <v>58</v>
      </c>
      <c r="J31" s="68">
        <v>101</v>
      </c>
      <c r="K31" s="67">
        <v>36</v>
      </c>
      <c r="L31" s="79">
        <v>13</v>
      </c>
      <c r="M31" s="80">
        <v>23</v>
      </c>
    </row>
    <row r="32" spans="1:13">
      <c r="A32" s="15" t="s">
        <v>54</v>
      </c>
      <c r="B32" s="67">
        <v>-13</v>
      </c>
      <c r="C32" s="68">
        <v>-1</v>
      </c>
      <c r="D32" s="68">
        <v>-12</v>
      </c>
      <c r="E32" s="67">
        <v>0</v>
      </c>
      <c r="F32" s="68">
        <v>0</v>
      </c>
      <c r="G32" s="69">
        <v>0</v>
      </c>
      <c r="H32" s="68">
        <v>37</v>
      </c>
      <c r="I32" s="68">
        <v>21</v>
      </c>
      <c r="J32" s="68">
        <v>16</v>
      </c>
      <c r="K32" s="67">
        <v>50</v>
      </c>
      <c r="L32" s="79">
        <v>22</v>
      </c>
      <c r="M32" s="80">
        <v>28</v>
      </c>
    </row>
    <row r="33" spans="1:13">
      <c r="A33" s="15" t="s">
        <v>56</v>
      </c>
      <c r="B33" s="67">
        <v>11</v>
      </c>
      <c r="C33" s="68">
        <v>-12</v>
      </c>
      <c r="D33" s="68">
        <v>23</v>
      </c>
      <c r="E33" s="67">
        <v>0</v>
      </c>
      <c r="F33" s="68">
        <v>0</v>
      </c>
      <c r="G33" s="69">
        <v>0</v>
      </c>
      <c r="H33" s="68">
        <v>89</v>
      </c>
      <c r="I33" s="68">
        <v>21</v>
      </c>
      <c r="J33" s="68">
        <v>68</v>
      </c>
      <c r="K33" s="67">
        <v>78</v>
      </c>
      <c r="L33" s="79">
        <v>33</v>
      </c>
      <c r="M33" s="80">
        <v>45</v>
      </c>
    </row>
    <row r="34" spans="1:13">
      <c r="A34" s="15" t="s">
        <v>58</v>
      </c>
      <c r="B34" s="67">
        <v>-15</v>
      </c>
      <c r="C34" s="68">
        <v>0</v>
      </c>
      <c r="D34" s="68">
        <v>-15</v>
      </c>
      <c r="E34" s="67">
        <v>0</v>
      </c>
      <c r="F34" s="68">
        <v>0</v>
      </c>
      <c r="G34" s="69">
        <v>0</v>
      </c>
      <c r="H34" s="68">
        <v>61</v>
      </c>
      <c r="I34" s="68">
        <v>25</v>
      </c>
      <c r="J34" s="68">
        <v>36</v>
      </c>
      <c r="K34" s="67">
        <v>76</v>
      </c>
      <c r="L34" s="79">
        <v>25</v>
      </c>
      <c r="M34" s="80">
        <v>51</v>
      </c>
    </row>
    <row r="35" spans="1:13">
      <c r="A35" s="15" t="s">
        <v>60</v>
      </c>
      <c r="B35" s="67">
        <v>-6</v>
      </c>
      <c r="C35" s="68">
        <v>-4</v>
      </c>
      <c r="D35" s="68">
        <v>-2</v>
      </c>
      <c r="E35" s="67">
        <v>0</v>
      </c>
      <c r="F35" s="68">
        <v>0</v>
      </c>
      <c r="G35" s="69">
        <v>0</v>
      </c>
      <c r="H35" s="68">
        <v>54</v>
      </c>
      <c r="I35" s="68">
        <v>25</v>
      </c>
      <c r="J35" s="68">
        <v>29</v>
      </c>
      <c r="K35" s="67">
        <v>60</v>
      </c>
      <c r="L35" s="79">
        <v>29</v>
      </c>
      <c r="M35" s="80">
        <v>31</v>
      </c>
    </row>
    <row r="36" spans="1:13" ht="21" customHeight="1">
      <c r="A36" s="36" t="s">
        <v>62</v>
      </c>
      <c r="B36" s="64">
        <v>-23</v>
      </c>
      <c r="C36" s="65">
        <v>-15</v>
      </c>
      <c r="D36" s="65">
        <v>-8</v>
      </c>
      <c r="E36" s="64">
        <v>0</v>
      </c>
      <c r="F36" s="65">
        <v>0</v>
      </c>
      <c r="G36" s="66">
        <v>0</v>
      </c>
      <c r="H36" s="65">
        <v>237</v>
      </c>
      <c r="I36" s="65">
        <v>111</v>
      </c>
      <c r="J36" s="65">
        <v>126</v>
      </c>
      <c r="K36" s="64">
        <v>260</v>
      </c>
      <c r="L36" s="77">
        <v>126</v>
      </c>
      <c r="M36" s="78">
        <v>134</v>
      </c>
    </row>
    <row r="37" spans="1:13">
      <c r="A37" s="15" t="s">
        <v>64</v>
      </c>
      <c r="B37" s="67">
        <v>1</v>
      </c>
      <c r="C37" s="68">
        <v>-7</v>
      </c>
      <c r="D37" s="68">
        <v>8</v>
      </c>
      <c r="E37" s="67">
        <v>0</v>
      </c>
      <c r="F37" s="68">
        <v>0</v>
      </c>
      <c r="G37" s="69">
        <v>0</v>
      </c>
      <c r="H37" s="68">
        <v>61</v>
      </c>
      <c r="I37" s="68">
        <v>26</v>
      </c>
      <c r="J37" s="68">
        <v>35</v>
      </c>
      <c r="K37" s="67">
        <v>60</v>
      </c>
      <c r="L37" s="79">
        <v>33</v>
      </c>
      <c r="M37" s="80">
        <v>27</v>
      </c>
    </row>
    <row r="38" spans="1:13">
      <c r="A38" s="15" t="s">
        <v>66</v>
      </c>
      <c r="B38" s="67">
        <v>4</v>
      </c>
      <c r="C38" s="68">
        <v>9</v>
      </c>
      <c r="D38" s="68">
        <v>-5</v>
      </c>
      <c r="E38" s="67">
        <v>0</v>
      </c>
      <c r="F38" s="68">
        <v>0</v>
      </c>
      <c r="G38" s="69">
        <v>0</v>
      </c>
      <c r="H38" s="68">
        <v>59</v>
      </c>
      <c r="I38" s="68">
        <v>31</v>
      </c>
      <c r="J38" s="68">
        <v>28</v>
      </c>
      <c r="K38" s="67">
        <v>55</v>
      </c>
      <c r="L38" s="79">
        <v>22</v>
      </c>
      <c r="M38" s="80">
        <v>33</v>
      </c>
    </row>
    <row r="39" spans="1:13">
      <c r="A39" s="15" t="s">
        <v>68</v>
      </c>
      <c r="B39" s="67">
        <v>-7</v>
      </c>
      <c r="C39" s="68">
        <v>-3</v>
      </c>
      <c r="D39" s="68">
        <v>-4</v>
      </c>
      <c r="E39" s="67">
        <v>0</v>
      </c>
      <c r="F39" s="68">
        <v>0</v>
      </c>
      <c r="G39" s="69">
        <v>0</v>
      </c>
      <c r="H39" s="68">
        <v>45</v>
      </c>
      <c r="I39" s="68">
        <v>19</v>
      </c>
      <c r="J39" s="68">
        <v>26</v>
      </c>
      <c r="K39" s="67">
        <v>52</v>
      </c>
      <c r="L39" s="79">
        <v>22</v>
      </c>
      <c r="M39" s="80">
        <v>30</v>
      </c>
    </row>
    <row r="40" spans="1:13">
      <c r="A40" s="15" t="s">
        <v>70</v>
      </c>
      <c r="B40" s="67">
        <v>-3</v>
      </c>
      <c r="C40" s="68">
        <v>-4</v>
      </c>
      <c r="D40" s="68">
        <v>1</v>
      </c>
      <c r="E40" s="67">
        <v>0</v>
      </c>
      <c r="F40" s="68">
        <v>0</v>
      </c>
      <c r="G40" s="69">
        <v>0</v>
      </c>
      <c r="H40" s="68">
        <v>42</v>
      </c>
      <c r="I40" s="68">
        <v>20</v>
      </c>
      <c r="J40" s="68">
        <v>22</v>
      </c>
      <c r="K40" s="67">
        <v>45</v>
      </c>
      <c r="L40" s="79">
        <v>24</v>
      </c>
      <c r="M40" s="80">
        <v>21</v>
      </c>
    </row>
    <row r="41" spans="1:13">
      <c r="A41" s="15" t="s">
        <v>72</v>
      </c>
      <c r="B41" s="67">
        <v>-18</v>
      </c>
      <c r="C41" s="68">
        <v>-10</v>
      </c>
      <c r="D41" s="68">
        <v>-8</v>
      </c>
      <c r="E41" s="67">
        <v>0</v>
      </c>
      <c r="F41" s="68">
        <v>0</v>
      </c>
      <c r="G41" s="69">
        <v>0</v>
      </c>
      <c r="H41" s="68">
        <v>30</v>
      </c>
      <c r="I41" s="68">
        <v>15</v>
      </c>
      <c r="J41" s="68">
        <v>15</v>
      </c>
      <c r="K41" s="67">
        <v>48</v>
      </c>
      <c r="L41" s="79">
        <v>25</v>
      </c>
      <c r="M41" s="80">
        <v>23</v>
      </c>
    </row>
    <row r="42" spans="1:13" ht="21" customHeight="1">
      <c r="A42" s="36" t="s">
        <v>74</v>
      </c>
      <c r="B42" s="64">
        <v>-14</v>
      </c>
      <c r="C42" s="65">
        <v>-8</v>
      </c>
      <c r="D42" s="65">
        <v>-6</v>
      </c>
      <c r="E42" s="64">
        <v>0</v>
      </c>
      <c r="F42" s="65">
        <v>0</v>
      </c>
      <c r="G42" s="66">
        <v>0</v>
      </c>
      <c r="H42" s="65">
        <v>106</v>
      </c>
      <c r="I42" s="65">
        <v>48</v>
      </c>
      <c r="J42" s="65">
        <v>58</v>
      </c>
      <c r="K42" s="64">
        <v>120</v>
      </c>
      <c r="L42" s="77">
        <v>56</v>
      </c>
      <c r="M42" s="78">
        <v>64</v>
      </c>
    </row>
    <row r="43" spans="1:13">
      <c r="A43" s="15" t="s">
        <v>76</v>
      </c>
      <c r="B43" s="67">
        <v>1</v>
      </c>
      <c r="C43" s="68">
        <v>-1</v>
      </c>
      <c r="D43" s="68">
        <v>2</v>
      </c>
      <c r="E43" s="67">
        <v>0</v>
      </c>
      <c r="F43" s="68">
        <v>0</v>
      </c>
      <c r="G43" s="69">
        <v>0</v>
      </c>
      <c r="H43" s="68">
        <v>29</v>
      </c>
      <c r="I43" s="68">
        <v>12</v>
      </c>
      <c r="J43" s="68">
        <v>17</v>
      </c>
      <c r="K43" s="67">
        <v>28</v>
      </c>
      <c r="L43" s="79">
        <v>13</v>
      </c>
      <c r="M43" s="80">
        <v>15</v>
      </c>
    </row>
    <row r="44" spans="1:13">
      <c r="A44" s="15" t="s">
        <v>78</v>
      </c>
      <c r="B44" s="67">
        <v>-6</v>
      </c>
      <c r="C44" s="68">
        <v>-8</v>
      </c>
      <c r="D44" s="68">
        <v>2</v>
      </c>
      <c r="E44" s="67">
        <v>0</v>
      </c>
      <c r="F44" s="68">
        <v>0</v>
      </c>
      <c r="G44" s="69">
        <v>0</v>
      </c>
      <c r="H44" s="68">
        <v>23</v>
      </c>
      <c r="I44" s="68">
        <v>8</v>
      </c>
      <c r="J44" s="68">
        <v>15</v>
      </c>
      <c r="K44" s="67">
        <v>29</v>
      </c>
      <c r="L44" s="79">
        <v>16</v>
      </c>
      <c r="M44" s="80">
        <v>13</v>
      </c>
    </row>
    <row r="45" spans="1:13">
      <c r="A45" s="15" t="s">
        <v>80</v>
      </c>
      <c r="B45" s="67">
        <v>0</v>
      </c>
      <c r="C45" s="68">
        <v>5</v>
      </c>
      <c r="D45" s="68">
        <v>-5</v>
      </c>
      <c r="E45" s="67">
        <v>0</v>
      </c>
      <c r="F45" s="68">
        <v>0</v>
      </c>
      <c r="G45" s="69">
        <v>0</v>
      </c>
      <c r="H45" s="68">
        <v>24</v>
      </c>
      <c r="I45" s="68">
        <v>11</v>
      </c>
      <c r="J45" s="68">
        <v>13</v>
      </c>
      <c r="K45" s="67">
        <v>24</v>
      </c>
      <c r="L45" s="79">
        <v>6</v>
      </c>
      <c r="M45" s="80">
        <v>18</v>
      </c>
    </row>
    <row r="46" spans="1:13">
      <c r="A46" s="15" t="s">
        <v>82</v>
      </c>
      <c r="B46" s="67">
        <v>-8</v>
      </c>
      <c r="C46" s="68">
        <v>-6</v>
      </c>
      <c r="D46" s="68">
        <v>-2</v>
      </c>
      <c r="E46" s="67">
        <v>0</v>
      </c>
      <c r="F46" s="68">
        <v>0</v>
      </c>
      <c r="G46" s="69">
        <v>0</v>
      </c>
      <c r="H46" s="68">
        <v>18</v>
      </c>
      <c r="I46" s="68">
        <v>7</v>
      </c>
      <c r="J46" s="68">
        <v>11</v>
      </c>
      <c r="K46" s="67">
        <v>26</v>
      </c>
      <c r="L46" s="79">
        <v>13</v>
      </c>
      <c r="M46" s="80">
        <v>13</v>
      </c>
    </row>
    <row r="47" spans="1:13">
      <c r="A47" s="15" t="s">
        <v>84</v>
      </c>
      <c r="B47" s="67">
        <v>-1</v>
      </c>
      <c r="C47" s="68">
        <v>2</v>
      </c>
      <c r="D47" s="68">
        <v>-3</v>
      </c>
      <c r="E47" s="67">
        <v>0</v>
      </c>
      <c r="F47" s="68">
        <v>0</v>
      </c>
      <c r="G47" s="69">
        <v>0</v>
      </c>
      <c r="H47" s="68">
        <v>12</v>
      </c>
      <c r="I47" s="68">
        <v>10</v>
      </c>
      <c r="J47" s="68">
        <v>2</v>
      </c>
      <c r="K47" s="67">
        <v>13</v>
      </c>
      <c r="L47" s="79">
        <v>8</v>
      </c>
      <c r="M47" s="80">
        <v>5</v>
      </c>
    </row>
    <row r="48" spans="1:13" ht="21" customHeight="1">
      <c r="A48" s="36" t="s">
        <v>86</v>
      </c>
      <c r="B48" s="64">
        <v>-15</v>
      </c>
      <c r="C48" s="65">
        <v>-6</v>
      </c>
      <c r="D48" s="65">
        <v>-9</v>
      </c>
      <c r="E48" s="64">
        <v>1</v>
      </c>
      <c r="F48" s="65">
        <v>1</v>
      </c>
      <c r="G48" s="66">
        <v>0</v>
      </c>
      <c r="H48" s="65">
        <v>53</v>
      </c>
      <c r="I48" s="65">
        <v>28</v>
      </c>
      <c r="J48" s="65">
        <v>25</v>
      </c>
      <c r="K48" s="64">
        <v>67</v>
      </c>
      <c r="L48" s="77">
        <v>33</v>
      </c>
      <c r="M48" s="78">
        <v>34</v>
      </c>
    </row>
    <row r="49" spans="1:13">
      <c r="A49" s="15" t="s">
        <v>88</v>
      </c>
      <c r="B49" s="67">
        <v>-4</v>
      </c>
      <c r="C49" s="68">
        <v>-3</v>
      </c>
      <c r="D49" s="68">
        <v>-1</v>
      </c>
      <c r="E49" s="67">
        <v>0</v>
      </c>
      <c r="F49" s="68">
        <v>0</v>
      </c>
      <c r="G49" s="69">
        <v>0</v>
      </c>
      <c r="H49" s="68">
        <v>6</v>
      </c>
      <c r="I49" s="68">
        <v>4</v>
      </c>
      <c r="J49" s="68">
        <v>2</v>
      </c>
      <c r="K49" s="67">
        <v>10</v>
      </c>
      <c r="L49" s="79">
        <v>7</v>
      </c>
      <c r="M49" s="80">
        <v>3</v>
      </c>
    </row>
    <row r="50" spans="1:13">
      <c r="A50" s="15" t="s">
        <v>90</v>
      </c>
      <c r="B50" s="67">
        <v>-9</v>
      </c>
      <c r="C50" s="68">
        <v>-4</v>
      </c>
      <c r="D50" s="68">
        <v>-5</v>
      </c>
      <c r="E50" s="67">
        <v>0</v>
      </c>
      <c r="F50" s="68">
        <v>0</v>
      </c>
      <c r="G50" s="69">
        <v>0</v>
      </c>
      <c r="H50" s="68">
        <v>16</v>
      </c>
      <c r="I50" s="68">
        <v>6</v>
      </c>
      <c r="J50" s="68">
        <v>10</v>
      </c>
      <c r="K50" s="67">
        <v>25</v>
      </c>
      <c r="L50" s="79">
        <v>10</v>
      </c>
      <c r="M50" s="80">
        <v>15</v>
      </c>
    </row>
    <row r="51" spans="1:13">
      <c r="A51" s="15" t="s">
        <v>92</v>
      </c>
      <c r="B51" s="67">
        <v>-2</v>
      </c>
      <c r="C51" s="68">
        <v>-1</v>
      </c>
      <c r="D51" s="68">
        <v>-1</v>
      </c>
      <c r="E51" s="67">
        <v>1</v>
      </c>
      <c r="F51" s="68">
        <v>1</v>
      </c>
      <c r="G51" s="69">
        <v>0</v>
      </c>
      <c r="H51" s="68">
        <v>10</v>
      </c>
      <c r="I51" s="68">
        <v>5</v>
      </c>
      <c r="J51" s="68">
        <v>5</v>
      </c>
      <c r="K51" s="67">
        <v>11</v>
      </c>
      <c r="L51" s="79">
        <v>5</v>
      </c>
      <c r="M51" s="80">
        <v>6</v>
      </c>
    </row>
    <row r="52" spans="1:13">
      <c r="A52" s="15" t="s">
        <v>94</v>
      </c>
      <c r="B52" s="67">
        <v>2</v>
      </c>
      <c r="C52" s="68">
        <v>1</v>
      </c>
      <c r="D52" s="68">
        <v>1</v>
      </c>
      <c r="E52" s="67">
        <v>0</v>
      </c>
      <c r="F52" s="68">
        <v>0</v>
      </c>
      <c r="G52" s="69">
        <v>0</v>
      </c>
      <c r="H52" s="68">
        <v>12</v>
      </c>
      <c r="I52" s="68">
        <v>8</v>
      </c>
      <c r="J52" s="68">
        <v>4</v>
      </c>
      <c r="K52" s="67">
        <v>10</v>
      </c>
      <c r="L52" s="79">
        <v>7</v>
      </c>
      <c r="M52" s="80">
        <v>3</v>
      </c>
    </row>
    <row r="53" spans="1:13">
      <c r="A53" s="15" t="s">
        <v>96</v>
      </c>
      <c r="B53" s="67">
        <v>-2</v>
      </c>
      <c r="C53" s="68">
        <v>1</v>
      </c>
      <c r="D53" s="68">
        <v>-3</v>
      </c>
      <c r="E53" s="67">
        <v>0</v>
      </c>
      <c r="F53" s="68">
        <v>0</v>
      </c>
      <c r="G53" s="69">
        <v>0</v>
      </c>
      <c r="H53" s="68">
        <v>9</v>
      </c>
      <c r="I53" s="68">
        <v>5</v>
      </c>
      <c r="J53" s="68">
        <v>4</v>
      </c>
      <c r="K53" s="67">
        <v>11</v>
      </c>
      <c r="L53" s="79">
        <v>4</v>
      </c>
      <c r="M53" s="80">
        <v>7</v>
      </c>
    </row>
    <row r="54" spans="1:13" ht="21" customHeight="1">
      <c r="A54" s="36" t="s">
        <v>98</v>
      </c>
      <c r="B54" s="64">
        <v>9</v>
      </c>
      <c r="C54" s="65">
        <v>3</v>
      </c>
      <c r="D54" s="65">
        <v>6</v>
      </c>
      <c r="E54" s="64">
        <v>0</v>
      </c>
      <c r="F54" s="65">
        <v>0</v>
      </c>
      <c r="G54" s="66">
        <v>0</v>
      </c>
      <c r="H54" s="65">
        <v>53</v>
      </c>
      <c r="I54" s="65">
        <v>30</v>
      </c>
      <c r="J54" s="65">
        <v>23</v>
      </c>
      <c r="K54" s="64">
        <v>44</v>
      </c>
      <c r="L54" s="77">
        <v>27</v>
      </c>
      <c r="M54" s="78">
        <v>17</v>
      </c>
    </row>
    <row r="55" spans="1:13">
      <c r="A55" s="15" t="s">
        <v>100</v>
      </c>
      <c r="B55" s="67">
        <v>5</v>
      </c>
      <c r="C55" s="68">
        <v>0</v>
      </c>
      <c r="D55" s="68">
        <v>5</v>
      </c>
      <c r="E55" s="67">
        <v>0</v>
      </c>
      <c r="F55" s="68">
        <v>0</v>
      </c>
      <c r="G55" s="69">
        <v>0</v>
      </c>
      <c r="H55" s="68">
        <v>12</v>
      </c>
      <c r="I55" s="68">
        <v>5</v>
      </c>
      <c r="J55" s="68">
        <v>7</v>
      </c>
      <c r="K55" s="67">
        <v>7</v>
      </c>
      <c r="L55" s="79">
        <v>5</v>
      </c>
      <c r="M55" s="80">
        <v>2</v>
      </c>
    </row>
    <row r="56" spans="1:13">
      <c r="A56" s="15" t="s">
        <v>102</v>
      </c>
      <c r="B56" s="67">
        <v>0</v>
      </c>
      <c r="C56" s="68">
        <v>-1</v>
      </c>
      <c r="D56" s="68">
        <v>1</v>
      </c>
      <c r="E56" s="67">
        <v>0</v>
      </c>
      <c r="F56" s="68">
        <v>0</v>
      </c>
      <c r="G56" s="69">
        <v>0</v>
      </c>
      <c r="H56" s="68">
        <v>9</v>
      </c>
      <c r="I56" s="68">
        <v>5</v>
      </c>
      <c r="J56" s="68">
        <v>4</v>
      </c>
      <c r="K56" s="67">
        <v>9</v>
      </c>
      <c r="L56" s="79">
        <v>6</v>
      </c>
      <c r="M56" s="80">
        <v>3</v>
      </c>
    </row>
    <row r="57" spans="1:13">
      <c r="A57" s="15" t="s">
        <v>104</v>
      </c>
      <c r="B57" s="67">
        <v>4</v>
      </c>
      <c r="C57" s="68">
        <v>3</v>
      </c>
      <c r="D57" s="68">
        <v>1</v>
      </c>
      <c r="E57" s="67">
        <v>0</v>
      </c>
      <c r="F57" s="68">
        <v>0</v>
      </c>
      <c r="G57" s="69">
        <v>0</v>
      </c>
      <c r="H57" s="68">
        <v>12</v>
      </c>
      <c r="I57" s="68">
        <v>6</v>
      </c>
      <c r="J57" s="68">
        <v>6</v>
      </c>
      <c r="K57" s="67">
        <v>8</v>
      </c>
      <c r="L57" s="79">
        <v>3</v>
      </c>
      <c r="M57" s="80">
        <v>5</v>
      </c>
    </row>
    <row r="58" spans="1:13">
      <c r="A58" s="15" t="s">
        <v>106</v>
      </c>
      <c r="B58" s="67">
        <v>4</v>
      </c>
      <c r="C58" s="68">
        <v>3</v>
      </c>
      <c r="D58" s="68">
        <v>1</v>
      </c>
      <c r="E58" s="67">
        <v>0</v>
      </c>
      <c r="F58" s="68">
        <v>0</v>
      </c>
      <c r="G58" s="69">
        <v>0</v>
      </c>
      <c r="H58" s="68">
        <v>13</v>
      </c>
      <c r="I58" s="68">
        <v>10</v>
      </c>
      <c r="J58" s="68">
        <v>3</v>
      </c>
      <c r="K58" s="67">
        <v>9</v>
      </c>
      <c r="L58" s="79">
        <v>7</v>
      </c>
      <c r="M58" s="80">
        <v>2</v>
      </c>
    </row>
    <row r="59" spans="1:13">
      <c r="A59" s="15" t="s">
        <v>108</v>
      </c>
      <c r="B59" s="67">
        <v>-4</v>
      </c>
      <c r="C59" s="68">
        <v>-2</v>
      </c>
      <c r="D59" s="68">
        <v>-2</v>
      </c>
      <c r="E59" s="67">
        <v>0</v>
      </c>
      <c r="F59" s="68">
        <v>0</v>
      </c>
      <c r="G59" s="69">
        <v>0</v>
      </c>
      <c r="H59" s="68">
        <v>7</v>
      </c>
      <c r="I59" s="68">
        <v>4</v>
      </c>
      <c r="J59" s="68">
        <v>3</v>
      </c>
      <c r="K59" s="67">
        <v>11</v>
      </c>
      <c r="L59" s="79">
        <v>6</v>
      </c>
      <c r="M59" s="80">
        <v>5</v>
      </c>
    </row>
    <row r="60" spans="1:13" ht="21" customHeight="1">
      <c r="A60" s="36" t="s">
        <v>110</v>
      </c>
      <c r="B60" s="64">
        <v>-11</v>
      </c>
      <c r="C60" s="65">
        <v>-2</v>
      </c>
      <c r="D60" s="65">
        <v>-9</v>
      </c>
      <c r="E60" s="64">
        <v>2</v>
      </c>
      <c r="F60" s="65">
        <v>2</v>
      </c>
      <c r="G60" s="66">
        <v>0</v>
      </c>
      <c r="H60" s="65">
        <v>44</v>
      </c>
      <c r="I60" s="65">
        <v>25</v>
      </c>
      <c r="J60" s="65">
        <v>19</v>
      </c>
      <c r="K60" s="64">
        <v>53</v>
      </c>
      <c r="L60" s="77">
        <v>25</v>
      </c>
      <c r="M60" s="78">
        <v>28</v>
      </c>
    </row>
    <row r="61" spans="1:13">
      <c r="A61" s="15" t="s">
        <v>112</v>
      </c>
      <c r="B61" s="67">
        <v>-11</v>
      </c>
      <c r="C61" s="68">
        <v>-5</v>
      </c>
      <c r="D61" s="68">
        <v>-6</v>
      </c>
      <c r="E61" s="67">
        <v>1</v>
      </c>
      <c r="F61" s="68">
        <v>1</v>
      </c>
      <c r="G61" s="69">
        <v>0</v>
      </c>
      <c r="H61" s="68">
        <v>5</v>
      </c>
      <c r="I61" s="68">
        <v>3</v>
      </c>
      <c r="J61" s="68">
        <v>2</v>
      </c>
      <c r="K61" s="67">
        <v>15</v>
      </c>
      <c r="L61" s="79">
        <v>7</v>
      </c>
      <c r="M61" s="80">
        <v>8</v>
      </c>
    </row>
    <row r="62" spans="1:13">
      <c r="A62" s="15" t="s">
        <v>114</v>
      </c>
      <c r="B62" s="67">
        <v>0</v>
      </c>
      <c r="C62" s="68">
        <v>0</v>
      </c>
      <c r="D62" s="68">
        <v>0</v>
      </c>
      <c r="E62" s="67">
        <v>0</v>
      </c>
      <c r="F62" s="68">
        <v>0</v>
      </c>
      <c r="G62" s="69">
        <v>0</v>
      </c>
      <c r="H62" s="68">
        <v>11</v>
      </c>
      <c r="I62" s="68">
        <v>7</v>
      </c>
      <c r="J62" s="68">
        <v>4</v>
      </c>
      <c r="K62" s="67">
        <v>11</v>
      </c>
      <c r="L62" s="79">
        <v>7</v>
      </c>
      <c r="M62" s="80">
        <v>4</v>
      </c>
    </row>
    <row r="63" spans="1:13">
      <c r="A63" s="15" t="s">
        <v>116</v>
      </c>
      <c r="B63" s="67">
        <v>-1</v>
      </c>
      <c r="C63" s="68">
        <v>2</v>
      </c>
      <c r="D63" s="68">
        <v>-3</v>
      </c>
      <c r="E63" s="67">
        <v>0</v>
      </c>
      <c r="F63" s="68">
        <v>0</v>
      </c>
      <c r="G63" s="69">
        <v>0</v>
      </c>
      <c r="H63" s="68">
        <v>8</v>
      </c>
      <c r="I63" s="68">
        <v>6</v>
      </c>
      <c r="J63" s="68">
        <v>2</v>
      </c>
      <c r="K63" s="67">
        <v>9</v>
      </c>
      <c r="L63" s="79">
        <v>4</v>
      </c>
      <c r="M63" s="80">
        <v>5</v>
      </c>
    </row>
    <row r="64" spans="1:13">
      <c r="A64" s="15" t="s">
        <v>118</v>
      </c>
      <c r="B64" s="67">
        <v>5</v>
      </c>
      <c r="C64" s="68">
        <v>4</v>
      </c>
      <c r="D64" s="68">
        <v>1</v>
      </c>
      <c r="E64" s="67">
        <v>1</v>
      </c>
      <c r="F64" s="68">
        <v>1</v>
      </c>
      <c r="G64" s="69">
        <v>0</v>
      </c>
      <c r="H64" s="68">
        <v>11</v>
      </c>
      <c r="I64" s="68">
        <v>6</v>
      </c>
      <c r="J64" s="68">
        <v>5</v>
      </c>
      <c r="K64" s="67">
        <v>5</v>
      </c>
      <c r="L64" s="79">
        <v>1</v>
      </c>
      <c r="M64" s="80">
        <v>4</v>
      </c>
    </row>
    <row r="65" spans="1:13">
      <c r="A65" s="19" t="s">
        <v>120</v>
      </c>
      <c r="B65" s="70">
        <v>-4</v>
      </c>
      <c r="C65" s="71">
        <v>-3</v>
      </c>
      <c r="D65" s="71">
        <v>-1</v>
      </c>
      <c r="E65" s="70">
        <v>0</v>
      </c>
      <c r="F65" s="71">
        <v>0</v>
      </c>
      <c r="G65" s="72">
        <v>0</v>
      </c>
      <c r="H65" s="71">
        <v>9</v>
      </c>
      <c r="I65" s="71">
        <v>3</v>
      </c>
      <c r="J65" s="71">
        <v>6</v>
      </c>
      <c r="K65" s="70">
        <v>13</v>
      </c>
      <c r="L65" s="81">
        <v>6</v>
      </c>
      <c r="M65" s="82">
        <v>7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23</v>
      </c>
      <c r="C69" s="50">
        <v>12</v>
      </c>
      <c r="D69" s="84">
        <v>11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15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219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9</v>
      </c>
      <c r="C75" s="65">
        <v>-7</v>
      </c>
      <c r="D75" s="65">
        <v>-2</v>
      </c>
      <c r="E75" s="64">
        <v>2</v>
      </c>
      <c r="F75" s="65">
        <v>1</v>
      </c>
      <c r="G75" s="66">
        <v>1</v>
      </c>
      <c r="H75" s="65">
        <v>35</v>
      </c>
      <c r="I75" s="65">
        <v>18</v>
      </c>
      <c r="J75" s="65">
        <v>17</v>
      </c>
      <c r="K75" s="64">
        <v>42</v>
      </c>
      <c r="L75" s="77">
        <v>24</v>
      </c>
      <c r="M75" s="78">
        <v>18</v>
      </c>
    </row>
    <row r="76" spans="1:13">
      <c r="A76" s="27" t="s">
        <v>5</v>
      </c>
      <c r="B76" s="67">
        <v>-5</v>
      </c>
      <c r="C76" s="68">
        <v>-5</v>
      </c>
      <c r="D76" s="68">
        <v>0</v>
      </c>
      <c r="E76" s="67">
        <v>1</v>
      </c>
      <c r="F76" s="68">
        <v>1</v>
      </c>
      <c r="G76" s="69">
        <v>0</v>
      </c>
      <c r="H76" s="68">
        <v>8</v>
      </c>
      <c r="I76" s="68">
        <v>4</v>
      </c>
      <c r="J76" s="68">
        <v>4</v>
      </c>
      <c r="K76" s="67">
        <v>12</v>
      </c>
      <c r="L76" s="79">
        <v>8</v>
      </c>
      <c r="M76" s="80">
        <v>4</v>
      </c>
    </row>
    <row r="77" spans="1:13">
      <c r="A77" s="27" t="s">
        <v>7</v>
      </c>
      <c r="B77" s="67">
        <v>-1</v>
      </c>
      <c r="C77" s="68">
        <v>-2</v>
      </c>
      <c r="D77" s="68">
        <v>1</v>
      </c>
      <c r="E77" s="67">
        <v>0</v>
      </c>
      <c r="F77" s="68">
        <v>0</v>
      </c>
      <c r="G77" s="69">
        <v>0</v>
      </c>
      <c r="H77" s="68">
        <v>8</v>
      </c>
      <c r="I77" s="68">
        <v>4</v>
      </c>
      <c r="J77" s="68">
        <v>4</v>
      </c>
      <c r="K77" s="67">
        <v>9</v>
      </c>
      <c r="L77" s="79">
        <v>6</v>
      </c>
      <c r="M77" s="80">
        <v>3</v>
      </c>
    </row>
    <row r="78" spans="1:13">
      <c r="A78" s="27" t="s">
        <v>9</v>
      </c>
      <c r="B78" s="67">
        <v>-4</v>
      </c>
      <c r="C78" s="68">
        <v>-2</v>
      </c>
      <c r="D78" s="68">
        <v>-2</v>
      </c>
      <c r="E78" s="67">
        <v>0</v>
      </c>
      <c r="F78" s="68">
        <v>0</v>
      </c>
      <c r="G78" s="69">
        <v>0</v>
      </c>
      <c r="H78" s="68">
        <v>5</v>
      </c>
      <c r="I78" s="68">
        <v>3</v>
      </c>
      <c r="J78" s="68">
        <v>2</v>
      </c>
      <c r="K78" s="67">
        <v>9</v>
      </c>
      <c r="L78" s="79">
        <v>5</v>
      </c>
      <c r="M78" s="80">
        <v>4</v>
      </c>
    </row>
    <row r="79" spans="1:13">
      <c r="A79" s="27" t="s">
        <v>11</v>
      </c>
      <c r="B79" s="67">
        <v>-2</v>
      </c>
      <c r="C79" s="68">
        <v>0</v>
      </c>
      <c r="D79" s="68">
        <v>-2</v>
      </c>
      <c r="E79" s="67">
        <v>1</v>
      </c>
      <c r="F79" s="68">
        <v>0</v>
      </c>
      <c r="G79" s="69">
        <v>1</v>
      </c>
      <c r="H79" s="68">
        <v>6</v>
      </c>
      <c r="I79" s="68">
        <v>2</v>
      </c>
      <c r="J79" s="68">
        <v>4</v>
      </c>
      <c r="K79" s="67">
        <v>7</v>
      </c>
      <c r="L79" s="79">
        <v>2</v>
      </c>
      <c r="M79" s="80">
        <v>5</v>
      </c>
    </row>
    <row r="80" spans="1:13">
      <c r="A80" s="27" t="s">
        <v>13</v>
      </c>
      <c r="B80" s="67">
        <v>3</v>
      </c>
      <c r="C80" s="68">
        <v>2</v>
      </c>
      <c r="D80" s="68">
        <v>1</v>
      </c>
      <c r="E80" s="67">
        <v>0</v>
      </c>
      <c r="F80" s="68">
        <v>0</v>
      </c>
      <c r="G80" s="69">
        <v>0</v>
      </c>
      <c r="H80" s="68">
        <v>8</v>
      </c>
      <c r="I80" s="68">
        <v>5</v>
      </c>
      <c r="J80" s="68">
        <v>3</v>
      </c>
      <c r="K80" s="67">
        <v>5</v>
      </c>
      <c r="L80" s="79">
        <v>3</v>
      </c>
      <c r="M80" s="80">
        <v>2</v>
      </c>
    </row>
    <row r="81" spans="1:13" ht="21" customHeight="1">
      <c r="A81" s="38" t="s">
        <v>15</v>
      </c>
      <c r="B81" s="64">
        <v>7</v>
      </c>
      <c r="C81" s="65">
        <v>6</v>
      </c>
      <c r="D81" s="65">
        <v>1</v>
      </c>
      <c r="E81" s="64">
        <v>4</v>
      </c>
      <c r="F81" s="65">
        <v>2</v>
      </c>
      <c r="G81" s="66">
        <v>2</v>
      </c>
      <c r="H81" s="65">
        <v>44</v>
      </c>
      <c r="I81" s="65">
        <v>21</v>
      </c>
      <c r="J81" s="65">
        <v>23</v>
      </c>
      <c r="K81" s="64">
        <v>33</v>
      </c>
      <c r="L81" s="77">
        <v>13</v>
      </c>
      <c r="M81" s="78">
        <v>20</v>
      </c>
    </row>
    <row r="82" spans="1:13">
      <c r="A82" s="27" t="s">
        <v>17</v>
      </c>
      <c r="B82" s="67">
        <v>3</v>
      </c>
      <c r="C82" s="68">
        <v>3</v>
      </c>
      <c r="D82" s="68">
        <v>0</v>
      </c>
      <c r="E82" s="67">
        <v>0</v>
      </c>
      <c r="F82" s="68">
        <v>0</v>
      </c>
      <c r="G82" s="69">
        <v>0</v>
      </c>
      <c r="H82" s="68">
        <v>8</v>
      </c>
      <c r="I82" s="68">
        <v>4</v>
      </c>
      <c r="J82" s="68">
        <v>4</v>
      </c>
      <c r="K82" s="67">
        <v>5</v>
      </c>
      <c r="L82" s="79">
        <v>1</v>
      </c>
      <c r="M82" s="80">
        <v>4</v>
      </c>
    </row>
    <row r="83" spans="1:13">
      <c r="A83" s="27" t="s">
        <v>19</v>
      </c>
      <c r="B83" s="67">
        <v>3</v>
      </c>
      <c r="C83" s="68">
        <v>2</v>
      </c>
      <c r="D83" s="68">
        <v>1</v>
      </c>
      <c r="E83" s="67">
        <v>0</v>
      </c>
      <c r="F83" s="68">
        <v>0</v>
      </c>
      <c r="G83" s="69">
        <v>0</v>
      </c>
      <c r="H83" s="68">
        <v>10</v>
      </c>
      <c r="I83" s="68">
        <v>4</v>
      </c>
      <c r="J83" s="68">
        <v>6</v>
      </c>
      <c r="K83" s="67">
        <v>7</v>
      </c>
      <c r="L83" s="79">
        <v>2</v>
      </c>
      <c r="M83" s="80">
        <v>5</v>
      </c>
    </row>
    <row r="84" spans="1:13">
      <c r="A84" s="27" t="s">
        <v>21</v>
      </c>
      <c r="B84" s="67">
        <v>-2</v>
      </c>
      <c r="C84" s="68">
        <v>-2</v>
      </c>
      <c r="D84" s="68">
        <v>0</v>
      </c>
      <c r="E84" s="67">
        <v>3</v>
      </c>
      <c r="F84" s="68">
        <v>1</v>
      </c>
      <c r="G84" s="69">
        <v>2</v>
      </c>
      <c r="H84" s="68">
        <v>9</v>
      </c>
      <c r="I84" s="68">
        <v>3</v>
      </c>
      <c r="J84" s="68">
        <v>6</v>
      </c>
      <c r="K84" s="67">
        <v>8</v>
      </c>
      <c r="L84" s="79">
        <v>4</v>
      </c>
      <c r="M84" s="80">
        <v>4</v>
      </c>
    </row>
    <row r="85" spans="1:13">
      <c r="A85" s="27" t="s">
        <v>23</v>
      </c>
      <c r="B85" s="67">
        <v>2</v>
      </c>
      <c r="C85" s="68">
        <v>3</v>
      </c>
      <c r="D85" s="68">
        <v>-1</v>
      </c>
      <c r="E85" s="67">
        <v>0</v>
      </c>
      <c r="F85" s="68">
        <v>0</v>
      </c>
      <c r="G85" s="69">
        <v>0</v>
      </c>
      <c r="H85" s="68">
        <v>10</v>
      </c>
      <c r="I85" s="68">
        <v>7</v>
      </c>
      <c r="J85" s="68">
        <v>3</v>
      </c>
      <c r="K85" s="67">
        <v>8</v>
      </c>
      <c r="L85" s="79">
        <v>4</v>
      </c>
      <c r="M85" s="80">
        <v>4</v>
      </c>
    </row>
    <row r="86" spans="1:13">
      <c r="A86" s="27" t="s">
        <v>25</v>
      </c>
      <c r="B86" s="67">
        <v>1</v>
      </c>
      <c r="C86" s="68">
        <v>0</v>
      </c>
      <c r="D86" s="68">
        <v>1</v>
      </c>
      <c r="E86" s="67">
        <v>1</v>
      </c>
      <c r="F86" s="68">
        <v>1</v>
      </c>
      <c r="G86" s="69">
        <v>0</v>
      </c>
      <c r="H86" s="68">
        <v>7</v>
      </c>
      <c r="I86" s="68">
        <v>3</v>
      </c>
      <c r="J86" s="68">
        <v>4</v>
      </c>
      <c r="K86" s="67">
        <v>5</v>
      </c>
      <c r="L86" s="79">
        <v>2</v>
      </c>
      <c r="M86" s="80">
        <v>3</v>
      </c>
    </row>
    <row r="87" spans="1:13" ht="21" customHeight="1">
      <c r="A87" s="38" t="s">
        <v>27</v>
      </c>
      <c r="B87" s="64">
        <v>-10</v>
      </c>
      <c r="C87" s="65">
        <v>4</v>
      </c>
      <c r="D87" s="65">
        <v>-14</v>
      </c>
      <c r="E87" s="64">
        <v>5</v>
      </c>
      <c r="F87" s="65">
        <v>5</v>
      </c>
      <c r="G87" s="66">
        <v>0</v>
      </c>
      <c r="H87" s="65">
        <v>31</v>
      </c>
      <c r="I87" s="65">
        <v>22</v>
      </c>
      <c r="J87" s="65">
        <v>9</v>
      </c>
      <c r="K87" s="64">
        <v>36</v>
      </c>
      <c r="L87" s="77">
        <v>13</v>
      </c>
      <c r="M87" s="78">
        <v>23</v>
      </c>
    </row>
    <row r="88" spans="1:13">
      <c r="A88" s="27" t="s">
        <v>29</v>
      </c>
      <c r="B88" s="67">
        <v>4</v>
      </c>
      <c r="C88" s="68">
        <v>5</v>
      </c>
      <c r="D88" s="68">
        <v>-1</v>
      </c>
      <c r="E88" s="67">
        <v>0</v>
      </c>
      <c r="F88" s="68">
        <v>0</v>
      </c>
      <c r="G88" s="69">
        <v>0</v>
      </c>
      <c r="H88" s="68">
        <v>8</v>
      </c>
      <c r="I88" s="68">
        <v>6</v>
      </c>
      <c r="J88" s="68">
        <v>2</v>
      </c>
      <c r="K88" s="67">
        <v>4</v>
      </c>
      <c r="L88" s="79">
        <v>1</v>
      </c>
      <c r="M88" s="80">
        <v>3</v>
      </c>
    </row>
    <row r="89" spans="1:13">
      <c r="A89" s="27" t="s">
        <v>31</v>
      </c>
      <c r="B89" s="67">
        <v>-4</v>
      </c>
      <c r="C89" s="68">
        <v>-1</v>
      </c>
      <c r="D89" s="68">
        <v>-3</v>
      </c>
      <c r="E89" s="67">
        <v>3</v>
      </c>
      <c r="F89" s="68">
        <v>3</v>
      </c>
      <c r="G89" s="69">
        <v>0</v>
      </c>
      <c r="H89" s="68">
        <v>8</v>
      </c>
      <c r="I89" s="68">
        <v>4</v>
      </c>
      <c r="J89" s="68">
        <v>4</v>
      </c>
      <c r="K89" s="67">
        <v>9</v>
      </c>
      <c r="L89" s="79">
        <v>2</v>
      </c>
      <c r="M89" s="80">
        <v>7</v>
      </c>
    </row>
    <row r="90" spans="1:13">
      <c r="A90" s="27" t="s">
        <v>33</v>
      </c>
      <c r="B90" s="67">
        <v>-3</v>
      </c>
      <c r="C90" s="68">
        <v>2</v>
      </c>
      <c r="D90" s="68">
        <v>-5</v>
      </c>
      <c r="E90" s="67">
        <v>0</v>
      </c>
      <c r="F90" s="68">
        <v>0</v>
      </c>
      <c r="G90" s="69">
        <v>0</v>
      </c>
      <c r="H90" s="68">
        <v>5</v>
      </c>
      <c r="I90" s="68">
        <v>5</v>
      </c>
      <c r="J90" s="68">
        <v>0</v>
      </c>
      <c r="K90" s="67">
        <v>8</v>
      </c>
      <c r="L90" s="79">
        <v>3</v>
      </c>
      <c r="M90" s="80">
        <v>5</v>
      </c>
    </row>
    <row r="91" spans="1:13">
      <c r="A91" s="27" t="s">
        <v>35</v>
      </c>
      <c r="B91" s="67">
        <v>-4</v>
      </c>
      <c r="C91" s="68">
        <v>0</v>
      </c>
      <c r="D91" s="68">
        <v>-4</v>
      </c>
      <c r="E91" s="67">
        <v>0</v>
      </c>
      <c r="F91" s="68">
        <v>0</v>
      </c>
      <c r="G91" s="69">
        <v>0</v>
      </c>
      <c r="H91" s="68">
        <v>7</v>
      </c>
      <c r="I91" s="68">
        <v>4</v>
      </c>
      <c r="J91" s="68">
        <v>3</v>
      </c>
      <c r="K91" s="67">
        <v>11</v>
      </c>
      <c r="L91" s="79">
        <v>4</v>
      </c>
      <c r="M91" s="80">
        <v>7</v>
      </c>
    </row>
    <row r="92" spans="1:13">
      <c r="A92" s="27" t="s">
        <v>37</v>
      </c>
      <c r="B92" s="67">
        <v>-3</v>
      </c>
      <c r="C92" s="68">
        <v>-2</v>
      </c>
      <c r="D92" s="68">
        <v>-1</v>
      </c>
      <c r="E92" s="67">
        <v>2</v>
      </c>
      <c r="F92" s="68">
        <v>2</v>
      </c>
      <c r="G92" s="69">
        <v>0</v>
      </c>
      <c r="H92" s="68">
        <v>3</v>
      </c>
      <c r="I92" s="68">
        <v>3</v>
      </c>
      <c r="J92" s="68">
        <v>0</v>
      </c>
      <c r="K92" s="67">
        <v>4</v>
      </c>
      <c r="L92" s="79">
        <v>3</v>
      </c>
      <c r="M92" s="80">
        <v>1</v>
      </c>
    </row>
    <row r="93" spans="1:13" ht="21" customHeight="1">
      <c r="A93" s="38" t="s">
        <v>39</v>
      </c>
      <c r="B93" s="64">
        <v>-13</v>
      </c>
      <c r="C93" s="65">
        <v>-14</v>
      </c>
      <c r="D93" s="65">
        <v>1</v>
      </c>
      <c r="E93" s="64">
        <v>10</v>
      </c>
      <c r="F93" s="65">
        <v>7</v>
      </c>
      <c r="G93" s="66">
        <v>3</v>
      </c>
      <c r="H93" s="65">
        <v>26</v>
      </c>
      <c r="I93" s="65">
        <v>10</v>
      </c>
      <c r="J93" s="65">
        <v>16</v>
      </c>
      <c r="K93" s="64">
        <v>29</v>
      </c>
      <c r="L93" s="77">
        <v>17</v>
      </c>
      <c r="M93" s="78">
        <v>12</v>
      </c>
    </row>
    <row r="94" spans="1:13">
      <c r="A94" s="27" t="s">
        <v>41</v>
      </c>
      <c r="B94" s="67">
        <v>-5</v>
      </c>
      <c r="C94" s="68">
        <v>-3</v>
      </c>
      <c r="D94" s="68">
        <v>-2</v>
      </c>
      <c r="E94" s="67">
        <v>1</v>
      </c>
      <c r="F94" s="68">
        <v>1</v>
      </c>
      <c r="G94" s="69">
        <v>0</v>
      </c>
      <c r="H94" s="68">
        <v>6</v>
      </c>
      <c r="I94" s="68">
        <v>1</v>
      </c>
      <c r="J94" s="68">
        <v>5</v>
      </c>
      <c r="K94" s="67">
        <v>10</v>
      </c>
      <c r="L94" s="79">
        <v>3</v>
      </c>
      <c r="M94" s="80">
        <v>7</v>
      </c>
    </row>
    <row r="95" spans="1:13">
      <c r="A95" s="27" t="s">
        <v>43</v>
      </c>
      <c r="B95" s="67">
        <v>-2</v>
      </c>
      <c r="C95" s="68">
        <v>1</v>
      </c>
      <c r="D95" s="68">
        <v>-3</v>
      </c>
      <c r="E95" s="67">
        <v>1</v>
      </c>
      <c r="F95" s="68">
        <v>1</v>
      </c>
      <c r="G95" s="69">
        <v>0</v>
      </c>
      <c r="H95" s="68">
        <v>3</v>
      </c>
      <c r="I95" s="68">
        <v>3</v>
      </c>
      <c r="J95" s="68">
        <v>0</v>
      </c>
      <c r="K95" s="67">
        <v>4</v>
      </c>
      <c r="L95" s="79">
        <v>1</v>
      </c>
      <c r="M95" s="80">
        <v>3</v>
      </c>
    </row>
    <row r="96" spans="1:13">
      <c r="A96" s="27" t="s">
        <v>45</v>
      </c>
      <c r="B96" s="67">
        <v>-1</v>
      </c>
      <c r="C96" s="68">
        <v>-4</v>
      </c>
      <c r="D96" s="68">
        <v>3</v>
      </c>
      <c r="E96" s="67">
        <v>2</v>
      </c>
      <c r="F96" s="68">
        <v>1</v>
      </c>
      <c r="G96" s="69">
        <v>1</v>
      </c>
      <c r="H96" s="68">
        <v>9</v>
      </c>
      <c r="I96" s="68">
        <v>3</v>
      </c>
      <c r="J96" s="68">
        <v>6</v>
      </c>
      <c r="K96" s="67">
        <v>8</v>
      </c>
      <c r="L96" s="79">
        <v>6</v>
      </c>
      <c r="M96" s="80">
        <v>2</v>
      </c>
    </row>
    <row r="97" spans="1:13">
      <c r="A97" s="27" t="s">
        <v>47</v>
      </c>
      <c r="B97" s="67">
        <v>-5</v>
      </c>
      <c r="C97" s="68">
        <v>-7</v>
      </c>
      <c r="D97" s="68">
        <v>2</v>
      </c>
      <c r="E97" s="67">
        <v>3</v>
      </c>
      <c r="F97" s="68">
        <v>2</v>
      </c>
      <c r="G97" s="69">
        <v>1</v>
      </c>
      <c r="H97" s="68">
        <v>3</v>
      </c>
      <c r="I97" s="68">
        <v>0</v>
      </c>
      <c r="J97" s="68">
        <v>3</v>
      </c>
      <c r="K97" s="67">
        <v>5</v>
      </c>
      <c r="L97" s="79">
        <v>5</v>
      </c>
      <c r="M97" s="80">
        <v>0</v>
      </c>
    </row>
    <row r="98" spans="1:13">
      <c r="A98" s="27" t="s">
        <v>49</v>
      </c>
      <c r="B98" s="67">
        <v>0</v>
      </c>
      <c r="C98" s="68">
        <v>-1</v>
      </c>
      <c r="D98" s="68">
        <v>1</v>
      </c>
      <c r="E98" s="67">
        <v>3</v>
      </c>
      <c r="F98" s="68">
        <v>2</v>
      </c>
      <c r="G98" s="69">
        <v>1</v>
      </c>
      <c r="H98" s="68">
        <v>5</v>
      </c>
      <c r="I98" s="68">
        <v>3</v>
      </c>
      <c r="J98" s="68">
        <v>2</v>
      </c>
      <c r="K98" s="67">
        <v>2</v>
      </c>
      <c r="L98" s="79">
        <v>2</v>
      </c>
      <c r="M98" s="80">
        <v>0</v>
      </c>
    </row>
    <row r="99" spans="1:13" ht="21" customHeight="1">
      <c r="A99" s="38" t="s">
        <v>51</v>
      </c>
      <c r="B99" s="64">
        <v>-36</v>
      </c>
      <c r="C99" s="65">
        <v>-20</v>
      </c>
      <c r="D99" s="65">
        <v>-16</v>
      </c>
      <c r="E99" s="64">
        <v>26</v>
      </c>
      <c r="F99" s="65">
        <v>17</v>
      </c>
      <c r="G99" s="66">
        <v>9</v>
      </c>
      <c r="H99" s="65">
        <v>19</v>
      </c>
      <c r="I99" s="65">
        <v>16</v>
      </c>
      <c r="J99" s="65">
        <v>3</v>
      </c>
      <c r="K99" s="64">
        <v>29</v>
      </c>
      <c r="L99" s="77">
        <v>19</v>
      </c>
      <c r="M99" s="78">
        <v>10</v>
      </c>
    </row>
    <row r="100" spans="1:13">
      <c r="A100" s="27" t="s">
        <v>53</v>
      </c>
      <c r="B100" s="67">
        <v>-6</v>
      </c>
      <c r="C100" s="68">
        <v>-5</v>
      </c>
      <c r="D100" s="68">
        <v>-1</v>
      </c>
      <c r="E100" s="67">
        <v>3</v>
      </c>
      <c r="F100" s="68">
        <v>3</v>
      </c>
      <c r="G100" s="69">
        <v>0</v>
      </c>
      <c r="H100" s="68">
        <v>1</v>
      </c>
      <c r="I100" s="68">
        <v>1</v>
      </c>
      <c r="J100" s="68">
        <v>0</v>
      </c>
      <c r="K100" s="67">
        <v>4</v>
      </c>
      <c r="L100" s="79">
        <v>3</v>
      </c>
      <c r="M100" s="80">
        <v>1</v>
      </c>
    </row>
    <row r="101" spans="1:13">
      <c r="A101" s="27" t="s">
        <v>55</v>
      </c>
      <c r="B101" s="67">
        <v>-3</v>
      </c>
      <c r="C101" s="68">
        <v>-1</v>
      </c>
      <c r="D101" s="68">
        <v>-2</v>
      </c>
      <c r="E101" s="67">
        <v>5</v>
      </c>
      <c r="F101" s="68">
        <v>3</v>
      </c>
      <c r="G101" s="69">
        <v>2</v>
      </c>
      <c r="H101" s="68">
        <v>6</v>
      </c>
      <c r="I101" s="68">
        <v>5</v>
      </c>
      <c r="J101" s="68">
        <v>1</v>
      </c>
      <c r="K101" s="67">
        <v>4</v>
      </c>
      <c r="L101" s="79">
        <v>3</v>
      </c>
      <c r="M101" s="80">
        <v>1</v>
      </c>
    </row>
    <row r="102" spans="1:13">
      <c r="A102" s="27" t="s">
        <v>57</v>
      </c>
      <c r="B102" s="67">
        <v>-6</v>
      </c>
      <c r="C102" s="68">
        <v>-5</v>
      </c>
      <c r="D102" s="68">
        <v>-1</v>
      </c>
      <c r="E102" s="67">
        <v>7</v>
      </c>
      <c r="F102" s="68">
        <v>7</v>
      </c>
      <c r="G102" s="69">
        <v>0</v>
      </c>
      <c r="H102" s="68">
        <v>5</v>
      </c>
      <c r="I102" s="68">
        <v>4</v>
      </c>
      <c r="J102" s="68">
        <v>1</v>
      </c>
      <c r="K102" s="67">
        <v>4</v>
      </c>
      <c r="L102" s="79">
        <v>2</v>
      </c>
      <c r="M102" s="80">
        <v>2</v>
      </c>
    </row>
    <row r="103" spans="1:13">
      <c r="A103" s="27" t="s">
        <v>59</v>
      </c>
      <c r="B103" s="67">
        <v>-8</v>
      </c>
      <c r="C103" s="68">
        <v>-6</v>
      </c>
      <c r="D103" s="68">
        <v>-2</v>
      </c>
      <c r="E103" s="67">
        <v>3</v>
      </c>
      <c r="F103" s="68">
        <v>2</v>
      </c>
      <c r="G103" s="69">
        <v>1</v>
      </c>
      <c r="H103" s="68">
        <v>3</v>
      </c>
      <c r="I103" s="68">
        <v>2</v>
      </c>
      <c r="J103" s="68">
        <v>1</v>
      </c>
      <c r="K103" s="67">
        <v>8</v>
      </c>
      <c r="L103" s="79">
        <v>6</v>
      </c>
      <c r="M103" s="80">
        <v>2</v>
      </c>
    </row>
    <row r="104" spans="1:13">
      <c r="A104" s="27" t="s">
        <v>61</v>
      </c>
      <c r="B104" s="67">
        <v>-13</v>
      </c>
      <c r="C104" s="68">
        <v>-3</v>
      </c>
      <c r="D104" s="68">
        <v>-10</v>
      </c>
      <c r="E104" s="67">
        <v>8</v>
      </c>
      <c r="F104" s="68">
        <v>2</v>
      </c>
      <c r="G104" s="69">
        <v>6</v>
      </c>
      <c r="H104" s="68">
        <v>4</v>
      </c>
      <c r="I104" s="68">
        <v>4</v>
      </c>
      <c r="J104" s="68">
        <v>0</v>
      </c>
      <c r="K104" s="67">
        <v>9</v>
      </c>
      <c r="L104" s="79">
        <v>5</v>
      </c>
      <c r="M104" s="80">
        <v>4</v>
      </c>
    </row>
    <row r="105" spans="1:13" ht="21" customHeight="1">
      <c r="A105" s="38" t="s">
        <v>63</v>
      </c>
      <c r="B105" s="64">
        <v>-32</v>
      </c>
      <c r="C105" s="65">
        <v>-23</v>
      </c>
      <c r="D105" s="65">
        <v>-9</v>
      </c>
      <c r="E105" s="64">
        <v>28</v>
      </c>
      <c r="F105" s="65">
        <v>18</v>
      </c>
      <c r="G105" s="66">
        <v>10</v>
      </c>
      <c r="H105" s="65">
        <v>19</v>
      </c>
      <c r="I105" s="65">
        <v>5</v>
      </c>
      <c r="J105" s="65">
        <v>14</v>
      </c>
      <c r="K105" s="64">
        <v>23</v>
      </c>
      <c r="L105" s="77">
        <v>10</v>
      </c>
      <c r="M105" s="78">
        <v>13</v>
      </c>
    </row>
    <row r="106" spans="1:13">
      <c r="A106" s="27" t="s">
        <v>65</v>
      </c>
      <c r="B106" s="67">
        <v>-6</v>
      </c>
      <c r="C106" s="68">
        <v>-2</v>
      </c>
      <c r="D106" s="68">
        <v>-4</v>
      </c>
      <c r="E106" s="67">
        <v>4</v>
      </c>
      <c r="F106" s="68">
        <v>0</v>
      </c>
      <c r="G106" s="69">
        <v>4</v>
      </c>
      <c r="H106" s="68">
        <v>3</v>
      </c>
      <c r="I106" s="68">
        <v>0</v>
      </c>
      <c r="J106" s="68">
        <v>3</v>
      </c>
      <c r="K106" s="67">
        <v>5</v>
      </c>
      <c r="L106" s="79">
        <v>2</v>
      </c>
      <c r="M106" s="80">
        <v>3</v>
      </c>
    </row>
    <row r="107" spans="1:13">
      <c r="A107" s="27" t="s">
        <v>67</v>
      </c>
      <c r="B107" s="67">
        <v>-7</v>
      </c>
      <c r="C107" s="68">
        <v>-7</v>
      </c>
      <c r="D107" s="68">
        <v>0</v>
      </c>
      <c r="E107" s="67">
        <v>7</v>
      </c>
      <c r="F107" s="68">
        <v>6</v>
      </c>
      <c r="G107" s="69">
        <v>1</v>
      </c>
      <c r="H107" s="68">
        <v>4</v>
      </c>
      <c r="I107" s="68">
        <v>2</v>
      </c>
      <c r="J107" s="68">
        <v>2</v>
      </c>
      <c r="K107" s="67">
        <v>4</v>
      </c>
      <c r="L107" s="79">
        <v>3</v>
      </c>
      <c r="M107" s="80">
        <v>1</v>
      </c>
    </row>
    <row r="108" spans="1:13">
      <c r="A108" s="27" t="s">
        <v>69</v>
      </c>
      <c r="B108" s="67">
        <v>-4</v>
      </c>
      <c r="C108" s="68">
        <v>-3</v>
      </c>
      <c r="D108" s="68">
        <v>-1</v>
      </c>
      <c r="E108" s="67">
        <v>2</v>
      </c>
      <c r="F108" s="68">
        <v>1</v>
      </c>
      <c r="G108" s="69">
        <v>1</v>
      </c>
      <c r="H108" s="68">
        <v>1</v>
      </c>
      <c r="I108" s="68">
        <v>0</v>
      </c>
      <c r="J108" s="68">
        <v>1</v>
      </c>
      <c r="K108" s="67">
        <v>3</v>
      </c>
      <c r="L108" s="79">
        <v>2</v>
      </c>
      <c r="M108" s="80">
        <v>1</v>
      </c>
    </row>
    <row r="109" spans="1:13">
      <c r="A109" s="27" t="s">
        <v>71</v>
      </c>
      <c r="B109" s="67">
        <v>-4</v>
      </c>
      <c r="C109" s="68">
        <v>-7</v>
      </c>
      <c r="D109" s="68">
        <v>3</v>
      </c>
      <c r="E109" s="67">
        <v>7</v>
      </c>
      <c r="F109" s="68">
        <v>6</v>
      </c>
      <c r="G109" s="69">
        <v>1</v>
      </c>
      <c r="H109" s="68">
        <v>7</v>
      </c>
      <c r="I109" s="68">
        <v>1</v>
      </c>
      <c r="J109" s="68">
        <v>6</v>
      </c>
      <c r="K109" s="67">
        <v>4</v>
      </c>
      <c r="L109" s="79">
        <v>2</v>
      </c>
      <c r="M109" s="80">
        <v>2</v>
      </c>
    </row>
    <row r="110" spans="1:13">
      <c r="A110" s="27" t="s">
        <v>73</v>
      </c>
      <c r="B110" s="67">
        <v>-11</v>
      </c>
      <c r="C110" s="68">
        <v>-4</v>
      </c>
      <c r="D110" s="68">
        <v>-7</v>
      </c>
      <c r="E110" s="67">
        <v>8</v>
      </c>
      <c r="F110" s="68">
        <v>5</v>
      </c>
      <c r="G110" s="69">
        <v>3</v>
      </c>
      <c r="H110" s="68">
        <v>4</v>
      </c>
      <c r="I110" s="68">
        <v>2</v>
      </c>
      <c r="J110" s="68">
        <v>2</v>
      </c>
      <c r="K110" s="67">
        <v>7</v>
      </c>
      <c r="L110" s="79">
        <v>1</v>
      </c>
      <c r="M110" s="80">
        <v>6</v>
      </c>
    </row>
    <row r="111" spans="1:13" ht="21" customHeight="1">
      <c r="A111" s="38" t="s">
        <v>75</v>
      </c>
      <c r="B111" s="64">
        <v>-39</v>
      </c>
      <c r="C111" s="65">
        <v>-17</v>
      </c>
      <c r="D111" s="65">
        <v>-22</v>
      </c>
      <c r="E111" s="64">
        <v>34</v>
      </c>
      <c r="F111" s="65">
        <v>17</v>
      </c>
      <c r="G111" s="66">
        <v>17</v>
      </c>
      <c r="H111" s="65">
        <v>8</v>
      </c>
      <c r="I111" s="65">
        <v>3</v>
      </c>
      <c r="J111" s="65">
        <v>5</v>
      </c>
      <c r="K111" s="64">
        <v>13</v>
      </c>
      <c r="L111" s="77">
        <v>3</v>
      </c>
      <c r="M111" s="78">
        <v>10</v>
      </c>
    </row>
    <row r="112" spans="1:13">
      <c r="A112" s="27" t="s">
        <v>77</v>
      </c>
      <c r="B112" s="67">
        <v>-8</v>
      </c>
      <c r="C112" s="68">
        <v>-2</v>
      </c>
      <c r="D112" s="68">
        <v>-6</v>
      </c>
      <c r="E112" s="67">
        <v>9</v>
      </c>
      <c r="F112" s="68">
        <v>4</v>
      </c>
      <c r="G112" s="69">
        <v>5</v>
      </c>
      <c r="H112" s="68">
        <v>3</v>
      </c>
      <c r="I112" s="68">
        <v>2</v>
      </c>
      <c r="J112" s="68">
        <v>1</v>
      </c>
      <c r="K112" s="67">
        <v>2</v>
      </c>
      <c r="L112" s="79">
        <v>0</v>
      </c>
      <c r="M112" s="80">
        <v>2</v>
      </c>
    </row>
    <row r="113" spans="1:13">
      <c r="A113" s="27" t="s">
        <v>79</v>
      </c>
      <c r="B113" s="67">
        <v>-11</v>
      </c>
      <c r="C113" s="68">
        <v>-8</v>
      </c>
      <c r="D113" s="68">
        <v>-3</v>
      </c>
      <c r="E113" s="67">
        <v>8</v>
      </c>
      <c r="F113" s="68">
        <v>7</v>
      </c>
      <c r="G113" s="69">
        <v>1</v>
      </c>
      <c r="H113" s="68">
        <v>0</v>
      </c>
      <c r="I113" s="68">
        <v>0</v>
      </c>
      <c r="J113" s="68">
        <v>0</v>
      </c>
      <c r="K113" s="67">
        <v>3</v>
      </c>
      <c r="L113" s="79">
        <v>1</v>
      </c>
      <c r="M113" s="80">
        <v>2</v>
      </c>
    </row>
    <row r="114" spans="1:13">
      <c r="A114" s="27" t="s">
        <v>81</v>
      </c>
      <c r="B114" s="67">
        <v>-2</v>
      </c>
      <c r="C114" s="68">
        <v>-1</v>
      </c>
      <c r="D114" s="68">
        <v>-1</v>
      </c>
      <c r="E114" s="67">
        <v>2</v>
      </c>
      <c r="F114" s="68">
        <v>1</v>
      </c>
      <c r="G114" s="69">
        <v>1</v>
      </c>
      <c r="H114" s="68">
        <v>1</v>
      </c>
      <c r="I114" s="68">
        <v>1</v>
      </c>
      <c r="J114" s="68">
        <v>0</v>
      </c>
      <c r="K114" s="67">
        <v>1</v>
      </c>
      <c r="L114" s="79">
        <v>1</v>
      </c>
      <c r="M114" s="80">
        <v>0</v>
      </c>
    </row>
    <row r="115" spans="1:13">
      <c r="A115" s="27" t="s">
        <v>83</v>
      </c>
      <c r="B115" s="67">
        <v>-5</v>
      </c>
      <c r="C115" s="68">
        <v>-3</v>
      </c>
      <c r="D115" s="68">
        <v>-2</v>
      </c>
      <c r="E115" s="67">
        <v>8</v>
      </c>
      <c r="F115" s="68">
        <v>2</v>
      </c>
      <c r="G115" s="69">
        <v>6</v>
      </c>
      <c r="H115" s="68">
        <v>4</v>
      </c>
      <c r="I115" s="68">
        <v>0</v>
      </c>
      <c r="J115" s="68">
        <v>4</v>
      </c>
      <c r="K115" s="67">
        <v>1</v>
      </c>
      <c r="L115" s="79">
        <v>1</v>
      </c>
      <c r="M115" s="80">
        <v>0</v>
      </c>
    </row>
    <row r="116" spans="1:13">
      <c r="A116" s="27" t="s">
        <v>85</v>
      </c>
      <c r="B116" s="67">
        <v>-13</v>
      </c>
      <c r="C116" s="68">
        <v>-3</v>
      </c>
      <c r="D116" s="68">
        <v>-10</v>
      </c>
      <c r="E116" s="67">
        <v>7</v>
      </c>
      <c r="F116" s="68">
        <v>3</v>
      </c>
      <c r="G116" s="69">
        <v>4</v>
      </c>
      <c r="H116" s="68">
        <v>0</v>
      </c>
      <c r="I116" s="68">
        <v>0</v>
      </c>
      <c r="J116" s="68">
        <v>0</v>
      </c>
      <c r="K116" s="67">
        <v>6</v>
      </c>
      <c r="L116" s="79">
        <v>0</v>
      </c>
      <c r="M116" s="80">
        <v>6</v>
      </c>
    </row>
    <row r="117" spans="1:13" ht="21" customHeight="1">
      <c r="A117" s="38" t="s">
        <v>87</v>
      </c>
      <c r="B117" s="64">
        <v>-44</v>
      </c>
      <c r="C117" s="65">
        <v>-29</v>
      </c>
      <c r="D117" s="65">
        <v>-15</v>
      </c>
      <c r="E117" s="64">
        <v>40</v>
      </c>
      <c r="F117" s="65">
        <v>23</v>
      </c>
      <c r="G117" s="66">
        <v>17</v>
      </c>
      <c r="H117" s="65">
        <v>14</v>
      </c>
      <c r="I117" s="65">
        <v>5</v>
      </c>
      <c r="J117" s="65">
        <v>9</v>
      </c>
      <c r="K117" s="64">
        <v>18</v>
      </c>
      <c r="L117" s="77">
        <v>11</v>
      </c>
      <c r="M117" s="78">
        <v>7</v>
      </c>
    </row>
    <row r="118" spans="1:13">
      <c r="A118" s="27" t="s">
        <v>89</v>
      </c>
      <c r="B118" s="67">
        <v>-7</v>
      </c>
      <c r="C118" s="68">
        <v>-6</v>
      </c>
      <c r="D118" s="68">
        <v>-1</v>
      </c>
      <c r="E118" s="67">
        <v>6</v>
      </c>
      <c r="F118" s="68">
        <v>4</v>
      </c>
      <c r="G118" s="69">
        <v>2</v>
      </c>
      <c r="H118" s="68">
        <v>3</v>
      </c>
      <c r="I118" s="68">
        <v>0</v>
      </c>
      <c r="J118" s="68">
        <v>3</v>
      </c>
      <c r="K118" s="67">
        <v>4</v>
      </c>
      <c r="L118" s="79">
        <v>2</v>
      </c>
      <c r="M118" s="80">
        <v>2</v>
      </c>
    </row>
    <row r="119" spans="1:13">
      <c r="A119" s="27" t="s">
        <v>91</v>
      </c>
      <c r="B119" s="67">
        <v>-14</v>
      </c>
      <c r="C119" s="68">
        <v>-9</v>
      </c>
      <c r="D119" s="68">
        <v>-5</v>
      </c>
      <c r="E119" s="67">
        <v>11</v>
      </c>
      <c r="F119" s="68">
        <v>7</v>
      </c>
      <c r="G119" s="69">
        <v>4</v>
      </c>
      <c r="H119" s="68">
        <v>2</v>
      </c>
      <c r="I119" s="68">
        <v>1</v>
      </c>
      <c r="J119" s="68">
        <v>1</v>
      </c>
      <c r="K119" s="67">
        <v>5</v>
      </c>
      <c r="L119" s="79">
        <v>3</v>
      </c>
      <c r="M119" s="80">
        <v>2</v>
      </c>
    </row>
    <row r="120" spans="1:13">
      <c r="A120" s="27" t="s">
        <v>93</v>
      </c>
      <c r="B120" s="67">
        <v>-12</v>
      </c>
      <c r="C120" s="68">
        <v>-8</v>
      </c>
      <c r="D120" s="68">
        <v>-4</v>
      </c>
      <c r="E120" s="67">
        <v>10</v>
      </c>
      <c r="F120" s="68">
        <v>6</v>
      </c>
      <c r="G120" s="69">
        <v>4</v>
      </c>
      <c r="H120" s="68">
        <v>2</v>
      </c>
      <c r="I120" s="68">
        <v>1</v>
      </c>
      <c r="J120" s="68">
        <v>1</v>
      </c>
      <c r="K120" s="67">
        <v>4</v>
      </c>
      <c r="L120" s="79">
        <v>3</v>
      </c>
      <c r="M120" s="80">
        <v>1</v>
      </c>
    </row>
    <row r="121" spans="1:13">
      <c r="A121" s="27" t="s">
        <v>95</v>
      </c>
      <c r="B121" s="67">
        <v>-5</v>
      </c>
      <c r="C121" s="68">
        <v>-3</v>
      </c>
      <c r="D121" s="68">
        <v>-2</v>
      </c>
      <c r="E121" s="67">
        <v>6</v>
      </c>
      <c r="F121" s="68">
        <v>3</v>
      </c>
      <c r="G121" s="69">
        <v>3</v>
      </c>
      <c r="H121" s="68">
        <v>4</v>
      </c>
      <c r="I121" s="68">
        <v>1</v>
      </c>
      <c r="J121" s="68">
        <v>3</v>
      </c>
      <c r="K121" s="67">
        <v>3</v>
      </c>
      <c r="L121" s="79">
        <v>1</v>
      </c>
      <c r="M121" s="80">
        <v>2</v>
      </c>
    </row>
    <row r="122" spans="1:13">
      <c r="A122" s="27" t="s">
        <v>97</v>
      </c>
      <c r="B122" s="67">
        <v>-6</v>
      </c>
      <c r="C122" s="68">
        <v>-3</v>
      </c>
      <c r="D122" s="68">
        <v>-3</v>
      </c>
      <c r="E122" s="67">
        <v>7</v>
      </c>
      <c r="F122" s="68">
        <v>3</v>
      </c>
      <c r="G122" s="69">
        <v>4</v>
      </c>
      <c r="H122" s="68">
        <v>3</v>
      </c>
      <c r="I122" s="68">
        <v>2</v>
      </c>
      <c r="J122" s="68">
        <v>1</v>
      </c>
      <c r="K122" s="67">
        <v>2</v>
      </c>
      <c r="L122" s="79">
        <v>2</v>
      </c>
      <c r="M122" s="80">
        <v>0</v>
      </c>
    </row>
    <row r="123" spans="1:13" ht="21" customHeight="1">
      <c r="A123" s="38" t="s">
        <v>99</v>
      </c>
      <c r="B123" s="64">
        <v>-36</v>
      </c>
      <c r="C123" s="65">
        <v>-13</v>
      </c>
      <c r="D123" s="65">
        <v>-23</v>
      </c>
      <c r="E123" s="64">
        <v>34</v>
      </c>
      <c r="F123" s="65">
        <v>14</v>
      </c>
      <c r="G123" s="66">
        <v>20</v>
      </c>
      <c r="H123" s="65">
        <v>3</v>
      </c>
      <c r="I123" s="65">
        <v>2</v>
      </c>
      <c r="J123" s="65">
        <v>1</v>
      </c>
      <c r="K123" s="64">
        <v>5</v>
      </c>
      <c r="L123" s="77">
        <v>1</v>
      </c>
      <c r="M123" s="78">
        <v>4</v>
      </c>
    </row>
    <row r="124" spans="1:13">
      <c r="A124" s="27" t="s">
        <v>101</v>
      </c>
      <c r="B124" s="67">
        <v>-9</v>
      </c>
      <c r="C124" s="68">
        <v>-5</v>
      </c>
      <c r="D124" s="68">
        <v>-4</v>
      </c>
      <c r="E124" s="67">
        <v>9</v>
      </c>
      <c r="F124" s="68">
        <v>5</v>
      </c>
      <c r="G124" s="69">
        <v>4</v>
      </c>
      <c r="H124" s="68">
        <v>0</v>
      </c>
      <c r="I124" s="68">
        <v>0</v>
      </c>
      <c r="J124" s="68">
        <v>0</v>
      </c>
      <c r="K124" s="67">
        <v>0</v>
      </c>
      <c r="L124" s="79">
        <v>0</v>
      </c>
      <c r="M124" s="80">
        <v>0</v>
      </c>
    </row>
    <row r="125" spans="1:13">
      <c r="A125" s="27" t="s">
        <v>103</v>
      </c>
      <c r="B125" s="67">
        <v>-10</v>
      </c>
      <c r="C125" s="68">
        <v>-3</v>
      </c>
      <c r="D125" s="68">
        <v>-7</v>
      </c>
      <c r="E125" s="67">
        <v>7</v>
      </c>
      <c r="F125" s="68">
        <v>2</v>
      </c>
      <c r="G125" s="69">
        <v>5</v>
      </c>
      <c r="H125" s="68">
        <v>0</v>
      </c>
      <c r="I125" s="68">
        <v>0</v>
      </c>
      <c r="J125" s="68">
        <v>0</v>
      </c>
      <c r="K125" s="67">
        <v>3</v>
      </c>
      <c r="L125" s="79">
        <v>1</v>
      </c>
      <c r="M125" s="80">
        <v>2</v>
      </c>
    </row>
    <row r="126" spans="1:13">
      <c r="A126" s="27" t="s">
        <v>105</v>
      </c>
      <c r="B126" s="67">
        <v>-5</v>
      </c>
      <c r="C126" s="68">
        <v>-1</v>
      </c>
      <c r="D126" s="68">
        <v>-4</v>
      </c>
      <c r="E126" s="67">
        <v>5</v>
      </c>
      <c r="F126" s="68">
        <v>2</v>
      </c>
      <c r="G126" s="69">
        <v>3</v>
      </c>
      <c r="H126" s="68">
        <v>1</v>
      </c>
      <c r="I126" s="68">
        <v>1</v>
      </c>
      <c r="J126" s="68">
        <v>0</v>
      </c>
      <c r="K126" s="67">
        <v>1</v>
      </c>
      <c r="L126" s="79">
        <v>0</v>
      </c>
      <c r="M126" s="80">
        <v>1</v>
      </c>
    </row>
    <row r="127" spans="1:13">
      <c r="A127" s="27" t="s">
        <v>107</v>
      </c>
      <c r="B127" s="67">
        <v>-7</v>
      </c>
      <c r="C127" s="68">
        <v>-3</v>
      </c>
      <c r="D127" s="68">
        <v>-4</v>
      </c>
      <c r="E127" s="67">
        <v>9</v>
      </c>
      <c r="F127" s="68">
        <v>4</v>
      </c>
      <c r="G127" s="69">
        <v>5</v>
      </c>
      <c r="H127" s="68">
        <v>2</v>
      </c>
      <c r="I127" s="68">
        <v>1</v>
      </c>
      <c r="J127" s="68">
        <v>1</v>
      </c>
      <c r="K127" s="67">
        <v>0</v>
      </c>
      <c r="L127" s="79">
        <v>0</v>
      </c>
      <c r="M127" s="80">
        <v>0</v>
      </c>
    </row>
    <row r="128" spans="1:13">
      <c r="A128" s="27" t="s">
        <v>109</v>
      </c>
      <c r="B128" s="67">
        <v>-5</v>
      </c>
      <c r="C128" s="68">
        <v>-1</v>
      </c>
      <c r="D128" s="68">
        <v>-4</v>
      </c>
      <c r="E128" s="67">
        <v>4</v>
      </c>
      <c r="F128" s="68">
        <v>1</v>
      </c>
      <c r="G128" s="69">
        <v>3</v>
      </c>
      <c r="H128" s="68">
        <v>0</v>
      </c>
      <c r="I128" s="68">
        <v>0</v>
      </c>
      <c r="J128" s="68">
        <v>0</v>
      </c>
      <c r="K128" s="67">
        <v>1</v>
      </c>
      <c r="L128" s="79">
        <v>0</v>
      </c>
      <c r="M128" s="80">
        <v>1</v>
      </c>
    </row>
    <row r="129" spans="1:14" ht="21" customHeight="1">
      <c r="A129" s="38" t="s">
        <v>111</v>
      </c>
      <c r="B129" s="64">
        <v>-22</v>
      </c>
      <c r="C129" s="65">
        <v>-5</v>
      </c>
      <c r="D129" s="65">
        <v>-17</v>
      </c>
      <c r="E129" s="64">
        <v>23</v>
      </c>
      <c r="F129" s="65">
        <v>5</v>
      </c>
      <c r="G129" s="66">
        <v>18</v>
      </c>
      <c r="H129" s="65">
        <v>1</v>
      </c>
      <c r="I129" s="65">
        <v>0</v>
      </c>
      <c r="J129" s="65">
        <v>1</v>
      </c>
      <c r="K129" s="64">
        <v>0</v>
      </c>
      <c r="L129" s="77">
        <v>0</v>
      </c>
      <c r="M129" s="78">
        <v>0</v>
      </c>
    </row>
    <row r="130" spans="1:14">
      <c r="A130" s="27" t="s">
        <v>113</v>
      </c>
      <c r="B130" s="67">
        <v>-6</v>
      </c>
      <c r="C130" s="68">
        <v>-1</v>
      </c>
      <c r="D130" s="68">
        <v>-5</v>
      </c>
      <c r="E130" s="67">
        <v>6</v>
      </c>
      <c r="F130" s="68">
        <v>1</v>
      </c>
      <c r="G130" s="69">
        <v>5</v>
      </c>
      <c r="H130" s="68">
        <v>0</v>
      </c>
      <c r="I130" s="68">
        <v>0</v>
      </c>
      <c r="J130" s="68">
        <v>0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7</v>
      </c>
      <c r="C131" s="68">
        <v>-3</v>
      </c>
      <c r="D131" s="68">
        <v>-4</v>
      </c>
      <c r="E131" s="67">
        <v>8</v>
      </c>
      <c r="F131" s="68">
        <v>3</v>
      </c>
      <c r="G131" s="69">
        <v>5</v>
      </c>
      <c r="H131" s="68">
        <v>1</v>
      </c>
      <c r="I131" s="68">
        <v>0</v>
      </c>
      <c r="J131" s="68">
        <v>1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-4</v>
      </c>
      <c r="C132" s="68">
        <v>0</v>
      </c>
      <c r="D132" s="68">
        <v>-4</v>
      </c>
      <c r="E132" s="67">
        <v>4</v>
      </c>
      <c r="F132" s="68">
        <v>0</v>
      </c>
      <c r="G132" s="69">
        <v>4</v>
      </c>
      <c r="H132" s="68">
        <v>0</v>
      </c>
      <c r="I132" s="68">
        <v>0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2</v>
      </c>
      <c r="C133" s="68">
        <v>0</v>
      </c>
      <c r="D133" s="68">
        <v>-2</v>
      </c>
      <c r="E133" s="67">
        <v>2</v>
      </c>
      <c r="F133" s="68">
        <v>0</v>
      </c>
      <c r="G133" s="69">
        <v>2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3</v>
      </c>
      <c r="C134" s="68">
        <v>-1</v>
      </c>
      <c r="D134" s="68">
        <v>-2</v>
      </c>
      <c r="E134" s="67">
        <v>3</v>
      </c>
      <c r="F134" s="68">
        <v>1</v>
      </c>
      <c r="G134" s="69">
        <v>2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4</v>
      </c>
      <c r="C135" s="40">
        <v>0</v>
      </c>
      <c r="D135" s="40">
        <v>-4</v>
      </c>
      <c r="E135" s="42">
        <v>4</v>
      </c>
      <c r="F135" s="40">
        <v>0</v>
      </c>
      <c r="G135" s="43">
        <v>4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216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219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104</v>
      </c>
      <c r="C5" s="62">
        <v>-37</v>
      </c>
      <c r="D5" s="62">
        <v>-67</v>
      </c>
      <c r="E5" s="61">
        <v>127</v>
      </c>
      <c r="F5" s="62">
        <v>59</v>
      </c>
      <c r="G5" s="63">
        <v>68</v>
      </c>
      <c r="H5" s="62">
        <v>224</v>
      </c>
      <c r="I5" s="62">
        <v>112</v>
      </c>
      <c r="J5" s="62">
        <v>112</v>
      </c>
      <c r="K5" s="61">
        <v>215</v>
      </c>
      <c r="L5" s="75">
        <v>99</v>
      </c>
      <c r="M5" s="76">
        <v>116</v>
      </c>
    </row>
    <row r="6" spans="1:13" ht="23.25" customHeight="1">
      <c r="A6" s="36" t="s">
        <v>2</v>
      </c>
      <c r="B6" s="64">
        <v>13</v>
      </c>
      <c r="C6" s="65">
        <v>8</v>
      </c>
      <c r="D6" s="65">
        <v>5</v>
      </c>
      <c r="E6" s="64">
        <v>0</v>
      </c>
      <c r="F6" s="65">
        <v>0</v>
      </c>
      <c r="G6" s="66">
        <v>0</v>
      </c>
      <c r="H6" s="65">
        <v>8</v>
      </c>
      <c r="I6" s="65">
        <v>3</v>
      </c>
      <c r="J6" s="65">
        <v>5</v>
      </c>
      <c r="K6" s="64">
        <v>9</v>
      </c>
      <c r="L6" s="77">
        <v>4</v>
      </c>
      <c r="M6" s="78">
        <v>5</v>
      </c>
    </row>
    <row r="7" spans="1:13">
      <c r="A7" s="15" t="s">
        <v>4</v>
      </c>
      <c r="B7" s="67">
        <v>14</v>
      </c>
      <c r="C7" s="68">
        <v>9</v>
      </c>
      <c r="D7" s="68">
        <v>5</v>
      </c>
      <c r="E7" s="67">
        <v>0</v>
      </c>
      <c r="F7" s="68">
        <v>0</v>
      </c>
      <c r="G7" s="69">
        <v>0</v>
      </c>
      <c r="H7" s="68">
        <v>1</v>
      </c>
      <c r="I7" s="68">
        <v>0</v>
      </c>
      <c r="J7" s="68">
        <v>1</v>
      </c>
      <c r="K7" s="67">
        <v>1</v>
      </c>
      <c r="L7" s="79">
        <v>0</v>
      </c>
      <c r="M7" s="80">
        <v>1</v>
      </c>
    </row>
    <row r="8" spans="1:13">
      <c r="A8" s="15" t="s">
        <v>6</v>
      </c>
      <c r="B8" s="67">
        <v>1</v>
      </c>
      <c r="C8" s="68">
        <v>1</v>
      </c>
      <c r="D8" s="68">
        <v>0</v>
      </c>
      <c r="E8" s="67">
        <v>0</v>
      </c>
      <c r="F8" s="68">
        <v>0</v>
      </c>
      <c r="G8" s="69">
        <v>0</v>
      </c>
      <c r="H8" s="68">
        <v>2</v>
      </c>
      <c r="I8" s="68">
        <v>1</v>
      </c>
      <c r="J8" s="68">
        <v>1</v>
      </c>
      <c r="K8" s="67">
        <v>1</v>
      </c>
      <c r="L8" s="79">
        <v>0</v>
      </c>
      <c r="M8" s="80">
        <v>1</v>
      </c>
    </row>
    <row r="9" spans="1:13">
      <c r="A9" s="15" t="s">
        <v>8</v>
      </c>
      <c r="B9" s="67">
        <v>0</v>
      </c>
      <c r="C9" s="68">
        <v>-1</v>
      </c>
      <c r="D9" s="68">
        <v>1</v>
      </c>
      <c r="E9" s="67">
        <v>0</v>
      </c>
      <c r="F9" s="68">
        <v>0</v>
      </c>
      <c r="G9" s="69">
        <v>0</v>
      </c>
      <c r="H9" s="68">
        <v>2</v>
      </c>
      <c r="I9" s="68">
        <v>1</v>
      </c>
      <c r="J9" s="68">
        <v>1</v>
      </c>
      <c r="K9" s="67">
        <v>2</v>
      </c>
      <c r="L9" s="79">
        <v>2</v>
      </c>
      <c r="M9" s="80">
        <v>0</v>
      </c>
    </row>
    <row r="10" spans="1:13">
      <c r="A10" s="15" t="s">
        <v>10</v>
      </c>
      <c r="B10" s="67">
        <v>-2</v>
      </c>
      <c r="C10" s="68">
        <v>-1</v>
      </c>
      <c r="D10" s="68">
        <v>-1</v>
      </c>
      <c r="E10" s="67">
        <v>0</v>
      </c>
      <c r="F10" s="68">
        <v>0</v>
      </c>
      <c r="G10" s="69">
        <v>0</v>
      </c>
      <c r="H10" s="68">
        <v>2</v>
      </c>
      <c r="I10" s="68">
        <v>0</v>
      </c>
      <c r="J10" s="68">
        <v>2</v>
      </c>
      <c r="K10" s="67">
        <v>4</v>
      </c>
      <c r="L10" s="79">
        <v>1</v>
      </c>
      <c r="M10" s="80">
        <v>3</v>
      </c>
    </row>
    <row r="11" spans="1:13">
      <c r="A11" s="15" t="s">
        <v>12</v>
      </c>
      <c r="B11" s="67">
        <v>0</v>
      </c>
      <c r="C11" s="68">
        <v>0</v>
      </c>
      <c r="D11" s="68">
        <v>0</v>
      </c>
      <c r="E11" s="67">
        <v>0</v>
      </c>
      <c r="F11" s="68">
        <v>0</v>
      </c>
      <c r="G11" s="69">
        <v>0</v>
      </c>
      <c r="H11" s="68">
        <v>1</v>
      </c>
      <c r="I11" s="68">
        <v>1</v>
      </c>
      <c r="J11" s="68">
        <v>0</v>
      </c>
      <c r="K11" s="67">
        <v>1</v>
      </c>
      <c r="L11" s="79">
        <v>1</v>
      </c>
      <c r="M11" s="80">
        <v>0</v>
      </c>
    </row>
    <row r="12" spans="1:13" ht="21" customHeight="1">
      <c r="A12" s="36" t="s">
        <v>14</v>
      </c>
      <c r="B12" s="64">
        <v>5</v>
      </c>
      <c r="C12" s="65">
        <v>2</v>
      </c>
      <c r="D12" s="65">
        <v>3</v>
      </c>
      <c r="E12" s="64">
        <v>0</v>
      </c>
      <c r="F12" s="65">
        <v>0</v>
      </c>
      <c r="G12" s="66">
        <v>0</v>
      </c>
      <c r="H12" s="65">
        <v>11</v>
      </c>
      <c r="I12" s="65">
        <v>5</v>
      </c>
      <c r="J12" s="65">
        <v>6</v>
      </c>
      <c r="K12" s="64">
        <v>6</v>
      </c>
      <c r="L12" s="77">
        <v>3</v>
      </c>
      <c r="M12" s="78">
        <v>3</v>
      </c>
    </row>
    <row r="13" spans="1:13">
      <c r="A13" s="15" t="s">
        <v>16</v>
      </c>
      <c r="B13" s="67">
        <v>0</v>
      </c>
      <c r="C13" s="68">
        <v>-2</v>
      </c>
      <c r="D13" s="68">
        <v>2</v>
      </c>
      <c r="E13" s="67">
        <v>0</v>
      </c>
      <c r="F13" s="68">
        <v>0</v>
      </c>
      <c r="G13" s="69">
        <v>0</v>
      </c>
      <c r="H13" s="68">
        <v>3</v>
      </c>
      <c r="I13" s="68">
        <v>0</v>
      </c>
      <c r="J13" s="68">
        <v>3</v>
      </c>
      <c r="K13" s="67">
        <v>3</v>
      </c>
      <c r="L13" s="79">
        <v>2</v>
      </c>
      <c r="M13" s="80">
        <v>1</v>
      </c>
    </row>
    <row r="14" spans="1:13">
      <c r="A14" s="15" t="s">
        <v>18</v>
      </c>
      <c r="B14" s="67">
        <v>1</v>
      </c>
      <c r="C14" s="68">
        <v>1</v>
      </c>
      <c r="D14" s="68">
        <v>0</v>
      </c>
      <c r="E14" s="67">
        <v>0</v>
      </c>
      <c r="F14" s="68">
        <v>0</v>
      </c>
      <c r="G14" s="69">
        <v>0</v>
      </c>
      <c r="H14" s="68">
        <v>3</v>
      </c>
      <c r="I14" s="68">
        <v>1</v>
      </c>
      <c r="J14" s="68">
        <v>2</v>
      </c>
      <c r="K14" s="67">
        <v>2</v>
      </c>
      <c r="L14" s="79">
        <v>0</v>
      </c>
      <c r="M14" s="80">
        <v>2</v>
      </c>
    </row>
    <row r="15" spans="1:13">
      <c r="A15" s="15" t="s">
        <v>20</v>
      </c>
      <c r="B15" s="67">
        <v>3</v>
      </c>
      <c r="C15" s="68">
        <v>2</v>
      </c>
      <c r="D15" s="68">
        <v>1</v>
      </c>
      <c r="E15" s="67">
        <v>0</v>
      </c>
      <c r="F15" s="68">
        <v>0</v>
      </c>
      <c r="G15" s="69">
        <v>0</v>
      </c>
      <c r="H15" s="68">
        <v>3</v>
      </c>
      <c r="I15" s="68">
        <v>2</v>
      </c>
      <c r="J15" s="68">
        <v>1</v>
      </c>
      <c r="K15" s="67">
        <v>0</v>
      </c>
      <c r="L15" s="79">
        <v>0</v>
      </c>
      <c r="M15" s="80">
        <v>0</v>
      </c>
    </row>
    <row r="16" spans="1:13">
      <c r="A16" s="15" t="s">
        <v>22</v>
      </c>
      <c r="B16" s="67">
        <v>-1</v>
      </c>
      <c r="C16" s="68">
        <v>-1</v>
      </c>
      <c r="D16" s="68">
        <v>0</v>
      </c>
      <c r="E16" s="67">
        <v>0</v>
      </c>
      <c r="F16" s="68">
        <v>0</v>
      </c>
      <c r="G16" s="69">
        <v>0</v>
      </c>
      <c r="H16" s="68">
        <v>0</v>
      </c>
      <c r="I16" s="68">
        <v>0</v>
      </c>
      <c r="J16" s="68">
        <v>0</v>
      </c>
      <c r="K16" s="67">
        <v>1</v>
      </c>
      <c r="L16" s="79">
        <v>1</v>
      </c>
      <c r="M16" s="80">
        <v>0</v>
      </c>
    </row>
    <row r="17" spans="1:13">
      <c r="A17" s="15" t="s">
        <v>24</v>
      </c>
      <c r="B17" s="67">
        <v>2</v>
      </c>
      <c r="C17" s="68">
        <v>2</v>
      </c>
      <c r="D17" s="68">
        <v>0</v>
      </c>
      <c r="E17" s="67">
        <v>0</v>
      </c>
      <c r="F17" s="68">
        <v>0</v>
      </c>
      <c r="G17" s="69">
        <v>0</v>
      </c>
      <c r="H17" s="68">
        <v>2</v>
      </c>
      <c r="I17" s="68">
        <v>2</v>
      </c>
      <c r="J17" s="68">
        <v>0</v>
      </c>
      <c r="K17" s="67">
        <v>0</v>
      </c>
      <c r="L17" s="79">
        <v>0</v>
      </c>
      <c r="M17" s="80">
        <v>0</v>
      </c>
    </row>
    <row r="18" spans="1:13" ht="21" customHeight="1">
      <c r="A18" s="36" t="s">
        <v>26</v>
      </c>
      <c r="B18" s="64">
        <v>-3</v>
      </c>
      <c r="C18" s="65">
        <v>0</v>
      </c>
      <c r="D18" s="65">
        <v>-3</v>
      </c>
      <c r="E18" s="64">
        <v>0</v>
      </c>
      <c r="F18" s="65">
        <v>0</v>
      </c>
      <c r="G18" s="66">
        <v>0</v>
      </c>
      <c r="H18" s="65">
        <v>3</v>
      </c>
      <c r="I18" s="65">
        <v>2</v>
      </c>
      <c r="J18" s="65">
        <v>1</v>
      </c>
      <c r="K18" s="64">
        <v>6</v>
      </c>
      <c r="L18" s="77">
        <v>2</v>
      </c>
      <c r="M18" s="78">
        <v>4</v>
      </c>
    </row>
    <row r="19" spans="1:13">
      <c r="A19" s="15" t="s">
        <v>28</v>
      </c>
      <c r="B19" s="67">
        <v>-2</v>
      </c>
      <c r="C19" s="68">
        <v>-1</v>
      </c>
      <c r="D19" s="68">
        <v>-1</v>
      </c>
      <c r="E19" s="67">
        <v>0</v>
      </c>
      <c r="F19" s="68">
        <v>0</v>
      </c>
      <c r="G19" s="69">
        <v>0</v>
      </c>
      <c r="H19" s="68">
        <v>0</v>
      </c>
      <c r="I19" s="68">
        <v>0</v>
      </c>
      <c r="J19" s="68">
        <v>0</v>
      </c>
      <c r="K19" s="67">
        <v>2</v>
      </c>
      <c r="L19" s="79">
        <v>1</v>
      </c>
      <c r="M19" s="80">
        <v>1</v>
      </c>
    </row>
    <row r="20" spans="1:13">
      <c r="A20" s="15" t="s">
        <v>30</v>
      </c>
      <c r="B20" s="67">
        <v>1</v>
      </c>
      <c r="C20" s="68">
        <v>0</v>
      </c>
      <c r="D20" s="68">
        <v>1</v>
      </c>
      <c r="E20" s="67">
        <v>0</v>
      </c>
      <c r="F20" s="68">
        <v>0</v>
      </c>
      <c r="G20" s="69">
        <v>0</v>
      </c>
      <c r="H20" s="68">
        <v>2</v>
      </c>
      <c r="I20" s="68">
        <v>1</v>
      </c>
      <c r="J20" s="68">
        <v>1</v>
      </c>
      <c r="K20" s="67">
        <v>1</v>
      </c>
      <c r="L20" s="79">
        <v>1</v>
      </c>
      <c r="M20" s="80">
        <v>0</v>
      </c>
    </row>
    <row r="21" spans="1:13">
      <c r="A21" s="15" t="s">
        <v>32</v>
      </c>
      <c r="B21" s="67">
        <v>-2</v>
      </c>
      <c r="C21" s="68">
        <v>0</v>
      </c>
      <c r="D21" s="68">
        <v>-2</v>
      </c>
      <c r="E21" s="67">
        <v>0</v>
      </c>
      <c r="F21" s="68">
        <v>0</v>
      </c>
      <c r="G21" s="69">
        <v>0</v>
      </c>
      <c r="H21" s="68">
        <v>0</v>
      </c>
      <c r="I21" s="68">
        <v>0</v>
      </c>
      <c r="J21" s="68">
        <v>0</v>
      </c>
      <c r="K21" s="67">
        <v>2</v>
      </c>
      <c r="L21" s="79">
        <v>0</v>
      </c>
      <c r="M21" s="80">
        <v>2</v>
      </c>
    </row>
    <row r="22" spans="1:13">
      <c r="A22" s="15" t="s">
        <v>34</v>
      </c>
      <c r="B22" s="67">
        <v>0</v>
      </c>
      <c r="C22" s="68">
        <v>1</v>
      </c>
      <c r="D22" s="68">
        <v>-1</v>
      </c>
      <c r="E22" s="67">
        <v>0</v>
      </c>
      <c r="F22" s="68">
        <v>0</v>
      </c>
      <c r="G22" s="69">
        <v>0</v>
      </c>
      <c r="H22" s="68">
        <v>1</v>
      </c>
      <c r="I22" s="68">
        <v>1</v>
      </c>
      <c r="J22" s="68">
        <v>0</v>
      </c>
      <c r="K22" s="67">
        <v>1</v>
      </c>
      <c r="L22" s="79">
        <v>0</v>
      </c>
      <c r="M22" s="80">
        <v>1</v>
      </c>
    </row>
    <row r="23" spans="1:13">
      <c r="A23" s="15" t="s">
        <v>36</v>
      </c>
      <c r="B23" s="67">
        <v>0</v>
      </c>
      <c r="C23" s="68">
        <v>0</v>
      </c>
      <c r="D23" s="68">
        <v>0</v>
      </c>
      <c r="E23" s="67">
        <v>0</v>
      </c>
      <c r="F23" s="68">
        <v>0</v>
      </c>
      <c r="G23" s="69">
        <v>0</v>
      </c>
      <c r="H23" s="68">
        <v>0</v>
      </c>
      <c r="I23" s="68">
        <v>0</v>
      </c>
      <c r="J23" s="68">
        <v>0</v>
      </c>
      <c r="K23" s="67">
        <v>0</v>
      </c>
      <c r="L23" s="79">
        <v>0</v>
      </c>
      <c r="M23" s="80">
        <v>0</v>
      </c>
    </row>
    <row r="24" spans="1:13" ht="21" customHeight="1">
      <c r="A24" s="36" t="s">
        <v>38</v>
      </c>
      <c r="B24" s="64">
        <v>0</v>
      </c>
      <c r="C24" s="65">
        <v>-2</v>
      </c>
      <c r="D24" s="65">
        <v>2</v>
      </c>
      <c r="E24" s="64">
        <v>0</v>
      </c>
      <c r="F24" s="65">
        <v>0</v>
      </c>
      <c r="G24" s="66">
        <v>0</v>
      </c>
      <c r="H24" s="65">
        <v>5</v>
      </c>
      <c r="I24" s="65">
        <v>2</v>
      </c>
      <c r="J24" s="65">
        <v>3</v>
      </c>
      <c r="K24" s="64">
        <v>5</v>
      </c>
      <c r="L24" s="77">
        <v>4</v>
      </c>
      <c r="M24" s="78">
        <v>1</v>
      </c>
    </row>
    <row r="25" spans="1:13">
      <c r="A25" s="15" t="s">
        <v>40</v>
      </c>
      <c r="B25" s="67">
        <v>1</v>
      </c>
      <c r="C25" s="68">
        <v>0</v>
      </c>
      <c r="D25" s="68">
        <v>1</v>
      </c>
      <c r="E25" s="67">
        <v>0</v>
      </c>
      <c r="F25" s="68">
        <v>0</v>
      </c>
      <c r="G25" s="69">
        <v>0</v>
      </c>
      <c r="H25" s="68">
        <v>1</v>
      </c>
      <c r="I25" s="68">
        <v>0</v>
      </c>
      <c r="J25" s="68">
        <v>1</v>
      </c>
      <c r="K25" s="67">
        <v>0</v>
      </c>
      <c r="L25" s="79">
        <v>0</v>
      </c>
      <c r="M25" s="80">
        <v>0</v>
      </c>
    </row>
    <row r="26" spans="1:13">
      <c r="A26" s="15" t="s">
        <v>42</v>
      </c>
      <c r="B26" s="67">
        <v>0</v>
      </c>
      <c r="C26" s="68">
        <v>0</v>
      </c>
      <c r="D26" s="68">
        <v>0</v>
      </c>
      <c r="E26" s="67">
        <v>0</v>
      </c>
      <c r="F26" s="68">
        <v>0</v>
      </c>
      <c r="G26" s="69">
        <v>0</v>
      </c>
      <c r="H26" s="68">
        <v>1</v>
      </c>
      <c r="I26" s="68">
        <v>1</v>
      </c>
      <c r="J26" s="68">
        <v>0</v>
      </c>
      <c r="K26" s="67">
        <v>1</v>
      </c>
      <c r="L26" s="79">
        <v>1</v>
      </c>
      <c r="M26" s="80">
        <v>0</v>
      </c>
    </row>
    <row r="27" spans="1:13">
      <c r="A27" s="15" t="s">
        <v>44</v>
      </c>
      <c r="B27" s="67">
        <v>-1</v>
      </c>
      <c r="C27" s="68">
        <v>0</v>
      </c>
      <c r="D27" s="68">
        <v>-1</v>
      </c>
      <c r="E27" s="67">
        <v>0</v>
      </c>
      <c r="F27" s="68">
        <v>0</v>
      </c>
      <c r="G27" s="69">
        <v>0</v>
      </c>
      <c r="H27" s="68">
        <v>0</v>
      </c>
      <c r="I27" s="68">
        <v>0</v>
      </c>
      <c r="J27" s="68">
        <v>0</v>
      </c>
      <c r="K27" s="67">
        <v>1</v>
      </c>
      <c r="L27" s="79">
        <v>0</v>
      </c>
      <c r="M27" s="80">
        <v>1</v>
      </c>
    </row>
    <row r="28" spans="1:13">
      <c r="A28" s="15" t="s">
        <v>46</v>
      </c>
      <c r="B28" s="67">
        <v>0</v>
      </c>
      <c r="C28" s="68">
        <v>-1</v>
      </c>
      <c r="D28" s="68">
        <v>1</v>
      </c>
      <c r="E28" s="67">
        <v>0</v>
      </c>
      <c r="F28" s="68">
        <v>0</v>
      </c>
      <c r="G28" s="69">
        <v>0</v>
      </c>
      <c r="H28" s="68">
        <v>1</v>
      </c>
      <c r="I28" s="68">
        <v>0</v>
      </c>
      <c r="J28" s="68">
        <v>1</v>
      </c>
      <c r="K28" s="67">
        <v>1</v>
      </c>
      <c r="L28" s="79">
        <v>1</v>
      </c>
      <c r="M28" s="80">
        <v>0</v>
      </c>
    </row>
    <row r="29" spans="1:13">
      <c r="A29" s="15" t="s">
        <v>48</v>
      </c>
      <c r="B29" s="67">
        <v>0</v>
      </c>
      <c r="C29" s="68">
        <v>-1</v>
      </c>
      <c r="D29" s="68">
        <v>1</v>
      </c>
      <c r="E29" s="67">
        <v>0</v>
      </c>
      <c r="F29" s="68">
        <v>0</v>
      </c>
      <c r="G29" s="69">
        <v>0</v>
      </c>
      <c r="H29" s="68">
        <v>2</v>
      </c>
      <c r="I29" s="68">
        <v>1</v>
      </c>
      <c r="J29" s="68">
        <v>1</v>
      </c>
      <c r="K29" s="67">
        <v>2</v>
      </c>
      <c r="L29" s="79">
        <v>2</v>
      </c>
      <c r="M29" s="80">
        <v>0</v>
      </c>
    </row>
    <row r="30" spans="1:13" ht="21" customHeight="1">
      <c r="A30" s="36" t="s">
        <v>50</v>
      </c>
      <c r="B30" s="64">
        <v>-12</v>
      </c>
      <c r="C30" s="65">
        <v>-3</v>
      </c>
      <c r="D30" s="65">
        <v>-9</v>
      </c>
      <c r="E30" s="64">
        <v>0</v>
      </c>
      <c r="F30" s="65">
        <v>0</v>
      </c>
      <c r="G30" s="66">
        <v>0</v>
      </c>
      <c r="H30" s="65">
        <v>12</v>
      </c>
      <c r="I30" s="65">
        <v>9</v>
      </c>
      <c r="J30" s="65">
        <v>3</v>
      </c>
      <c r="K30" s="64">
        <v>24</v>
      </c>
      <c r="L30" s="77">
        <v>12</v>
      </c>
      <c r="M30" s="78">
        <v>12</v>
      </c>
    </row>
    <row r="31" spans="1:13">
      <c r="A31" s="15" t="s">
        <v>52</v>
      </c>
      <c r="B31" s="67">
        <v>-3</v>
      </c>
      <c r="C31" s="68">
        <v>0</v>
      </c>
      <c r="D31" s="68">
        <v>-3</v>
      </c>
      <c r="E31" s="67">
        <v>0</v>
      </c>
      <c r="F31" s="68">
        <v>0</v>
      </c>
      <c r="G31" s="69">
        <v>0</v>
      </c>
      <c r="H31" s="68">
        <v>1</v>
      </c>
      <c r="I31" s="68">
        <v>0</v>
      </c>
      <c r="J31" s="68">
        <v>1</v>
      </c>
      <c r="K31" s="67">
        <v>4</v>
      </c>
      <c r="L31" s="79">
        <v>0</v>
      </c>
      <c r="M31" s="80">
        <v>4</v>
      </c>
    </row>
    <row r="32" spans="1:13">
      <c r="A32" s="15" t="s">
        <v>54</v>
      </c>
      <c r="B32" s="67">
        <v>-1</v>
      </c>
      <c r="C32" s="68">
        <v>-1</v>
      </c>
      <c r="D32" s="68">
        <v>0</v>
      </c>
      <c r="E32" s="67">
        <v>0</v>
      </c>
      <c r="F32" s="68">
        <v>0</v>
      </c>
      <c r="G32" s="69">
        <v>0</v>
      </c>
      <c r="H32" s="68">
        <v>3</v>
      </c>
      <c r="I32" s="68">
        <v>3</v>
      </c>
      <c r="J32" s="68">
        <v>0</v>
      </c>
      <c r="K32" s="67">
        <v>4</v>
      </c>
      <c r="L32" s="79">
        <v>4</v>
      </c>
      <c r="M32" s="80">
        <v>0</v>
      </c>
    </row>
    <row r="33" spans="1:13">
      <c r="A33" s="15" t="s">
        <v>56</v>
      </c>
      <c r="B33" s="67">
        <v>-4</v>
      </c>
      <c r="C33" s="68">
        <v>-2</v>
      </c>
      <c r="D33" s="68">
        <v>-2</v>
      </c>
      <c r="E33" s="67">
        <v>0</v>
      </c>
      <c r="F33" s="68">
        <v>0</v>
      </c>
      <c r="G33" s="69">
        <v>0</v>
      </c>
      <c r="H33" s="68">
        <v>1</v>
      </c>
      <c r="I33" s="68">
        <v>1</v>
      </c>
      <c r="J33" s="68">
        <v>0</v>
      </c>
      <c r="K33" s="67">
        <v>5</v>
      </c>
      <c r="L33" s="79">
        <v>3</v>
      </c>
      <c r="M33" s="80">
        <v>2</v>
      </c>
    </row>
    <row r="34" spans="1:13">
      <c r="A34" s="15" t="s">
        <v>58</v>
      </c>
      <c r="B34" s="67">
        <v>-1</v>
      </c>
      <c r="C34" s="68">
        <v>0</v>
      </c>
      <c r="D34" s="68">
        <v>-1</v>
      </c>
      <c r="E34" s="67">
        <v>0</v>
      </c>
      <c r="F34" s="68">
        <v>0</v>
      </c>
      <c r="G34" s="69">
        <v>0</v>
      </c>
      <c r="H34" s="68">
        <v>5</v>
      </c>
      <c r="I34" s="68">
        <v>4</v>
      </c>
      <c r="J34" s="68">
        <v>1</v>
      </c>
      <c r="K34" s="67">
        <v>6</v>
      </c>
      <c r="L34" s="79">
        <v>4</v>
      </c>
      <c r="M34" s="80">
        <v>2</v>
      </c>
    </row>
    <row r="35" spans="1:13">
      <c r="A35" s="15" t="s">
        <v>60</v>
      </c>
      <c r="B35" s="67">
        <v>-3</v>
      </c>
      <c r="C35" s="68">
        <v>0</v>
      </c>
      <c r="D35" s="68">
        <v>-3</v>
      </c>
      <c r="E35" s="67">
        <v>0</v>
      </c>
      <c r="F35" s="68">
        <v>0</v>
      </c>
      <c r="G35" s="69">
        <v>0</v>
      </c>
      <c r="H35" s="68">
        <v>2</v>
      </c>
      <c r="I35" s="68">
        <v>1</v>
      </c>
      <c r="J35" s="68">
        <v>1</v>
      </c>
      <c r="K35" s="67">
        <v>5</v>
      </c>
      <c r="L35" s="79">
        <v>1</v>
      </c>
      <c r="M35" s="80">
        <v>4</v>
      </c>
    </row>
    <row r="36" spans="1:13" ht="21" customHeight="1">
      <c r="A36" s="36" t="s">
        <v>62</v>
      </c>
      <c r="B36" s="64">
        <v>-2</v>
      </c>
      <c r="C36" s="65">
        <v>-2</v>
      </c>
      <c r="D36" s="65">
        <v>0</v>
      </c>
      <c r="E36" s="64">
        <v>0</v>
      </c>
      <c r="F36" s="65">
        <v>0</v>
      </c>
      <c r="G36" s="66">
        <v>0</v>
      </c>
      <c r="H36" s="65">
        <v>29</v>
      </c>
      <c r="I36" s="65">
        <v>18</v>
      </c>
      <c r="J36" s="65">
        <v>11</v>
      </c>
      <c r="K36" s="64">
        <v>31</v>
      </c>
      <c r="L36" s="77">
        <v>20</v>
      </c>
      <c r="M36" s="78">
        <v>11</v>
      </c>
    </row>
    <row r="37" spans="1:13">
      <c r="A37" s="15" t="s">
        <v>64</v>
      </c>
      <c r="B37" s="67">
        <v>3</v>
      </c>
      <c r="C37" s="68">
        <v>3</v>
      </c>
      <c r="D37" s="68">
        <v>0</v>
      </c>
      <c r="E37" s="67">
        <v>0</v>
      </c>
      <c r="F37" s="68">
        <v>0</v>
      </c>
      <c r="G37" s="69">
        <v>0</v>
      </c>
      <c r="H37" s="68">
        <v>7</v>
      </c>
      <c r="I37" s="68">
        <v>4</v>
      </c>
      <c r="J37" s="68">
        <v>3</v>
      </c>
      <c r="K37" s="67">
        <v>4</v>
      </c>
      <c r="L37" s="79">
        <v>1</v>
      </c>
      <c r="M37" s="80">
        <v>3</v>
      </c>
    </row>
    <row r="38" spans="1:13">
      <c r="A38" s="15" t="s">
        <v>66</v>
      </c>
      <c r="B38" s="67">
        <v>3</v>
      </c>
      <c r="C38" s="68">
        <v>0</v>
      </c>
      <c r="D38" s="68">
        <v>3</v>
      </c>
      <c r="E38" s="67">
        <v>0</v>
      </c>
      <c r="F38" s="68">
        <v>0</v>
      </c>
      <c r="G38" s="69">
        <v>0</v>
      </c>
      <c r="H38" s="68">
        <v>7</v>
      </c>
      <c r="I38" s="68">
        <v>3</v>
      </c>
      <c r="J38" s="68">
        <v>4</v>
      </c>
      <c r="K38" s="67">
        <v>4</v>
      </c>
      <c r="L38" s="79">
        <v>3</v>
      </c>
      <c r="M38" s="80">
        <v>1</v>
      </c>
    </row>
    <row r="39" spans="1:13">
      <c r="A39" s="15" t="s">
        <v>68</v>
      </c>
      <c r="B39" s="67">
        <v>-2</v>
      </c>
      <c r="C39" s="68">
        <v>-2</v>
      </c>
      <c r="D39" s="68">
        <v>0</v>
      </c>
      <c r="E39" s="67">
        <v>0</v>
      </c>
      <c r="F39" s="68">
        <v>0</v>
      </c>
      <c r="G39" s="69">
        <v>0</v>
      </c>
      <c r="H39" s="68">
        <v>5</v>
      </c>
      <c r="I39" s="68">
        <v>4</v>
      </c>
      <c r="J39" s="68">
        <v>1</v>
      </c>
      <c r="K39" s="67">
        <v>7</v>
      </c>
      <c r="L39" s="79">
        <v>6</v>
      </c>
      <c r="M39" s="80">
        <v>1</v>
      </c>
    </row>
    <row r="40" spans="1:13">
      <c r="A40" s="15" t="s">
        <v>70</v>
      </c>
      <c r="B40" s="67">
        <v>-8</v>
      </c>
      <c r="C40" s="68">
        <v>-5</v>
      </c>
      <c r="D40" s="68">
        <v>-3</v>
      </c>
      <c r="E40" s="67">
        <v>0</v>
      </c>
      <c r="F40" s="68">
        <v>0</v>
      </c>
      <c r="G40" s="69">
        <v>0</v>
      </c>
      <c r="H40" s="68">
        <v>3</v>
      </c>
      <c r="I40" s="68">
        <v>3</v>
      </c>
      <c r="J40" s="68">
        <v>0</v>
      </c>
      <c r="K40" s="67">
        <v>11</v>
      </c>
      <c r="L40" s="79">
        <v>8</v>
      </c>
      <c r="M40" s="80">
        <v>3</v>
      </c>
    </row>
    <row r="41" spans="1:13">
      <c r="A41" s="15" t="s">
        <v>72</v>
      </c>
      <c r="B41" s="67">
        <v>2</v>
      </c>
      <c r="C41" s="68">
        <v>2</v>
      </c>
      <c r="D41" s="68">
        <v>0</v>
      </c>
      <c r="E41" s="67">
        <v>0</v>
      </c>
      <c r="F41" s="68">
        <v>0</v>
      </c>
      <c r="G41" s="69">
        <v>0</v>
      </c>
      <c r="H41" s="68">
        <v>7</v>
      </c>
      <c r="I41" s="68">
        <v>4</v>
      </c>
      <c r="J41" s="68">
        <v>3</v>
      </c>
      <c r="K41" s="67">
        <v>5</v>
      </c>
      <c r="L41" s="79">
        <v>2</v>
      </c>
      <c r="M41" s="80">
        <v>3</v>
      </c>
    </row>
    <row r="42" spans="1:13" ht="21" customHeight="1">
      <c r="A42" s="36" t="s">
        <v>74</v>
      </c>
      <c r="B42" s="64">
        <v>0</v>
      </c>
      <c r="C42" s="65">
        <v>0</v>
      </c>
      <c r="D42" s="65">
        <v>0</v>
      </c>
      <c r="E42" s="64">
        <v>0</v>
      </c>
      <c r="F42" s="65">
        <v>0</v>
      </c>
      <c r="G42" s="66">
        <v>0</v>
      </c>
      <c r="H42" s="65">
        <v>26</v>
      </c>
      <c r="I42" s="65">
        <v>9</v>
      </c>
      <c r="J42" s="65">
        <v>17</v>
      </c>
      <c r="K42" s="64">
        <v>26</v>
      </c>
      <c r="L42" s="77">
        <v>9</v>
      </c>
      <c r="M42" s="78">
        <v>17</v>
      </c>
    </row>
    <row r="43" spans="1:13">
      <c r="A43" s="15" t="s">
        <v>76</v>
      </c>
      <c r="B43" s="67">
        <v>-5</v>
      </c>
      <c r="C43" s="68">
        <v>-1</v>
      </c>
      <c r="D43" s="68">
        <v>-4</v>
      </c>
      <c r="E43" s="67">
        <v>0</v>
      </c>
      <c r="F43" s="68">
        <v>0</v>
      </c>
      <c r="G43" s="69">
        <v>0</v>
      </c>
      <c r="H43" s="68">
        <v>2</v>
      </c>
      <c r="I43" s="68">
        <v>1</v>
      </c>
      <c r="J43" s="68">
        <v>1</v>
      </c>
      <c r="K43" s="67">
        <v>7</v>
      </c>
      <c r="L43" s="79">
        <v>2</v>
      </c>
      <c r="M43" s="80">
        <v>5</v>
      </c>
    </row>
    <row r="44" spans="1:13">
      <c r="A44" s="15" t="s">
        <v>78</v>
      </c>
      <c r="B44" s="67">
        <v>2</v>
      </c>
      <c r="C44" s="68">
        <v>1</v>
      </c>
      <c r="D44" s="68">
        <v>1</v>
      </c>
      <c r="E44" s="67">
        <v>0</v>
      </c>
      <c r="F44" s="68">
        <v>0</v>
      </c>
      <c r="G44" s="69">
        <v>0</v>
      </c>
      <c r="H44" s="68">
        <v>7</v>
      </c>
      <c r="I44" s="68">
        <v>2</v>
      </c>
      <c r="J44" s="68">
        <v>5</v>
      </c>
      <c r="K44" s="67">
        <v>5</v>
      </c>
      <c r="L44" s="79">
        <v>1</v>
      </c>
      <c r="M44" s="80">
        <v>4</v>
      </c>
    </row>
    <row r="45" spans="1:13">
      <c r="A45" s="15" t="s">
        <v>80</v>
      </c>
      <c r="B45" s="67">
        <v>1</v>
      </c>
      <c r="C45" s="68">
        <v>1</v>
      </c>
      <c r="D45" s="68">
        <v>0</v>
      </c>
      <c r="E45" s="67">
        <v>0</v>
      </c>
      <c r="F45" s="68">
        <v>0</v>
      </c>
      <c r="G45" s="69">
        <v>0</v>
      </c>
      <c r="H45" s="68">
        <v>7</v>
      </c>
      <c r="I45" s="68">
        <v>5</v>
      </c>
      <c r="J45" s="68">
        <v>2</v>
      </c>
      <c r="K45" s="67">
        <v>6</v>
      </c>
      <c r="L45" s="79">
        <v>4</v>
      </c>
      <c r="M45" s="80">
        <v>2</v>
      </c>
    </row>
    <row r="46" spans="1:13">
      <c r="A46" s="15" t="s">
        <v>82</v>
      </c>
      <c r="B46" s="67">
        <v>2</v>
      </c>
      <c r="C46" s="68">
        <v>1</v>
      </c>
      <c r="D46" s="68">
        <v>1</v>
      </c>
      <c r="E46" s="67">
        <v>0</v>
      </c>
      <c r="F46" s="68">
        <v>0</v>
      </c>
      <c r="G46" s="69">
        <v>0</v>
      </c>
      <c r="H46" s="68">
        <v>5</v>
      </c>
      <c r="I46" s="68">
        <v>1</v>
      </c>
      <c r="J46" s="68">
        <v>4</v>
      </c>
      <c r="K46" s="67">
        <v>3</v>
      </c>
      <c r="L46" s="79">
        <v>0</v>
      </c>
      <c r="M46" s="80">
        <v>3</v>
      </c>
    </row>
    <row r="47" spans="1:13">
      <c r="A47" s="15" t="s">
        <v>84</v>
      </c>
      <c r="B47" s="67">
        <v>0</v>
      </c>
      <c r="C47" s="68">
        <v>-2</v>
      </c>
      <c r="D47" s="68">
        <v>2</v>
      </c>
      <c r="E47" s="67">
        <v>0</v>
      </c>
      <c r="F47" s="68">
        <v>0</v>
      </c>
      <c r="G47" s="69">
        <v>0</v>
      </c>
      <c r="H47" s="68">
        <v>5</v>
      </c>
      <c r="I47" s="68">
        <v>0</v>
      </c>
      <c r="J47" s="68">
        <v>5</v>
      </c>
      <c r="K47" s="67">
        <v>5</v>
      </c>
      <c r="L47" s="79">
        <v>2</v>
      </c>
      <c r="M47" s="80">
        <v>3</v>
      </c>
    </row>
    <row r="48" spans="1:13" ht="21" customHeight="1">
      <c r="A48" s="36" t="s">
        <v>86</v>
      </c>
      <c r="B48" s="64">
        <v>0</v>
      </c>
      <c r="C48" s="65">
        <v>3</v>
      </c>
      <c r="D48" s="65">
        <v>-3</v>
      </c>
      <c r="E48" s="64">
        <v>0</v>
      </c>
      <c r="F48" s="65">
        <v>0</v>
      </c>
      <c r="G48" s="66">
        <v>0</v>
      </c>
      <c r="H48" s="65">
        <v>19</v>
      </c>
      <c r="I48" s="65">
        <v>10</v>
      </c>
      <c r="J48" s="65">
        <v>9</v>
      </c>
      <c r="K48" s="64">
        <v>19</v>
      </c>
      <c r="L48" s="77">
        <v>7</v>
      </c>
      <c r="M48" s="78">
        <v>12</v>
      </c>
    </row>
    <row r="49" spans="1:13">
      <c r="A49" s="15" t="s">
        <v>88</v>
      </c>
      <c r="B49" s="67">
        <v>-4</v>
      </c>
      <c r="C49" s="68">
        <v>-1</v>
      </c>
      <c r="D49" s="68">
        <v>-3</v>
      </c>
      <c r="E49" s="67">
        <v>0</v>
      </c>
      <c r="F49" s="68">
        <v>0</v>
      </c>
      <c r="G49" s="69">
        <v>0</v>
      </c>
      <c r="H49" s="68">
        <v>3</v>
      </c>
      <c r="I49" s="68">
        <v>1</v>
      </c>
      <c r="J49" s="68">
        <v>2</v>
      </c>
      <c r="K49" s="67">
        <v>7</v>
      </c>
      <c r="L49" s="79">
        <v>2</v>
      </c>
      <c r="M49" s="80">
        <v>5</v>
      </c>
    </row>
    <row r="50" spans="1:13">
      <c r="A50" s="15" t="s">
        <v>90</v>
      </c>
      <c r="B50" s="67">
        <v>2</v>
      </c>
      <c r="C50" s="68">
        <v>1</v>
      </c>
      <c r="D50" s="68">
        <v>1</v>
      </c>
      <c r="E50" s="67">
        <v>0</v>
      </c>
      <c r="F50" s="68">
        <v>0</v>
      </c>
      <c r="G50" s="69">
        <v>0</v>
      </c>
      <c r="H50" s="68">
        <v>5</v>
      </c>
      <c r="I50" s="68">
        <v>2</v>
      </c>
      <c r="J50" s="68">
        <v>3</v>
      </c>
      <c r="K50" s="67">
        <v>3</v>
      </c>
      <c r="L50" s="79">
        <v>1</v>
      </c>
      <c r="M50" s="80">
        <v>2</v>
      </c>
    </row>
    <row r="51" spans="1:13">
      <c r="A51" s="15" t="s">
        <v>92</v>
      </c>
      <c r="B51" s="67">
        <v>0</v>
      </c>
      <c r="C51" s="68">
        <v>2</v>
      </c>
      <c r="D51" s="68">
        <v>-2</v>
      </c>
      <c r="E51" s="67">
        <v>0</v>
      </c>
      <c r="F51" s="68">
        <v>0</v>
      </c>
      <c r="G51" s="69">
        <v>0</v>
      </c>
      <c r="H51" s="68">
        <v>2</v>
      </c>
      <c r="I51" s="68">
        <v>2</v>
      </c>
      <c r="J51" s="68">
        <v>0</v>
      </c>
      <c r="K51" s="67">
        <v>2</v>
      </c>
      <c r="L51" s="79">
        <v>0</v>
      </c>
      <c r="M51" s="80">
        <v>2</v>
      </c>
    </row>
    <row r="52" spans="1:13">
      <c r="A52" s="15" t="s">
        <v>94</v>
      </c>
      <c r="B52" s="67">
        <v>-1</v>
      </c>
      <c r="C52" s="68">
        <v>0</v>
      </c>
      <c r="D52" s="68">
        <v>-1</v>
      </c>
      <c r="E52" s="67">
        <v>0</v>
      </c>
      <c r="F52" s="68">
        <v>0</v>
      </c>
      <c r="G52" s="69">
        <v>0</v>
      </c>
      <c r="H52" s="68">
        <v>5</v>
      </c>
      <c r="I52" s="68">
        <v>3</v>
      </c>
      <c r="J52" s="68">
        <v>2</v>
      </c>
      <c r="K52" s="67">
        <v>6</v>
      </c>
      <c r="L52" s="79">
        <v>3</v>
      </c>
      <c r="M52" s="80">
        <v>3</v>
      </c>
    </row>
    <row r="53" spans="1:13">
      <c r="A53" s="15" t="s">
        <v>96</v>
      </c>
      <c r="B53" s="67">
        <v>3</v>
      </c>
      <c r="C53" s="68">
        <v>1</v>
      </c>
      <c r="D53" s="68">
        <v>2</v>
      </c>
      <c r="E53" s="67">
        <v>0</v>
      </c>
      <c r="F53" s="68">
        <v>0</v>
      </c>
      <c r="G53" s="69">
        <v>0</v>
      </c>
      <c r="H53" s="68">
        <v>4</v>
      </c>
      <c r="I53" s="68">
        <v>2</v>
      </c>
      <c r="J53" s="68">
        <v>2</v>
      </c>
      <c r="K53" s="67">
        <v>1</v>
      </c>
      <c r="L53" s="79">
        <v>1</v>
      </c>
      <c r="M53" s="80">
        <v>0</v>
      </c>
    </row>
    <row r="54" spans="1:13" ht="21" customHeight="1">
      <c r="A54" s="36" t="s">
        <v>98</v>
      </c>
      <c r="B54" s="64">
        <v>-6</v>
      </c>
      <c r="C54" s="65">
        <v>-5</v>
      </c>
      <c r="D54" s="65">
        <v>-1</v>
      </c>
      <c r="E54" s="64">
        <v>2</v>
      </c>
      <c r="F54" s="65">
        <v>1</v>
      </c>
      <c r="G54" s="66">
        <v>1</v>
      </c>
      <c r="H54" s="65">
        <v>8</v>
      </c>
      <c r="I54" s="65">
        <v>5</v>
      </c>
      <c r="J54" s="65">
        <v>3</v>
      </c>
      <c r="K54" s="64">
        <v>12</v>
      </c>
      <c r="L54" s="77">
        <v>9</v>
      </c>
      <c r="M54" s="78">
        <v>3</v>
      </c>
    </row>
    <row r="55" spans="1:13">
      <c r="A55" s="15" t="s">
        <v>100</v>
      </c>
      <c r="B55" s="67">
        <v>0</v>
      </c>
      <c r="C55" s="68">
        <v>-1</v>
      </c>
      <c r="D55" s="68">
        <v>1</v>
      </c>
      <c r="E55" s="67">
        <v>0</v>
      </c>
      <c r="F55" s="68">
        <v>0</v>
      </c>
      <c r="G55" s="69">
        <v>0</v>
      </c>
      <c r="H55" s="68">
        <v>1</v>
      </c>
      <c r="I55" s="68">
        <v>0</v>
      </c>
      <c r="J55" s="68">
        <v>1</v>
      </c>
      <c r="K55" s="67">
        <v>1</v>
      </c>
      <c r="L55" s="79">
        <v>1</v>
      </c>
      <c r="M55" s="80">
        <v>0</v>
      </c>
    </row>
    <row r="56" spans="1:13">
      <c r="A56" s="15" t="s">
        <v>102</v>
      </c>
      <c r="B56" s="67">
        <v>-2</v>
      </c>
      <c r="C56" s="68">
        <v>-3</v>
      </c>
      <c r="D56" s="68">
        <v>1</v>
      </c>
      <c r="E56" s="67">
        <v>1</v>
      </c>
      <c r="F56" s="68">
        <v>1</v>
      </c>
      <c r="G56" s="69">
        <v>0</v>
      </c>
      <c r="H56" s="68">
        <v>1</v>
      </c>
      <c r="I56" s="68">
        <v>0</v>
      </c>
      <c r="J56" s="68">
        <v>1</v>
      </c>
      <c r="K56" s="67">
        <v>2</v>
      </c>
      <c r="L56" s="79">
        <v>2</v>
      </c>
      <c r="M56" s="80">
        <v>0</v>
      </c>
    </row>
    <row r="57" spans="1:13">
      <c r="A57" s="15" t="s">
        <v>104</v>
      </c>
      <c r="B57" s="67">
        <v>0</v>
      </c>
      <c r="C57" s="68">
        <v>1</v>
      </c>
      <c r="D57" s="68">
        <v>-1</v>
      </c>
      <c r="E57" s="67">
        <v>0</v>
      </c>
      <c r="F57" s="68">
        <v>0</v>
      </c>
      <c r="G57" s="69">
        <v>0</v>
      </c>
      <c r="H57" s="68">
        <v>2</v>
      </c>
      <c r="I57" s="68">
        <v>2</v>
      </c>
      <c r="J57" s="68">
        <v>0</v>
      </c>
      <c r="K57" s="67">
        <v>2</v>
      </c>
      <c r="L57" s="79">
        <v>1</v>
      </c>
      <c r="M57" s="80">
        <v>1</v>
      </c>
    </row>
    <row r="58" spans="1:13">
      <c r="A58" s="15" t="s">
        <v>106</v>
      </c>
      <c r="B58" s="67">
        <v>-4</v>
      </c>
      <c r="C58" s="68">
        <v>-3</v>
      </c>
      <c r="D58" s="68">
        <v>-1</v>
      </c>
      <c r="E58" s="67">
        <v>0</v>
      </c>
      <c r="F58" s="68">
        <v>0</v>
      </c>
      <c r="G58" s="69">
        <v>0</v>
      </c>
      <c r="H58" s="68">
        <v>1</v>
      </c>
      <c r="I58" s="68">
        <v>0</v>
      </c>
      <c r="J58" s="68">
        <v>1</v>
      </c>
      <c r="K58" s="67">
        <v>5</v>
      </c>
      <c r="L58" s="79">
        <v>3</v>
      </c>
      <c r="M58" s="80">
        <v>2</v>
      </c>
    </row>
    <row r="59" spans="1:13">
      <c r="A59" s="15" t="s">
        <v>108</v>
      </c>
      <c r="B59" s="67">
        <v>0</v>
      </c>
      <c r="C59" s="68">
        <v>1</v>
      </c>
      <c r="D59" s="68">
        <v>-1</v>
      </c>
      <c r="E59" s="67">
        <v>1</v>
      </c>
      <c r="F59" s="68">
        <v>0</v>
      </c>
      <c r="G59" s="69">
        <v>1</v>
      </c>
      <c r="H59" s="68">
        <v>3</v>
      </c>
      <c r="I59" s="68">
        <v>3</v>
      </c>
      <c r="J59" s="68">
        <v>0</v>
      </c>
      <c r="K59" s="67">
        <v>2</v>
      </c>
      <c r="L59" s="79">
        <v>2</v>
      </c>
      <c r="M59" s="80">
        <v>0</v>
      </c>
    </row>
    <row r="60" spans="1:13" ht="21" customHeight="1">
      <c r="A60" s="36" t="s">
        <v>110</v>
      </c>
      <c r="B60" s="64">
        <v>6</v>
      </c>
      <c r="C60" s="65">
        <v>-2</v>
      </c>
      <c r="D60" s="65">
        <v>8</v>
      </c>
      <c r="E60" s="64">
        <v>2</v>
      </c>
      <c r="F60" s="65">
        <v>2</v>
      </c>
      <c r="G60" s="66">
        <v>0</v>
      </c>
      <c r="H60" s="65">
        <v>20</v>
      </c>
      <c r="I60" s="65">
        <v>4</v>
      </c>
      <c r="J60" s="65">
        <v>16</v>
      </c>
      <c r="K60" s="64">
        <v>12</v>
      </c>
      <c r="L60" s="77">
        <v>4</v>
      </c>
      <c r="M60" s="78">
        <v>8</v>
      </c>
    </row>
    <row r="61" spans="1:13">
      <c r="A61" s="15" t="s">
        <v>112</v>
      </c>
      <c r="B61" s="67">
        <v>-1</v>
      </c>
      <c r="C61" s="68">
        <v>0</v>
      </c>
      <c r="D61" s="68">
        <v>-1</v>
      </c>
      <c r="E61" s="67">
        <v>0</v>
      </c>
      <c r="F61" s="68">
        <v>0</v>
      </c>
      <c r="G61" s="69">
        <v>0</v>
      </c>
      <c r="H61" s="68">
        <v>1</v>
      </c>
      <c r="I61" s="68">
        <v>0</v>
      </c>
      <c r="J61" s="68">
        <v>1</v>
      </c>
      <c r="K61" s="67">
        <v>2</v>
      </c>
      <c r="L61" s="79">
        <v>0</v>
      </c>
      <c r="M61" s="80">
        <v>2</v>
      </c>
    </row>
    <row r="62" spans="1:13">
      <c r="A62" s="15" t="s">
        <v>114</v>
      </c>
      <c r="B62" s="67">
        <v>1</v>
      </c>
      <c r="C62" s="68">
        <v>0</v>
      </c>
      <c r="D62" s="68">
        <v>1</v>
      </c>
      <c r="E62" s="67">
        <v>0</v>
      </c>
      <c r="F62" s="68">
        <v>0</v>
      </c>
      <c r="G62" s="69">
        <v>0</v>
      </c>
      <c r="H62" s="68">
        <v>3</v>
      </c>
      <c r="I62" s="68">
        <v>1</v>
      </c>
      <c r="J62" s="68">
        <v>2</v>
      </c>
      <c r="K62" s="67">
        <v>2</v>
      </c>
      <c r="L62" s="79">
        <v>1</v>
      </c>
      <c r="M62" s="80">
        <v>1</v>
      </c>
    </row>
    <row r="63" spans="1:13">
      <c r="A63" s="15" t="s">
        <v>116</v>
      </c>
      <c r="B63" s="67">
        <v>5</v>
      </c>
      <c r="C63" s="68">
        <v>1</v>
      </c>
      <c r="D63" s="68">
        <v>4</v>
      </c>
      <c r="E63" s="67">
        <v>0</v>
      </c>
      <c r="F63" s="68">
        <v>0</v>
      </c>
      <c r="G63" s="69">
        <v>0</v>
      </c>
      <c r="H63" s="68">
        <v>6</v>
      </c>
      <c r="I63" s="68">
        <v>1</v>
      </c>
      <c r="J63" s="68">
        <v>5</v>
      </c>
      <c r="K63" s="67">
        <v>1</v>
      </c>
      <c r="L63" s="79">
        <v>0</v>
      </c>
      <c r="M63" s="80">
        <v>1</v>
      </c>
    </row>
    <row r="64" spans="1:13">
      <c r="A64" s="15" t="s">
        <v>118</v>
      </c>
      <c r="B64" s="67">
        <v>1</v>
      </c>
      <c r="C64" s="68">
        <v>0</v>
      </c>
      <c r="D64" s="68">
        <v>1</v>
      </c>
      <c r="E64" s="67">
        <v>1</v>
      </c>
      <c r="F64" s="68">
        <v>1</v>
      </c>
      <c r="G64" s="69">
        <v>0</v>
      </c>
      <c r="H64" s="68">
        <v>6</v>
      </c>
      <c r="I64" s="68">
        <v>2</v>
      </c>
      <c r="J64" s="68">
        <v>4</v>
      </c>
      <c r="K64" s="67">
        <v>4</v>
      </c>
      <c r="L64" s="79">
        <v>1</v>
      </c>
      <c r="M64" s="80">
        <v>3</v>
      </c>
    </row>
    <row r="65" spans="1:13">
      <c r="A65" s="19" t="s">
        <v>120</v>
      </c>
      <c r="B65" s="70">
        <v>0</v>
      </c>
      <c r="C65" s="71">
        <v>-3</v>
      </c>
      <c r="D65" s="71">
        <v>3</v>
      </c>
      <c r="E65" s="70">
        <v>1</v>
      </c>
      <c r="F65" s="71">
        <v>1</v>
      </c>
      <c r="G65" s="72">
        <v>0</v>
      </c>
      <c r="H65" s="71">
        <v>4</v>
      </c>
      <c r="I65" s="71">
        <v>0</v>
      </c>
      <c r="J65" s="71">
        <v>4</v>
      </c>
      <c r="K65" s="70">
        <v>3</v>
      </c>
      <c r="L65" s="81">
        <v>2</v>
      </c>
      <c r="M65" s="82">
        <v>1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4</v>
      </c>
      <c r="C69" s="50">
        <v>9</v>
      </c>
      <c r="D69" s="84">
        <v>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28" t="s">
        <v>216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219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5</v>
      </c>
      <c r="C75" s="65">
        <v>6</v>
      </c>
      <c r="D75" s="65">
        <v>-1</v>
      </c>
      <c r="E75" s="64">
        <v>0</v>
      </c>
      <c r="F75" s="65">
        <v>0</v>
      </c>
      <c r="G75" s="66">
        <v>0</v>
      </c>
      <c r="H75" s="65">
        <v>16</v>
      </c>
      <c r="I75" s="65">
        <v>10</v>
      </c>
      <c r="J75" s="65">
        <v>6</v>
      </c>
      <c r="K75" s="64">
        <v>11</v>
      </c>
      <c r="L75" s="77">
        <v>4</v>
      </c>
      <c r="M75" s="78">
        <v>7</v>
      </c>
    </row>
    <row r="76" spans="1:13">
      <c r="A76" s="27" t="s">
        <v>5</v>
      </c>
      <c r="B76" s="67">
        <v>-1</v>
      </c>
      <c r="C76" s="68">
        <v>0</v>
      </c>
      <c r="D76" s="68">
        <v>-1</v>
      </c>
      <c r="E76" s="67">
        <v>0</v>
      </c>
      <c r="F76" s="68">
        <v>0</v>
      </c>
      <c r="G76" s="69">
        <v>0</v>
      </c>
      <c r="H76" s="68">
        <v>3</v>
      </c>
      <c r="I76" s="68">
        <v>2</v>
      </c>
      <c r="J76" s="68">
        <v>1</v>
      </c>
      <c r="K76" s="67">
        <v>4</v>
      </c>
      <c r="L76" s="79">
        <v>2</v>
      </c>
      <c r="M76" s="80">
        <v>2</v>
      </c>
    </row>
    <row r="77" spans="1:13">
      <c r="A77" s="27" t="s">
        <v>7</v>
      </c>
      <c r="B77" s="67">
        <v>1</v>
      </c>
      <c r="C77" s="68">
        <v>3</v>
      </c>
      <c r="D77" s="68">
        <v>-2</v>
      </c>
      <c r="E77" s="67">
        <v>0</v>
      </c>
      <c r="F77" s="68">
        <v>0</v>
      </c>
      <c r="G77" s="69">
        <v>0</v>
      </c>
      <c r="H77" s="68">
        <v>4</v>
      </c>
      <c r="I77" s="68">
        <v>3</v>
      </c>
      <c r="J77" s="68">
        <v>1</v>
      </c>
      <c r="K77" s="67">
        <v>3</v>
      </c>
      <c r="L77" s="79">
        <v>0</v>
      </c>
      <c r="M77" s="80">
        <v>3</v>
      </c>
    </row>
    <row r="78" spans="1:13">
      <c r="A78" s="27" t="s">
        <v>9</v>
      </c>
      <c r="B78" s="67">
        <v>2</v>
      </c>
      <c r="C78" s="68">
        <v>2</v>
      </c>
      <c r="D78" s="68">
        <v>0</v>
      </c>
      <c r="E78" s="67">
        <v>0</v>
      </c>
      <c r="F78" s="68">
        <v>0</v>
      </c>
      <c r="G78" s="69">
        <v>0</v>
      </c>
      <c r="H78" s="68">
        <v>2</v>
      </c>
      <c r="I78" s="68">
        <v>2</v>
      </c>
      <c r="J78" s="68">
        <v>0</v>
      </c>
      <c r="K78" s="67">
        <v>0</v>
      </c>
      <c r="L78" s="79">
        <v>0</v>
      </c>
      <c r="M78" s="80">
        <v>0</v>
      </c>
    </row>
    <row r="79" spans="1:13">
      <c r="A79" s="27" t="s">
        <v>11</v>
      </c>
      <c r="B79" s="67">
        <v>1</v>
      </c>
      <c r="C79" s="68">
        <v>1</v>
      </c>
      <c r="D79" s="68">
        <v>0</v>
      </c>
      <c r="E79" s="67">
        <v>0</v>
      </c>
      <c r="F79" s="68">
        <v>0</v>
      </c>
      <c r="G79" s="69">
        <v>0</v>
      </c>
      <c r="H79" s="68">
        <v>3</v>
      </c>
      <c r="I79" s="68">
        <v>2</v>
      </c>
      <c r="J79" s="68">
        <v>1</v>
      </c>
      <c r="K79" s="67">
        <v>2</v>
      </c>
      <c r="L79" s="79">
        <v>1</v>
      </c>
      <c r="M79" s="80">
        <v>1</v>
      </c>
    </row>
    <row r="80" spans="1:13">
      <c r="A80" s="27" t="s">
        <v>13</v>
      </c>
      <c r="B80" s="67">
        <v>2</v>
      </c>
      <c r="C80" s="68">
        <v>0</v>
      </c>
      <c r="D80" s="68">
        <v>2</v>
      </c>
      <c r="E80" s="67">
        <v>0</v>
      </c>
      <c r="F80" s="68">
        <v>0</v>
      </c>
      <c r="G80" s="69">
        <v>0</v>
      </c>
      <c r="H80" s="68">
        <v>4</v>
      </c>
      <c r="I80" s="68">
        <v>1</v>
      </c>
      <c r="J80" s="68">
        <v>3</v>
      </c>
      <c r="K80" s="67">
        <v>2</v>
      </c>
      <c r="L80" s="79">
        <v>1</v>
      </c>
      <c r="M80" s="80">
        <v>1</v>
      </c>
    </row>
    <row r="81" spans="1:13" ht="21" customHeight="1">
      <c r="A81" s="38" t="s">
        <v>15</v>
      </c>
      <c r="B81" s="64">
        <v>5</v>
      </c>
      <c r="C81" s="65">
        <v>5</v>
      </c>
      <c r="D81" s="65">
        <v>0</v>
      </c>
      <c r="E81" s="64">
        <v>0</v>
      </c>
      <c r="F81" s="65">
        <v>0</v>
      </c>
      <c r="G81" s="66">
        <v>0</v>
      </c>
      <c r="H81" s="65">
        <v>20</v>
      </c>
      <c r="I81" s="65">
        <v>11</v>
      </c>
      <c r="J81" s="65">
        <v>9</v>
      </c>
      <c r="K81" s="64">
        <v>15</v>
      </c>
      <c r="L81" s="77">
        <v>6</v>
      </c>
      <c r="M81" s="78">
        <v>9</v>
      </c>
    </row>
    <row r="82" spans="1:13">
      <c r="A82" s="27" t="s">
        <v>17</v>
      </c>
      <c r="B82" s="67">
        <v>0</v>
      </c>
      <c r="C82" s="68">
        <v>-1</v>
      </c>
      <c r="D82" s="68">
        <v>1</v>
      </c>
      <c r="E82" s="67">
        <v>0</v>
      </c>
      <c r="F82" s="68">
        <v>0</v>
      </c>
      <c r="G82" s="69">
        <v>0</v>
      </c>
      <c r="H82" s="68">
        <v>3</v>
      </c>
      <c r="I82" s="68">
        <v>1</v>
      </c>
      <c r="J82" s="68">
        <v>2</v>
      </c>
      <c r="K82" s="67">
        <v>3</v>
      </c>
      <c r="L82" s="79">
        <v>2</v>
      </c>
      <c r="M82" s="80">
        <v>1</v>
      </c>
    </row>
    <row r="83" spans="1:13">
      <c r="A83" s="27" t="s">
        <v>19</v>
      </c>
      <c r="B83" s="67">
        <v>1</v>
      </c>
      <c r="C83" s="68">
        <v>3</v>
      </c>
      <c r="D83" s="68">
        <v>-2</v>
      </c>
      <c r="E83" s="67">
        <v>0</v>
      </c>
      <c r="F83" s="68">
        <v>0</v>
      </c>
      <c r="G83" s="69">
        <v>0</v>
      </c>
      <c r="H83" s="68">
        <v>4</v>
      </c>
      <c r="I83" s="68">
        <v>3</v>
      </c>
      <c r="J83" s="68">
        <v>1</v>
      </c>
      <c r="K83" s="67">
        <v>3</v>
      </c>
      <c r="L83" s="79">
        <v>0</v>
      </c>
      <c r="M83" s="80">
        <v>3</v>
      </c>
    </row>
    <row r="84" spans="1:13">
      <c r="A84" s="27" t="s">
        <v>21</v>
      </c>
      <c r="B84" s="67">
        <v>0</v>
      </c>
      <c r="C84" s="68">
        <v>0</v>
      </c>
      <c r="D84" s="68">
        <v>0</v>
      </c>
      <c r="E84" s="67">
        <v>0</v>
      </c>
      <c r="F84" s="68">
        <v>0</v>
      </c>
      <c r="G84" s="69">
        <v>0</v>
      </c>
      <c r="H84" s="68">
        <v>1</v>
      </c>
      <c r="I84" s="68">
        <v>1</v>
      </c>
      <c r="J84" s="68">
        <v>0</v>
      </c>
      <c r="K84" s="67">
        <v>1</v>
      </c>
      <c r="L84" s="79">
        <v>1</v>
      </c>
      <c r="M84" s="80">
        <v>0</v>
      </c>
    </row>
    <row r="85" spans="1:13">
      <c r="A85" s="27" t="s">
        <v>23</v>
      </c>
      <c r="B85" s="67">
        <v>1</v>
      </c>
      <c r="C85" s="68">
        <v>1</v>
      </c>
      <c r="D85" s="68">
        <v>0</v>
      </c>
      <c r="E85" s="67">
        <v>0</v>
      </c>
      <c r="F85" s="68">
        <v>0</v>
      </c>
      <c r="G85" s="69">
        <v>0</v>
      </c>
      <c r="H85" s="68">
        <v>4</v>
      </c>
      <c r="I85" s="68">
        <v>2</v>
      </c>
      <c r="J85" s="68">
        <v>2</v>
      </c>
      <c r="K85" s="67">
        <v>3</v>
      </c>
      <c r="L85" s="79">
        <v>1</v>
      </c>
      <c r="M85" s="80">
        <v>2</v>
      </c>
    </row>
    <row r="86" spans="1:13">
      <c r="A86" s="27" t="s">
        <v>25</v>
      </c>
      <c r="B86" s="67">
        <v>3</v>
      </c>
      <c r="C86" s="68">
        <v>2</v>
      </c>
      <c r="D86" s="68">
        <v>1</v>
      </c>
      <c r="E86" s="67">
        <v>0</v>
      </c>
      <c r="F86" s="68">
        <v>0</v>
      </c>
      <c r="G86" s="69">
        <v>0</v>
      </c>
      <c r="H86" s="68">
        <v>8</v>
      </c>
      <c r="I86" s="68">
        <v>4</v>
      </c>
      <c r="J86" s="68">
        <v>4</v>
      </c>
      <c r="K86" s="67">
        <v>5</v>
      </c>
      <c r="L86" s="79">
        <v>2</v>
      </c>
      <c r="M86" s="80">
        <v>3</v>
      </c>
    </row>
    <row r="87" spans="1:13" ht="21" customHeight="1">
      <c r="A87" s="38" t="s">
        <v>27</v>
      </c>
      <c r="B87" s="64">
        <v>0</v>
      </c>
      <c r="C87" s="65">
        <v>0</v>
      </c>
      <c r="D87" s="65">
        <v>0</v>
      </c>
      <c r="E87" s="64">
        <v>0</v>
      </c>
      <c r="F87" s="65">
        <v>0</v>
      </c>
      <c r="G87" s="66">
        <v>0</v>
      </c>
      <c r="H87" s="65">
        <v>9</v>
      </c>
      <c r="I87" s="65">
        <v>5</v>
      </c>
      <c r="J87" s="65">
        <v>4</v>
      </c>
      <c r="K87" s="64">
        <v>9</v>
      </c>
      <c r="L87" s="77">
        <v>5</v>
      </c>
      <c r="M87" s="78">
        <v>4</v>
      </c>
    </row>
    <row r="88" spans="1:13">
      <c r="A88" s="27" t="s">
        <v>29</v>
      </c>
      <c r="B88" s="67">
        <v>1</v>
      </c>
      <c r="C88" s="68">
        <v>1</v>
      </c>
      <c r="D88" s="68">
        <v>0</v>
      </c>
      <c r="E88" s="67">
        <v>0</v>
      </c>
      <c r="F88" s="68">
        <v>0</v>
      </c>
      <c r="G88" s="69">
        <v>0</v>
      </c>
      <c r="H88" s="68">
        <v>3</v>
      </c>
      <c r="I88" s="68">
        <v>2</v>
      </c>
      <c r="J88" s="68">
        <v>1</v>
      </c>
      <c r="K88" s="67">
        <v>2</v>
      </c>
      <c r="L88" s="79">
        <v>1</v>
      </c>
      <c r="M88" s="80">
        <v>1</v>
      </c>
    </row>
    <row r="89" spans="1:13">
      <c r="A89" s="27" t="s">
        <v>31</v>
      </c>
      <c r="B89" s="67">
        <v>3</v>
      </c>
      <c r="C89" s="68">
        <v>1</v>
      </c>
      <c r="D89" s="68">
        <v>2</v>
      </c>
      <c r="E89" s="67">
        <v>0</v>
      </c>
      <c r="F89" s="68">
        <v>0</v>
      </c>
      <c r="G89" s="69">
        <v>0</v>
      </c>
      <c r="H89" s="68">
        <v>3</v>
      </c>
      <c r="I89" s="68">
        <v>1</v>
      </c>
      <c r="J89" s="68">
        <v>2</v>
      </c>
      <c r="K89" s="67">
        <v>0</v>
      </c>
      <c r="L89" s="79">
        <v>0</v>
      </c>
      <c r="M89" s="80">
        <v>0</v>
      </c>
    </row>
    <row r="90" spans="1:13">
      <c r="A90" s="27" t="s">
        <v>33</v>
      </c>
      <c r="B90" s="67">
        <v>0</v>
      </c>
      <c r="C90" s="68">
        <v>0</v>
      </c>
      <c r="D90" s="68">
        <v>0</v>
      </c>
      <c r="E90" s="67">
        <v>0</v>
      </c>
      <c r="F90" s="68">
        <v>0</v>
      </c>
      <c r="G90" s="69">
        <v>0</v>
      </c>
      <c r="H90" s="68">
        <v>1</v>
      </c>
      <c r="I90" s="68">
        <v>1</v>
      </c>
      <c r="J90" s="68">
        <v>0</v>
      </c>
      <c r="K90" s="67">
        <v>1</v>
      </c>
      <c r="L90" s="79">
        <v>1</v>
      </c>
      <c r="M90" s="80">
        <v>0</v>
      </c>
    </row>
    <row r="91" spans="1:13">
      <c r="A91" s="27" t="s">
        <v>35</v>
      </c>
      <c r="B91" s="67">
        <v>-1</v>
      </c>
      <c r="C91" s="68">
        <v>-1</v>
      </c>
      <c r="D91" s="68">
        <v>0</v>
      </c>
      <c r="E91" s="67">
        <v>0</v>
      </c>
      <c r="F91" s="68">
        <v>0</v>
      </c>
      <c r="G91" s="69">
        <v>0</v>
      </c>
      <c r="H91" s="68">
        <v>1</v>
      </c>
      <c r="I91" s="68">
        <v>0</v>
      </c>
      <c r="J91" s="68">
        <v>1</v>
      </c>
      <c r="K91" s="67">
        <v>2</v>
      </c>
      <c r="L91" s="79">
        <v>1</v>
      </c>
      <c r="M91" s="80">
        <v>1</v>
      </c>
    </row>
    <row r="92" spans="1:13">
      <c r="A92" s="27" t="s">
        <v>37</v>
      </c>
      <c r="B92" s="67">
        <v>-3</v>
      </c>
      <c r="C92" s="68">
        <v>-1</v>
      </c>
      <c r="D92" s="68">
        <v>-2</v>
      </c>
      <c r="E92" s="67">
        <v>0</v>
      </c>
      <c r="F92" s="68">
        <v>0</v>
      </c>
      <c r="G92" s="69">
        <v>0</v>
      </c>
      <c r="H92" s="68">
        <v>1</v>
      </c>
      <c r="I92" s="68">
        <v>1</v>
      </c>
      <c r="J92" s="68">
        <v>0</v>
      </c>
      <c r="K92" s="67">
        <v>4</v>
      </c>
      <c r="L92" s="79">
        <v>2</v>
      </c>
      <c r="M92" s="80">
        <v>2</v>
      </c>
    </row>
    <row r="93" spans="1:13" ht="21" customHeight="1">
      <c r="A93" s="38" t="s">
        <v>39</v>
      </c>
      <c r="B93" s="64">
        <v>2</v>
      </c>
      <c r="C93" s="65">
        <v>-1</v>
      </c>
      <c r="D93" s="65">
        <v>3</v>
      </c>
      <c r="E93" s="64">
        <v>8</v>
      </c>
      <c r="F93" s="65">
        <v>7</v>
      </c>
      <c r="G93" s="66">
        <v>1</v>
      </c>
      <c r="H93" s="65">
        <v>12</v>
      </c>
      <c r="I93" s="65">
        <v>7</v>
      </c>
      <c r="J93" s="65">
        <v>5</v>
      </c>
      <c r="K93" s="64">
        <v>2</v>
      </c>
      <c r="L93" s="77">
        <v>1</v>
      </c>
      <c r="M93" s="78">
        <v>1</v>
      </c>
    </row>
    <row r="94" spans="1:13">
      <c r="A94" s="27" t="s">
        <v>41</v>
      </c>
      <c r="B94" s="67">
        <v>6</v>
      </c>
      <c r="C94" s="68">
        <v>4</v>
      </c>
      <c r="D94" s="68">
        <v>2</v>
      </c>
      <c r="E94" s="67">
        <v>0</v>
      </c>
      <c r="F94" s="68">
        <v>0</v>
      </c>
      <c r="G94" s="69">
        <v>0</v>
      </c>
      <c r="H94" s="68">
        <v>6</v>
      </c>
      <c r="I94" s="68">
        <v>4</v>
      </c>
      <c r="J94" s="68">
        <v>2</v>
      </c>
      <c r="K94" s="67">
        <v>0</v>
      </c>
      <c r="L94" s="79">
        <v>0</v>
      </c>
      <c r="M94" s="80">
        <v>0</v>
      </c>
    </row>
    <row r="95" spans="1:13">
      <c r="A95" s="27" t="s">
        <v>43</v>
      </c>
      <c r="B95" s="67">
        <v>-3</v>
      </c>
      <c r="C95" s="68">
        <v>-3</v>
      </c>
      <c r="D95" s="68">
        <v>0</v>
      </c>
      <c r="E95" s="67">
        <v>3</v>
      </c>
      <c r="F95" s="68">
        <v>3</v>
      </c>
      <c r="G95" s="69">
        <v>0</v>
      </c>
      <c r="H95" s="68">
        <v>1</v>
      </c>
      <c r="I95" s="68">
        <v>1</v>
      </c>
      <c r="J95" s="68">
        <v>0</v>
      </c>
      <c r="K95" s="67">
        <v>1</v>
      </c>
      <c r="L95" s="79">
        <v>1</v>
      </c>
      <c r="M95" s="80">
        <v>0</v>
      </c>
    </row>
    <row r="96" spans="1:13">
      <c r="A96" s="27" t="s">
        <v>45</v>
      </c>
      <c r="B96" s="67">
        <v>2</v>
      </c>
      <c r="C96" s="68">
        <v>2</v>
      </c>
      <c r="D96" s="68">
        <v>0</v>
      </c>
      <c r="E96" s="67">
        <v>0</v>
      </c>
      <c r="F96" s="68">
        <v>0</v>
      </c>
      <c r="G96" s="69">
        <v>0</v>
      </c>
      <c r="H96" s="68">
        <v>3</v>
      </c>
      <c r="I96" s="68">
        <v>2</v>
      </c>
      <c r="J96" s="68">
        <v>1</v>
      </c>
      <c r="K96" s="67">
        <v>1</v>
      </c>
      <c r="L96" s="79">
        <v>0</v>
      </c>
      <c r="M96" s="80">
        <v>1</v>
      </c>
    </row>
    <row r="97" spans="1:13">
      <c r="A97" s="27" t="s">
        <v>47</v>
      </c>
      <c r="B97" s="67">
        <v>1</v>
      </c>
      <c r="C97" s="68">
        <v>-1</v>
      </c>
      <c r="D97" s="68">
        <v>2</v>
      </c>
      <c r="E97" s="67">
        <v>1</v>
      </c>
      <c r="F97" s="68">
        <v>1</v>
      </c>
      <c r="G97" s="69">
        <v>0</v>
      </c>
      <c r="H97" s="68">
        <v>2</v>
      </c>
      <c r="I97" s="68">
        <v>0</v>
      </c>
      <c r="J97" s="68">
        <v>2</v>
      </c>
      <c r="K97" s="67">
        <v>0</v>
      </c>
      <c r="L97" s="79">
        <v>0</v>
      </c>
      <c r="M97" s="80">
        <v>0</v>
      </c>
    </row>
    <row r="98" spans="1:13">
      <c r="A98" s="27" t="s">
        <v>49</v>
      </c>
      <c r="B98" s="67">
        <v>-4</v>
      </c>
      <c r="C98" s="68">
        <v>-3</v>
      </c>
      <c r="D98" s="68">
        <v>-1</v>
      </c>
      <c r="E98" s="67">
        <v>4</v>
      </c>
      <c r="F98" s="68">
        <v>3</v>
      </c>
      <c r="G98" s="69">
        <v>1</v>
      </c>
      <c r="H98" s="68">
        <v>0</v>
      </c>
      <c r="I98" s="68">
        <v>0</v>
      </c>
      <c r="J98" s="68">
        <v>0</v>
      </c>
      <c r="K98" s="67">
        <v>0</v>
      </c>
      <c r="L98" s="79">
        <v>0</v>
      </c>
      <c r="M98" s="80">
        <v>0</v>
      </c>
    </row>
    <row r="99" spans="1:13" ht="21" customHeight="1">
      <c r="A99" s="38" t="s">
        <v>51</v>
      </c>
      <c r="B99" s="64">
        <v>-16</v>
      </c>
      <c r="C99" s="65">
        <v>-11</v>
      </c>
      <c r="D99" s="65">
        <v>-5</v>
      </c>
      <c r="E99" s="64">
        <v>13</v>
      </c>
      <c r="F99" s="65">
        <v>9</v>
      </c>
      <c r="G99" s="66">
        <v>4</v>
      </c>
      <c r="H99" s="65">
        <v>9</v>
      </c>
      <c r="I99" s="65">
        <v>5</v>
      </c>
      <c r="J99" s="65">
        <v>4</v>
      </c>
      <c r="K99" s="64">
        <v>12</v>
      </c>
      <c r="L99" s="77">
        <v>7</v>
      </c>
      <c r="M99" s="78">
        <v>5</v>
      </c>
    </row>
    <row r="100" spans="1:13">
      <c r="A100" s="27" t="s">
        <v>53</v>
      </c>
      <c r="B100" s="67">
        <v>-2</v>
      </c>
      <c r="C100" s="68">
        <v>-1</v>
      </c>
      <c r="D100" s="68">
        <v>-1</v>
      </c>
      <c r="E100" s="67">
        <v>3</v>
      </c>
      <c r="F100" s="68">
        <v>2</v>
      </c>
      <c r="G100" s="69">
        <v>1</v>
      </c>
      <c r="H100" s="68">
        <v>2</v>
      </c>
      <c r="I100" s="68">
        <v>1</v>
      </c>
      <c r="J100" s="68">
        <v>1</v>
      </c>
      <c r="K100" s="67">
        <v>1</v>
      </c>
      <c r="L100" s="79">
        <v>0</v>
      </c>
      <c r="M100" s="80">
        <v>1</v>
      </c>
    </row>
    <row r="101" spans="1:13">
      <c r="A101" s="27" t="s">
        <v>55</v>
      </c>
      <c r="B101" s="67">
        <v>0</v>
      </c>
      <c r="C101" s="68">
        <v>-1</v>
      </c>
      <c r="D101" s="68">
        <v>1</v>
      </c>
      <c r="E101" s="67">
        <v>1</v>
      </c>
      <c r="F101" s="68">
        <v>1</v>
      </c>
      <c r="G101" s="69">
        <v>0</v>
      </c>
      <c r="H101" s="68">
        <v>2</v>
      </c>
      <c r="I101" s="68">
        <v>1</v>
      </c>
      <c r="J101" s="68">
        <v>1</v>
      </c>
      <c r="K101" s="67">
        <v>1</v>
      </c>
      <c r="L101" s="79">
        <v>1</v>
      </c>
      <c r="M101" s="80">
        <v>0</v>
      </c>
    </row>
    <row r="102" spans="1:13">
      <c r="A102" s="27" t="s">
        <v>57</v>
      </c>
      <c r="B102" s="67">
        <v>0</v>
      </c>
      <c r="C102" s="68">
        <v>0</v>
      </c>
      <c r="D102" s="68">
        <v>0</v>
      </c>
      <c r="E102" s="67">
        <v>1</v>
      </c>
      <c r="F102" s="68">
        <v>1</v>
      </c>
      <c r="G102" s="69">
        <v>0</v>
      </c>
      <c r="H102" s="68">
        <v>2</v>
      </c>
      <c r="I102" s="68">
        <v>1</v>
      </c>
      <c r="J102" s="68">
        <v>1</v>
      </c>
      <c r="K102" s="67">
        <v>1</v>
      </c>
      <c r="L102" s="79">
        <v>0</v>
      </c>
      <c r="M102" s="80">
        <v>1</v>
      </c>
    </row>
    <row r="103" spans="1:13">
      <c r="A103" s="27" t="s">
        <v>59</v>
      </c>
      <c r="B103" s="67">
        <v>-5</v>
      </c>
      <c r="C103" s="68">
        <v>-3</v>
      </c>
      <c r="D103" s="68">
        <v>-2</v>
      </c>
      <c r="E103" s="67">
        <v>2</v>
      </c>
      <c r="F103" s="68">
        <v>0</v>
      </c>
      <c r="G103" s="69">
        <v>2</v>
      </c>
      <c r="H103" s="68">
        <v>2</v>
      </c>
      <c r="I103" s="68">
        <v>1</v>
      </c>
      <c r="J103" s="68">
        <v>1</v>
      </c>
      <c r="K103" s="67">
        <v>5</v>
      </c>
      <c r="L103" s="79">
        <v>4</v>
      </c>
      <c r="M103" s="80">
        <v>1</v>
      </c>
    </row>
    <row r="104" spans="1:13">
      <c r="A104" s="27" t="s">
        <v>61</v>
      </c>
      <c r="B104" s="67">
        <v>-9</v>
      </c>
      <c r="C104" s="68">
        <v>-6</v>
      </c>
      <c r="D104" s="68">
        <v>-3</v>
      </c>
      <c r="E104" s="67">
        <v>6</v>
      </c>
      <c r="F104" s="68">
        <v>5</v>
      </c>
      <c r="G104" s="69">
        <v>1</v>
      </c>
      <c r="H104" s="68">
        <v>1</v>
      </c>
      <c r="I104" s="68">
        <v>1</v>
      </c>
      <c r="J104" s="68">
        <v>0</v>
      </c>
      <c r="K104" s="67">
        <v>4</v>
      </c>
      <c r="L104" s="79">
        <v>2</v>
      </c>
      <c r="M104" s="80">
        <v>2</v>
      </c>
    </row>
    <row r="105" spans="1:13" ht="21" customHeight="1">
      <c r="A105" s="38" t="s">
        <v>63</v>
      </c>
      <c r="B105" s="64">
        <v>-17</v>
      </c>
      <c r="C105" s="65">
        <v>-5</v>
      </c>
      <c r="D105" s="65">
        <v>-12</v>
      </c>
      <c r="E105" s="64">
        <v>17</v>
      </c>
      <c r="F105" s="65">
        <v>7</v>
      </c>
      <c r="G105" s="66">
        <v>10</v>
      </c>
      <c r="H105" s="65">
        <v>5</v>
      </c>
      <c r="I105" s="65">
        <v>3</v>
      </c>
      <c r="J105" s="65">
        <v>2</v>
      </c>
      <c r="K105" s="64">
        <v>5</v>
      </c>
      <c r="L105" s="77">
        <v>1</v>
      </c>
      <c r="M105" s="78">
        <v>4</v>
      </c>
    </row>
    <row r="106" spans="1:13">
      <c r="A106" s="27" t="s">
        <v>65</v>
      </c>
      <c r="B106" s="67">
        <v>2</v>
      </c>
      <c r="C106" s="68">
        <v>3</v>
      </c>
      <c r="D106" s="68">
        <v>-1</v>
      </c>
      <c r="E106" s="67">
        <v>1</v>
      </c>
      <c r="F106" s="68">
        <v>0</v>
      </c>
      <c r="G106" s="69">
        <v>1</v>
      </c>
      <c r="H106" s="68">
        <v>3</v>
      </c>
      <c r="I106" s="68">
        <v>3</v>
      </c>
      <c r="J106" s="68">
        <v>0</v>
      </c>
      <c r="K106" s="67">
        <v>0</v>
      </c>
      <c r="L106" s="79">
        <v>0</v>
      </c>
      <c r="M106" s="80">
        <v>0</v>
      </c>
    </row>
    <row r="107" spans="1:13">
      <c r="A107" s="27" t="s">
        <v>67</v>
      </c>
      <c r="B107" s="67">
        <v>-5</v>
      </c>
      <c r="C107" s="68">
        <v>-2</v>
      </c>
      <c r="D107" s="68">
        <v>-3</v>
      </c>
      <c r="E107" s="67">
        <v>4</v>
      </c>
      <c r="F107" s="68">
        <v>2</v>
      </c>
      <c r="G107" s="69">
        <v>2</v>
      </c>
      <c r="H107" s="68">
        <v>0</v>
      </c>
      <c r="I107" s="68">
        <v>0</v>
      </c>
      <c r="J107" s="68">
        <v>0</v>
      </c>
      <c r="K107" s="67">
        <v>1</v>
      </c>
      <c r="L107" s="79">
        <v>0</v>
      </c>
      <c r="M107" s="80">
        <v>1</v>
      </c>
    </row>
    <row r="108" spans="1:13">
      <c r="A108" s="27" t="s">
        <v>69</v>
      </c>
      <c r="B108" s="67">
        <v>-3</v>
      </c>
      <c r="C108" s="68">
        <v>-1</v>
      </c>
      <c r="D108" s="68">
        <v>-2</v>
      </c>
      <c r="E108" s="67">
        <v>2</v>
      </c>
      <c r="F108" s="68">
        <v>1</v>
      </c>
      <c r="G108" s="69">
        <v>1</v>
      </c>
      <c r="H108" s="68">
        <v>0</v>
      </c>
      <c r="I108" s="68">
        <v>0</v>
      </c>
      <c r="J108" s="68">
        <v>0</v>
      </c>
      <c r="K108" s="67">
        <v>1</v>
      </c>
      <c r="L108" s="79">
        <v>0</v>
      </c>
      <c r="M108" s="80">
        <v>1</v>
      </c>
    </row>
    <row r="109" spans="1:13">
      <c r="A109" s="27" t="s">
        <v>71</v>
      </c>
      <c r="B109" s="67">
        <v>-5</v>
      </c>
      <c r="C109" s="68">
        <v>-2</v>
      </c>
      <c r="D109" s="68">
        <v>-3</v>
      </c>
      <c r="E109" s="67">
        <v>4</v>
      </c>
      <c r="F109" s="68">
        <v>2</v>
      </c>
      <c r="G109" s="69">
        <v>2</v>
      </c>
      <c r="H109" s="68">
        <v>1</v>
      </c>
      <c r="I109" s="68">
        <v>0</v>
      </c>
      <c r="J109" s="68">
        <v>1</v>
      </c>
      <c r="K109" s="67">
        <v>2</v>
      </c>
      <c r="L109" s="79">
        <v>0</v>
      </c>
      <c r="M109" s="80">
        <v>2</v>
      </c>
    </row>
    <row r="110" spans="1:13">
      <c r="A110" s="27" t="s">
        <v>73</v>
      </c>
      <c r="B110" s="67">
        <v>-6</v>
      </c>
      <c r="C110" s="68">
        <v>-3</v>
      </c>
      <c r="D110" s="68">
        <v>-3</v>
      </c>
      <c r="E110" s="67">
        <v>6</v>
      </c>
      <c r="F110" s="68">
        <v>2</v>
      </c>
      <c r="G110" s="69">
        <v>4</v>
      </c>
      <c r="H110" s="68">
        <v>1</v>
      </c>
      <c r="I110" s="68">
        <v>0</v>
      </c>
      <c r="J110" s="68">
        <v>1</v>
      </c>
      <c r="K110" s="67">
        <v>1</v>
      </c>
      <c r="L110" s="79">
        <v>1</v>
      </c>
      <c r="M110" s="80">
        <v>0</v>
      </c>
    </row>
    <row r="111" spans="1:13" ht="21" customHeight="1">
      <c r="A111" s="38" t="s">
        <v>75</v>
      </c>
      <c r="B111" s="64">
        <v>-23</v>
      </c>
      <c r="C111" s="65">
        <v>-10</v>
      </c>
      <c r="D111" s="65">
        <v>-13</v>
      </c>
      <c r="E111" s="64">
        <v>25</v>
      </c>
      <c r="F111" s="65">
        <v>13</v>
      </c>
      <c r="G111" s="66">
        <v>12</v>
      </c>
      <c r="H111" s="65">
        <v>6</v>
      </c>
      <c r="I111" s="65">
        <v>4</v>
      </c>
      <c r="J111" s="65">
        <v>2</v>
      </c>
      <c r="K111" s="64">
        <v>4</v>
      </c>
      <c r="L111" s="77">
        <v>1</v>
      </c>
      <c r="M111" s="78">
        <v>3</v>
      </c>
    </row>
    <row r="112" spans="1:13">
      <c r="A112" s="27" t="s">
        <v>77</v>
      </c>
      <c r="B112" s="67">
        <v>0</v>
      </c>
      <c r="C112" s="68">
        <v>0</v>
      </c>
      <c r="D112" s="68">
        <v>0</v>
      </c>
      <c r="E112" s="67">
        <v>3</v>
      </c>
      <c r="F112" s="68">
        <v>2</v>
      </c>
      <c r="G112" s="69">
        <v>1</v>
      </c>
      <c r="H112" s="68">
        <v>4</v>
      </c>
      <c r="I112" s="68">
        <v>3</v>
      </c>
      <c r="J112" s="68">
        <v>1</v>
      </c>
      <c r="K112" s="67">
        <v>1</v>
      </c>
      <c r="L112" s="79">
        <v>1</v>
      </c>
      <c r="M112" s="80">
        <v>0</v>
      </c>
    </row>
    <row r="113" spans="1:13">
      <c r="A113" s="27" t="s">
        <v>79</v>
      </c>
      <c r="B113" s="67">
        <v>-7</v>
      </c>
      <c r="C113" s="68">
        <v>-3</v>
      </c>
      <c r="D113" s="68">
        <v>-4</v>
      </c>
      <c r="E113" s="67">
        <v>7</v>
      </c>
      <c r="F113" s="68">
        <v>3</v>
      </c>
      <c r="G113" s="69">
        <v>4</v>
      </c>
      <c r="H113" s="68">
        <v>1</v>
      </c>
      <c r="I113" s="68">
        <v>0</v>
      </c>
      <c r="J113" s="68">
        <v>1</v>
      </c>
      <c r="K113" s="67">
        <v>1</v>
      </c>
      <c r="L113" s="79">
        <v>0</v>
      </c>
      <c r="M113" s="80">
        <v>1</v>
      </c>
    </row>
    <row r="114" spans="1:13">
      <c r="A114" s="27" t="s">
        <v>81</v>
      </c>
      <c r="B114" s="67">
        <v>-7</v>
      </c>
      <c r="C114" s="68">
        <v>-3</v>
      </c>
      <c r="D114" s="68">
        <v>-4</v>
      </c>
      <c r="E114" s="67">
        <v>7</v>
      </c>
      <c r="F114" s="68">
        <v>3</v>
      </c>
      <c r="G114" s="69">
        <v>4</v>
      </c>
      <c r="H114" s="68">
        <v>0</v>
      </c>
      <c r="I114" s="68">
        <v>0</v>
      </c>
      <c r="J114" s="68">
        <v>0</v>
      </c>
      <c r="K114" s="67">
        <v>0</v>
      </c>
      <c r="L114" s="79">
        <v>0</v>
      </c>
      <c r="M114" s="80">
        <v>0</v>
      </c>
    </row>
    <row r="115" spans="1:13">
      <c r="A115" s="27" t="s">
        <v>83</v>
      </c>
      <c r="B115" s="67">
        <v>-2</v>
      </c>
      <c r="C115" s="68">
        <v>-1</v>
      </c>
      <c r="D115" s="68">
        <v>-1</v>
      </c>
      <c r="E115" s="67">
        <v>3</v>
      </c>
      <c r="F115" s="68">
        <v>2</v>
      </c>
      <c r="G115" s="69">
        <v>1</v>
      </c>
      <c r="H115" s="68">
        <v>1</v>
      </c>
      <c r="I115" s="68">
        <v>1</v>
      </c>
      <c r="J115" s="68">
        <v>0</v>
      </c>
      <c r="K115" s="67">
        <v>0</v>
      </c>
      <c r="L115" s="79">
        <v>0</v>
      </c>
      <c r="M115" s="80">
        <v>0</v>
      </c>
    </row>
    <row r="116" spans="1:13">
      <c r="A116" s="27" t="s">
        <v>85</v>
      </c>
      <c r="B116" s="67">
        <v>-7</v>
      </c>
      <c r="C116" s="68">
        <v>-3</v>
      </c>
      <c r="D116" s="68">
        <v>-4</v>
      </c>
      <c r="E116" s="67">
        <v>5</v>
      </c>
      <c r="F116" s="68">
        <v>3</v>
      </c>
      <c r="G116" s="69">
        <v>2</v>
      </c>
      <c r="H116" s="68">
        <v>0</v>
      </c>
      <c r="I116" s="68">
        <v>0</v>
      </c>
      <c r="J116" s="68">
        <v>0</v>
      </c>
      <c r="K116" s="67">
        <v>2</v>
      </c>
      <c r="L116" s="79">
        <v>0</v>
      </c>
      <c r="M116" s="80">
        <v>2</v>
      </c>
    </row>
    <row r="117" spans="1:13" ht="21" customHeight="1">
      <c r="A117" s="38" t="s">
        <v>87</v>
      </c>
      <c r="B117" s="64">
        <v>-30</v>
      </c>
      <c r="C117" s="65">
        <v>-12</v>
      </c>
      <c r="D117" s="65">
        <v>-18</v>
      </c>
      <c r="E117" s="64">
        <v>29</v>
      </c>
      <c r="F117" s="65">
        <v>12</v>
      </c>
      <c r="G117" s="66">
        <v>17</v>
      </c>
      <c r="H117" s="65">
        <v>4</v>
      </c>
      <c r="I117" s="65">
        <v>0</v>
      </c>
      <c r="J117" s="65">
        <v>4</v>
      </c>
      <c r="K117" s="64">
        <v>5</v>
      </c>
      <c r="L117" s="77">
        <v>0</v>
      </c>
      <c r="M117" s="78">
        <v>5</v>
      </c>
    </row>
    <row r="118" spans="1:13">
      <c r="A118" s="27" t="s">
        <v>89</v>
      </c>
      <c r="B118" s="67">
        <v>-11</v>
      </c>
      <c r="C118" s="68">
        <v>-4</v>
      </c>
      <c r="D118" s="68">
        <v>-7</v>
      </c>
      <c r="E118" s="67">
        <v>8</v>
      </c>
      <c r="F118" s="68">
        <v>4</v>
      </c>
      <c r="G118" s="69">
        <v>4</v>
      </c>
      <c r="H118" s="68">
        <v>0</v>
      </c>
      <c r="I118" s="68">
        <v>0</v>
      </c>
      <c r="J118" s="68">
        <v>0</v>
      </c>
      <c r="K118" s="67">
        <v>3</v>
      </c>
      <c r="L118" s="79">
        <v>0</v>
      </c>
      <c r="M118" s="80">
        <v>3</v>
      </c>
    </row>
    <row r="119" spans="1:13">
      <c r="A119" s="27" t="s">
        <v>91</v>
      </c>
      <c r="B119" s="67">
        <v>-3</v>
      </c>
      <c r="C119" s="68">
        <v>-2</v>
      </c>
      <c r="D119" s="68">
        <v>-1</v>
      </c>
      <c r="E119" s="67">
        <v>4</v>
      </c>
      <c r="F119" s="68">
        <v>2</v>
      </c>
      <c r="G119" s="69">
        <v>2</v>
      </c>
      <c r="H119" s="68">
        <v>2</v>
      </c>
      <c r="I119" s="68">
        <v>0</v>
      </c>
      <c r="J119" s="68">
        <v>2</v>
      </c>
      <c r="K119" s="67">
        <v>1</v>
      </c>
      <c r="L119" s="79">
        <v>0</v>
      </c>
      <c r="M119" s="80">
        <v>1</v>
      </c>
    </row>
    <row r="120" spans="1:13">
      <c r="A120" s="27" t="s">
        <v>93</v>
      </c>
      <c r="B120" s="67">
        <v>-7</v>
      </c>
      <c r="C120" s="68">
        <v>-2</v>
      </c>
      <c r="D120" s="68">
        <v>-5</v>
      </c>
      <c r="E120" s="67">
        <v>7</v>
      </c>
      <c r="F120" s="68">
        <v>2</v>
      </c>
      <c r="G120" s="69">
        <v>5</v>
      </c>
      <c r="H120" s="68">
        <v>0</v>
      </c>
      <c r="I120" s="68">
        <v>0</v>
      </c>
      <c r="J120" s="68">
        <v>0</v>
      </c>
      <c r="K120" s="67">
        <v>0</v>
      </c>
      <c r="L120" s="79">
        <v>0</v>
      </c>
      <c r="M120" s="80">
        <v>0</v>
      </c>
    </row>
    <row r="121" spans="1:13">
      <c r="A121" s="27" t="s">
        <v>95</v>
      </c>
      <c r="B121" s="67">
        <v>-5</v>
      </c>
      <c r="C121" s="68">
        <v>-1</v>
      </c>
      <c r="D121" s="68">
        <v>-4</v>
      </c>
      <c r="E121" s="67">
        <v>5</v>
      </c>
      <c r="F121" s="68">
        <v>1</v>
      </c>
      <c r="G121" s="69">
        <v>4</v>
      </c>
      <c r="H121" s="68">
        <v>1</v>
      </c>
      <c r="I121" s="68">
        <v>0</v>
      </c>
      <c r="J121" s="68">
        <v>1</v>
      </c>
      <c r="K121" s="67">
        <v>1</v>
      </c>
      <c r="L121" s="79">
        <v>0</v>
      </c>
      <c r="M121" s="80">
        <v>1</v>
      </c>
    </row>
    <row r="122" spans="1:13">
      <c r="A122" s="27" t="s">
        <v>97</v>
      </c>
      <c r="B122" s="67">
        <v>-4</v>
      </c>
      <c r="C122" s="68">
        <v>-3</v>
      </c>
      <c r="D122" s="68">
        <v>-1</v>
      </c>
      <c r="E122" s="67">
        <v>5</v>
      </c>
      <c r="F122" s="68">
        <v>3</v>
      </c>
      <c r="G122" s="69">
        <v>2</v>
      </c>
      <c r="H122" s="68">
        <v>1</v>
      </c>
      <c r="I122" s="68">
        <v>0</v>
      </c>
      <c r="J122" s="68">
        <v>1</v>
      </c>
      <c r="K122" s="67">
        <v>0</v>
      </c>
      <c r="L122" s="79">
        <v>0</v>
      </c>
      <c r="M122" s="80">
        <v>0</v>
      </c>
    </row>
    <row r="123" spans="1:13" ht="21" customHeight="1">
      <c r="A123" s="38" t="s">
        <v>99</v>
      </c>
      <c r="B123" s="64">
        <v>-21</v>
      </c>
      <c r="C123" s="65">
        <v>-8</v>
      </c>
      <c r="D123" s="65">
        <v>-13</v>
      </c>
      <c r="E123" s="64">
        <v>20</v>
      </c>
      <c r="F123" s="65">
        <v>8</v>
      </c>
      <c r="G123" s="66">
        <v>12</v>
      </c>
      <c r="H123" s="65">
        <v>1</v>
      </c>
      <c r="I123" s="65">
        <v>0</v>
      </c>
      <c r="J123" s="65">
        <v>1</v>
      </c>
      <c r="K123" s="64">
        <v>2</v>
      </c>
      <c r="L123" s="77">
        <v>0</v>
      </c>
      <c r="M123" s="78">
        <v>2</v>
      </c>
    </row>
    <row r="124" spans="1:13">
      <c r="A124" s="27" t="s">
        <v>101</v>
      </c>
      <c r="B124" s="67">
        <v>-7</v>
      </c>
      <c r="C124" s="68">
        <v>-2</v>
      </c>
      <c r="D124" s="68">
        <v>-5</v>
      </c>
      <c r="E124" s="67">
        <v>6</v>
      </c>
      <c r="F124" s="68">
        <v>2</v>
      </c>
      <c r="G124" s="69">
        <v>4</v>
      </c>
      <c r="H124" s="68">
        <v>0</v>
      </c>
      <c r="I124" s="68">
        <v>0</v>
      </c>
      <c r="J124" s="68">
        <v>0</v>
      </c>
      <c r="K124" s="67">
        <v>1</v>
      </c>
      <c r="L124" s="79">
        <v>0</v>
      </c>
      <c r="M124" s="80">
        <v>1</v>
      </c>
    </row>
    <row r="125" spans="1:13">
      <c r="A125" s="27" t="s">
        <v>103</v>
      </c>
      <c r="B125" s="67">
        <v>-4</v>
      </c>
      <c r="C125" s="68">
        <v>-2</v>
      </c>
      <c r="D125" s="68">
        <v>-2</v>
      </c>
      <c r="E125" s="67">
        <v>3</v>
      </c>
      <c r="F125" s="68">
        <v>2</v>
      </c>
      <c r="G125" s="69">
        <v>1</v>
      </c>
      <c r="H125" s="68">
        <v>0</v>
      </c>
      <c r="I125" s="68">
        <v>0</v>
      </c>
      <c r="J125" s="68">
        <v>0</v>
      </c>
      <c r="K125" s="67">
        <v>1</v>
      </c>
      <c r="L125" s="79">
        <v>0</v>
      </c>
      <c r="M125" s="80">
        <v>1</v>
      </c>
    </row>
    <row r="126" spans="1:13">
      <c r="A126" s="27" t="s">
        <v>105</v>
      </c>
      <c r="B126" s="67">
        <v>-4</v>
      </c>
      <c r="C126" s="68">
        <v>-1</v>
      </c>
      <c r="D126" s="68">
        <v>-3</v>
      </c>
      <c r="E126" s="67">
        <v>5</v>
      </c>
      <c r="F126" s="68">
        <v>1</v>
      </c>
      <c r="G126" s="69">
        <v>4</v>
      </c>
      <c r="H126" s="68">
        <v>1</v>
      </c>
      <c r="I126" s="68">
        <v>0</v>
      </c>
      <c r="J126" s="68">
        <v>1</v>
      </c>
      <c r="K126" s="67">
        <v>0</v>
      </c>
      <c r="L126" s="79">
        <v>0</v>
      </c>
      <c r="M126" s="80">
        <v>0</v>
      </c>
    </row>
    <row r="127" spans="1:13">
      <c r="A127" s="27" t="s">
        <v>107</v>
      </c>
      <c r="B127" s="67">
        <v>-2</v>
      </c>
      <c r="C127" s="68">
        <v>-2</v>
      </c>
      <c r="D127" s="68">
        <v>0</v>
      </c>
      <c r="E127" s="67">
        <v>2</v>
      </c>
      <c r="F127" s="68">
        <v>2</v>
      </c>
      <c r="G127" s="69">
        <v>0</v>
      </c>
      <c r="H127" s="68">
        <v>0</v>
      </c>
      <c r="I127" s="68">
        <v>0</v>
      </c>
      <c r="J127" s="68">
        <v>0</v>
      </c>
      <c r="K127" s="67">
        <v>0</v>
      </c>
      <c r="L127" s="79">
        <v>0</v>
      </c>
      <c r="M127" s="80">
        <v>0</v>
      </c>
    </row>
    <row r="128" spans="1:13">
      <c r="A128" s="27" t="s">
        <v>109</v>
      </c>
      <c r="B128" s="67">
        <v>-4</v>
      </c>
      <c r="C128" s="68">
        <v>-1</v>
      </c>
      <c r="D128" s="68">
        <v>-3</v>
      </c>
      <c r="E128" s="67">
        <v>4</v>
      </c>
      <c r="F128" s="68">
        <v>1</v>
      </c>
      <c r="G128" s="69">
        <v>3</v>
      </c>
      <c r="H128" s="68">
        <v>0</v>
      </c>
      <c r="I128" s="68">
        <v>0</v>
      </c>
      <c r="J128" s="68">
        <v>0</v>
      </c>
      <c r="K128" s="67">
        <v>0</v>
      </c>
      <c r="L128" s="79">
        <v>0</v>
      </c>
      <c r="M128" s="80">
        <v>0</v>
      </c>
    </row>
    <row r="129" spans="1:14" ht="21" customHeight="1">
      <c r="A129" s="38" t="s">
        <v>111</v>
      </c>
      <c r="B129" s="64">
        <v>-7</v>
      </c>
      <c r="C129" s="65">
        <v>0</v>
      </c>
      <c r="D129" s="65">
        <v>-7</v>
      </c>
      <c r="E129" s="64">
        <v>8</v>
      </c>
      <c r="F129" s="65">
        <v>0</v>
      </c>
      <c r="G129" s="66">
        <v>8</v>
      </c>
      <c r="H129" s="65">
        <v>1</v>
      </c>
      <c r="I129" s="65">
        <v>0</v>
      </c>
      <c r="J129" s="65">
        <v>1</v>
      </c>
      <c r="K129" s="64">
        <v>0</v>
      </c>
      <c r="L129" s="77">
        <v>0</v>
      </c>
      <c r="M129" s="78">
        <v>0</v>
      </c>
    </row>
    <row r="130" spans="1:14">
      <c r="A130" s="27" t="s">
        <v>113</v>
      </c>
      <c r="B130" s="67">
        <v>-2</v>
      </c>
      <c r="C130" s="68">
        <v>0</v>
      </c>
      <c r="D130" s="68">
        <v>-2</v>
      </c>
      <c r="E130" s="67">
        <v>2</v>
      </c>
      <c r="F130" s="68">
        <v>0</v>
      </c>
      <c r="G130" s="69">
        <v>2</v>
      </c>
      <c r="H130" s="68">
        <v>0</v>
      </c>
      <c r="I130" s="68">
        <v>0</v>
      </c>
      <c r="J130" s="68">
        <v>0</v>
      </c>
      <c r="K130" s="67">
        <v>0</v>
      </c>
      <c r="L130" s="79">
        <v>0</v>
      </c>
      <c r="M130" s="80">
        <v>0</v>
      </c>
    </row>
    <row r="131" spans="1:14">
      <c r="A131" s="27" t="s">
        <v>115</v>
      </c>
      <c r="B131" s="67">
        <v>-2</v>
      </c>
      <c r="C131" s="68">
        <v>0</v>
      </c>
      <c r="D131" s="68">
        <v>-2</v>
      </c>
      <c r="E131" s="67">
        <v>2</v>
      </c>
      <c r="F131" s="68">
        <v>0</v>
      </c>
      <c r="G131" s="69">
        <v>2</v>
      </c>
      <c r="H131" s="68">
        <v>0</v>
      </c>
      <c r="I131" s="68">
        <v>0</v>
      </c>
      <c r="J131" s="68">
        <v>0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0</v>
      </c>
      <c r="C132" s="68">
        <v>0</v>
      </c>
      <c r="D132" s="68">
        <v>0</v>
      </c>
      <c r="E132" s="67">
        <v>1</v>
      </c>
      <c r="F132" s="68">
        <v>0</v>
      </c>
      <c r="G132" s="69">
        <v>1</v>
      </c>
      <c r="H132" s="68">
        <v>1</v>
      </c>
      <c r="I132" s="68">
        <v>0</v>
      </c>
      <c r="J132" s="68">
        <v>1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3</v>
      </c>
      <c r="C133" s="68">
        <v>0</v>
      </c>
      <c r="D133" s="68">
        <v>-3</v>
      </c>
      <c r="E133" s="67">
        <v>3</v>
      </c>
      <c r="F133" s="68">
        <v>0</v>
      </c>
      <c r="G133" s="69">
        <v>3</v>
      </c>
      <c r="H133" s="68">
        <v>0</v>
      </c>
      <c r="I133" s="68">
        <v>0</v>
      </c>
      <c r="J133" s="68">
        <v>0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0</v>
      </c>
      <c r="C134" s="68">
        <v>0</v>
      </c>
      <c r="D134" s="68">
        <v>0</v>
      </c>
      <c r="E134" s="67">
        <v>0</v>
      </c>
      <c r="F134" s="68">
        <v>0</v>
      </c>
      <c r="G134" s="69">
        <v>0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2</v>
      </c>
      <c r="C135" s="40">
        <v>0</v>
      </c>
      <c r="D135" s="40">
        <v>-2</v>
      </c>
      <c r="E135" s="42">
        <v>2</v>
      </c>
      <c r="F135" s="40">
        <v>0</v>
      </c>
      <c r="G135" s="43">
        <v>2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29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3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252</v>
      </c>
      <c r="C5" s="62">
        <v>-116</v>
      </c>
      <c r="D5" s="62">
        <v>-136</v>
      </c>
      <c r="E5" s="61">
        <v>483</v>
      </c>
      <c r="F5" s="62">
        <v>245</v>
      </c>
      <c r="G5" s="63">
        <v>238</v>
      </c>
      <c r="H5" s="62">
        <v>1237</v>
      </c>
      <c r="I5" s="62">
        <v>583</v>
      </c>
      <c r="J5" s="62">
        <v>654</v>
      </c>
      <c r="K5" s="61">
        <v>1074</v>
      </c>
      <c r="L5" s="75">
        <v>487</v>
      </c>
      <c r="M5" s="76">
        <v>587</v>
      </c>
    </row>
    <row r="6" spans="1:13" ht="23.25" customHeight="1">
      <c r="A6" s="36" t="s">
        <v>2</v>
      </c>
      <c r="B6" s="64">
        <v>64</v>
      </c>
      <c r="C6" s="65">
        <v>27</v>
      </c>
      <c r="D6" s="65">
        <v>37</v>
      </c>
      <c r="E6" s="64">
        <v>0</v>
      </c>
      <c r="F6" s="65">
        <v>0</v>
      </c>
      <c r="G6" s="66">
        <v>0</v>
      </c>
      <c r="H6" s="65">
        <v>25</v>
      </c>
      <c r="I6" s="65">
        <v>12</v>
      </c>
      <c r="J6" s="65">
        <v>13</v>
      </c>
      <c r="K6" s="64">
        <v>29</v>
      </c>
      <c r="L6" s="77">
        <v>18</v>
      </c>
      <c r="M6" s="78">
        <v>11</v>
      </c>
    </row>
    <row r="7" spans="1:13">
      <c r="A7" s="15" t="s">
        <v>4</v>
      </c>
      <c r="B7" s="67">
        <v>69</v>
      </c>
      <c r="C7" s="68">
        <v>33</v>
      </c>
      <c r="D7" s="68">
        <v>36</v>
      </c>
      <c r="E7" s="67">
        <v>0</v>
      </c>
      <c r="F7" s="68">
        <v>0</v>
      </c>
      <c r="G7" s="69">
        <v>0</v>
      </c>
      <c r="H7" s="68">
        <v>3</v>
      </c>
      <c r="I7" s="68">
        <v>1</v>
      </c>
      <c r="J7" s="68">
        <v>2</v>
      </c>
      <c r="K7" s="67">
        <v>2</v>
      </c>
      <c r="L7" s="79">
        <v>1</v>
      </c>
      <c r="M7" s="80">
        <v>1</v>
      </c>
    </row>
    <row r="8" spans="1:13">
      <c r="A8" s="15" t="s">
        <v>6</v>
      </c>
      <c r="B8" s="67">
        <v>-4</v>
      </c>
      <c r="C8" s="68">
        <v>-6</v>
      </c>
      <c r="D8" s="68">
        <v>2</v>
      </c>
      <c r="E8" s="67">
        <v>0</v>
      </c>
      <c r="F8" s="68">
        <v>0</v>
      </c>
      <c r="G8" s="69">
        <v>0</v>
      </c>
      <c r="H8" s="68">
        <v>6</v>
      </c>
      <c r="I8" s="68">
        <v>1</v>
      </c>
      <c r="J8" s="68">
        <v>5</v>
      </c>
      <c r="K8" s="67">
        <v>10</v>
      </c>
      <c r="L8" s="79">
        <v>7</v>
      </c>
      <c r="M8" s="80">
        <v>3</v>
      </c>
    </row>
    <row r="9" spans="1:13">
      <c r="A9" s="15" t="s">
        <v>8</v>
      </c>
      <c r="B9" s="67">
        <v>1</v>
      </c>
      <c r="C9" s="68">
        <v>-1</v>
      </c>
      <c r="D9" s="68">
        <v>2</v>
      </c>
      <c r="E9" s="67">
        <v>0</v>
      </c>
      <c r="F9" s="68">
        <v>0</v>
      </c>
      <c r="G9" s="69">
        <v>0</v>
      </c>
      <c r="H9" s="68">
        <v>7</v>
      </c>
      <c r="I9" s="68">
        <v>4</v>
      </c>
      <c r="J9" s="68">
        <v>3</v>
      </c>
      <c r="K9" s="67">
        <v>6</v>
      </c>
      <c r="L9" s="79">
        <v>5</v>
      </c>
      <c r="M9" s="80">
        <v>1</v>
      </c>
    </row>
    <row r="10" spans="1:13">
      <c r="A10" s="15" t="s">
        <v>10</v>
      </c>
      <c r="B10" s="67">
        <v>1</v>
      </c>
      <c r="C10" s="68">
        <v>1</v>
      </c>
      <c r="D10" s="68">
        <v>0</v>
      </c>
      <c r="E10" s="67">
        <v>0</v>
      </c>
      <c r="F10" s="68">
        <v>0</v>
      </c>
      <c r="G10" s="69">
        <v>0</v>
      </c>
      <c r="H10" s="68">
        <v>4</v>
      </c>
      <c r="I10" s="68">
        <v>3</v>
      </c>
      <c r="J10" s="68">
        <v>1</v>
      </c>
      <c r="K10" s="67">
        <v>3</v>
      </c>
      <c r="L10" s="79">
        <v>2</v>
      </c>
      <c r="M10" s="80">
        <v>1</v>
      </c>
    </row>
    <row r="11" spans="1:13">
      <c r="A11" s="15" t="s">
        <v>12</v>
      </c>
      <c r="B11" s="67">
        <v>-3</v>
      </c>
      <c r="C11" s="68">
        <v>0</v>
      </c>
      <c r="D11" s="68">
        <v>-3</v>
      </c>
      <c r="E11" s="67">
        <v>0</v>
      </c>
      <c r="F11" s="68">
        <v>0</v>
      </c>
      <c r="G11" s="69">
        <v>0</v>
      </c>
      <c r="H11" s="68">
        <v>5</v>
      </c>
      <c r="I11" s="68">
        <v>3</v>
      </c>
      <c r="J11" s="68">
        <v>2</v>
      </c>
      <c r="K11" s="67">
        <v>8</v>
      </c>
      <c r="L11" s="79">
        <v>3</v>
      </c>
      <c r="M11" s="80">
        <v>5</v>
      </c>
    </row>
    <row r="12" spans="1:13" ht="21" customHeight="1">
      <c r="A12" s="36" t="s">
        <v>14</v>
      </c>
      <c r="B12" s="64">
        <v>9</v>
      </c>
      <c r="C12" s="65">
        <v>7</v>
      </c>
      <c r="D12" s="65">
        <v>2</v>
      </c>
      <c r="E12" s="64">
        <v>0</v>
      </c>
      <c r="F12" s="65">
        <v>0</v>
      </c>
      <c r="G12" s="66">
        <v>0</v>
      </c>
      <c r="H12" s="65">
        <v>30</v>
      </c>
      <c r="I12" s="65">
        <v>16</v>
      </c>
      <c r="J12" s="65">
        <v>14</v>
      </c>
      <c r="K12" s="64">
        <v>21</v>
      </c>
      <c r="L12" s="77">
        <v>9</v>
      </c>
      <c r="M12" s="78">
        <v>12</v>
      </c>
    </row>
    <row r="13" spans="1:13">
      <c r="A13" s="15" t="s">
        <v>16</v>
      </c>
      <c r="B13" s="67">
        <v>3</v>
      </c>
      <c r="C13" s="68">
        <v>-1</v>
      </c>
      <c r="D13" s="68">
        <v>4</v>
      </c>
      <c r="E13" s="67">
        <v>0</v>
      </c>
      <c r="F13" s="68">
        <v>0</v>
      </c>
      <c r="G13" s="69">
        <v>0</v>
      </c>
      <c r="H13" s="68">
        <v>6</v>
      </c>
      <c r="I13" s="68">
        <v>2</v>
      </c>
      <c r="J13" s="68">
        <v>4</v>
      </c>
      <c r="K13" s="67">
        <v>3</v>
      </c>
      <c r="L13" s="79">
        <v>3</v>
      </c>
      <c r="M13" s="80">
        <v>0</v>
      </c>
    </row>
    <row r="14" spans="1:13">
      <c r="A14" s="15" t="s">
        <v>18</v>
      </c>
      <c r="B14" s="67">
        <v>-1</v>
      </c>
      <c r="C14" s="68">
        <v>0</v>
      </c>
      <c r="D14" s="68">
        <v>-1</v>
      </c>
      <c r="E14" s="67">
        <v>0</v>
      </c>
      <c r="F14" s="68">
        <v>0</v>
      </c>
      <c r="G14" s="69">
        <v>0</v>
      </c>
      <c r="H14" s="68">
        <v>5</v>
      </c>
      <c r="I14" s="68">
        <v>3</v>
      </c>
      <c r="J14" s="68">
        <v>2</v>
      </c>
      <c r="K14" s="67">
        <v>6</v>
      </c>
      <c r="L14" s="79">
        <v>3</v>
      </c>
      <c r="M14" s="80">
        <v>3</v>
      </c>
    </row>
    <row r="15" spans="1:13">
      <c r="A15" s="15" t="s">
        <v>20</v>
      </c>
      <c r="B15" s="67">
        <v>3</v>
      </c>
      <c r="C15" s="68">
        <v>4</v>
      </c>
      <c r="D15" s="68">
        <v>-1</v>
      </c>
      <c r="E15" s="67">
        <v>0</v>
      </c>
      <c r="F15" s="68">
        <v>0</v>
      </c>
      <c r="G15" s="69">
        <v>0</v>
      </c>
      <c r="H15" s="68">
        <v>8</v>
      </c>
      <c r="I15" s="68">
        <v>5</v>
      </c>
      <c r="J15" s="68">
        <v>3</v>
      </c>
      <c r="K15" s="67">
        <v>5</v>
      </c>
      <c r="L15" s="79">
        <v>1</v>
      </c>
      <c r="M15" s="80">
        <v>4</v>
      </c>
    </row>
    <row r="16" spans="1:13">
      <c r="A16" s="15" t="s">
        <v>22</v>
      </c>
      <c r="B16" s="67">
        <v>4</v>
      </c>
      <c r="C16" s="68">
        <v>3</v>
      </c>
      <c r="D16" s="68">
        <v>1</v>
      </c>
      <c r="E16" s="67">
        <v>0</v>
      </c>
      <c r="F16" s="68">
        <v>0</v>
      </c>
      <c r="G16" s="69">
        <v>0</v>
      </c>
      <c r="H16" s="68">
        <v>7</v>
      </c>
      <c r="I16" s="68">
        <v>3</v>
      </c>
      <c r="J16" s="68">
        <v>4</v>
      </c>
      <c r="K16" s="67">
        <v>3</v>
      </c>
      <c r="L16" s="79">
        <v>0</v>
      </c>
      <c r="M16" s="80">
        <v>3</v>
      </c>
    </row>
    <row r="17" spans="1:13">
      <c r="A17" s="15" t="s">
        <v>24</v>
      </c>
      <c r="B17" s="67">
        <v>0</v>
      </c>
      <c r="C17" s="68">
        <v>1</v>
      </c>
      <c r="D17" s="68">
        <v>-1</v>
      </c>
      <c r="E17" s="67">
        <v>0</v>
      </c>
      <c r="F17" s="68">
        <v>0</v>
      </c>
      <c r="G17" s="69">
        <v>0</v>
      </c>
      <c r="H17" s="68">
        <v>4</v>
      </c>
      <c r="I17" s="68">
        <v>3</v>
      </c>
      <c r="J17" s="68">
        <v>1</v>
      </c>
      <c r="K17" s="67">
        <v>4</v>
      </c>
      <c r="L17" s="79">
        <v>2</v>
      </c>
      <c r="M17" s="80">
        <v>2</v>
      </c>
    </row>
    <row r="18" spans="1:13" ht="21" customHeight="1">
      <c r="A18" s="36" t="s">
        <v>26</v>
      </c>
      <c r="B18" s="64">
        <v>1</v>
      </c>
      <c r="C18" s="65">
        <v>3</v>
      </c>
      <c r="D18" s="65">
        <v>-2</v>
      </c>
      <c r="E18" s="64">
        <v>0</v>
      </c>
      <c r="F18" s="65">
        <v>0</v>
      </c>
      <c r="G18" s="66">
        <v>0</v>
      </c>
      <c r="H18" s="65">
        <v>16</v>
      </c>
      <c r="I18" s="65">
        <v>11</v>
      </c>
      <c r="J18" s="65">
        <v>5</v>
      </c>
      <c r="K18" s="64">
        <v>15</v>
      </c>
      <c r="L18" s="77">
        <v>8</v>
      </c>
      <c r="M18" s="78">
        <v>7</v>
      </c>
    </row>
    <row r="19" spans="1:13">
      <c r="A19" s="15" t="s">
        <v>28</v>
      </c>
      <c r="B19" s="67">
        <v>1</v>
      </c>
      <c r="C19" s="68">
        <v>-1</v>
      </c>
      <c r="D19" s="68">
        <v>2</v>
      </c>
      <c r="E19" s="67">
        <v>0</v>
      </c>
      <c r="F19" s="68">
        <v>0</v>
      </c>
      <c r="G19" s="69">
        <v>0</v>
      </c>
      <c r="H19" s="68">
        <v>5</v>
      </c>
      <c r="I19" s="68">
        <v>3</v>
      </c>
      <c r="J19" s="68">
        <v>2</v>
      </c>
      <c r="K19" s="67">
        <v>4</v>
      </c>
      <c r="L19" s="79">
        <v>4</v>
      </c>
      <c r="M19" s="80">
        <v>0</v>
      </c>
    </row>
    <row r="20" spans="1:13">
      <c r="A20" s="15" t="s">
        <v>30</v>
      </c>
      <c r="B20" s="67">
        <v>2</v>
      </c>
      <c r="C20" s="68">
        <v>3</v>
      </c>
      <c r="D20" s="68">
        <v>-1</v>
      </c>
      <c r="E20" s="67">
        <v>0</v>
      </c>
      <c r="F20" s="68">
        <v>0</v>
      </c>
      <c r="G20" s="69">
        <v>0</v>
      </c>
      <c r="H20" s="68">
        <v>6</v>
      </c>
      <c r="I20" s="68">
        <v>4</v>
      </c>
      <c r="J20" s="68">
        <v>2</v>
      </c>
      <c r="K20" s="67">
        <v>4</v>
      </c>
      <c r="L20" s="79">
        <v>1</v>
      </c>
      <c r="M20" s="80">
        <v>3</v>
      </c>
    </row>
    <row r="21" spans="1:13">
      <c r="A21" s="15" t="s">
        <v>32</v>
      </c>
      <c r="B21" s="67">
        <v>-1</v>
      </c>
      <c r="C21" s="68">
        <v>0</v>
      </c>
      <c r="D21" s="68">
        <v>-1</v>
      </c>
      <c r="E21" s="67">
        <v>0</v>
      </c>
      <c r="F21" s="68">
        <v>0</v>
      </c>
      <c r="G21" s="69">
        <v>0</v>
      </c>
      <c r="H21" s="68">
        <v>1</v>
      </c>
      <c r="I21" s="68">
        <v>1</v>
      </c>
      <c r="J21" s="68">
        <v>0</v>
      </c>
      <c r="K21" s="67">
        <v>2</v>
      </c>
      <c r="L21" s="79">
        <v>1</v>
      </c>
      <c r="M21" s="80">
        <v>1</v>
      </c>
    </row>
    <row r="22" spans="1:13">
      <c r="A22" s="15" t="s">
        <v>34</v>
      </c>
      <c r="B22" s="67">
        <v>0</v>
      </c>
      <c r="C22" s="68">
        <v>1</v>
      </c>
      <c r="D22" s="68">
        <v>-1</v>
      </c>
      <c r="E22" s="67">
        <v>0</v>
      </c>
      <c r="F22" s="68">
        <v>0</v>
      </c>
      <c r="G22" s="69">
        <v>0</v>
      </c>
      <c r="H22" s="68">
        <v>3</v>
      </c>
      <c r="I22" s="68">
        <v>2</v>
      </c>
      <c r="J22" s="68">
        <v>1</v>
      </c>
      <c r="K22" s="67">
        <v>3</v>
      </c>
      <c r="L22" s="79">
        <v>1</v>
      </c>
      <c r="M22" s="80">
        <v>2</v>
      </c>
    </row>
    <row r="23" spans="1:13">
      <c r="A23" s="15" t="s">
        <v>36</v>
      </c>
      <c r="B23" s="67">
        <v>-1</v>
      </c>
      <c r="C23" s="68">
        <v>0</v>
      </c>
      <c r="D23" s="68">
        <v>-1</v>
      </c>
      <c r="E23" s="67">
        <v>0</v>
      </c>
      <c r="F23" s="68">
        <v>0</v>
      </c>
      <c r="G23" s="69">
        <v>0</v>
      </c>
      <c r="H23" s="68">
        <v>1</v>
      </c>
      <c r="I23" s="68">
        <v>1</v>
      </c>
      <c r="J23" s="68">
        <v>0</v>
      </c>
      <c r="K23" s="67">
        <v>2</v>
      </c>
      <c r="L23" s="79">
        <v>1</v>
      </c>
      <c r="M23" s="80">
        <v>1</v>
      </c>
    </row>
    <row r="24" spans="1:13" ht="21" customHeight="1">
      <c r="A24" s="36" t="s">
        <v>38</v>
      </c>
      <c r="B24" s="64">
        <v>-7</v>
      </c>
      <c r="C24" s="65">
        <v>2</v>
      </c>
      <c r="D24" s="65">
        <v>-9</v>
      </c>
      <c r="E24" s="64">
        <v>0</v>
      </c>
      <c r="F24" s="65">
        <v>0</v>
      </c>
      <c r="G24" s="66">
        <v>0</v>
      </c>
      <c r="H24" s="65">
        <v>32</v>
      </c>
      <c r="I24" s="65">
        <v>15</v>
      </c>
      <c r="J24" s="65">
        <v>17</v>
      </c>
      <c r="K24" s="64">
        <v>39</v>
      </c>
      <c r="L24" s="77">
        <v>13</v>
      </c>
      <c r="M24" s="78">
        <v>26</v>
      </c>
    </row>
    <row r="25" spans="1:13">
      <c r="A25" s="15" t="s">
        <v>40</v>
      </c>
      <c r="B25" s="67">
        <v>1</v>
      </c>
      <c r="C25" s="68">
        <v>0</v>
      </c>
      <c r="D25" s="68">
        <v>1</v>
      </c>
      <c r="E25" s="67">
        <v>0</v>
      </c>
      <c r="F25" s="68">
        <v>0</v>
      </c>
      <c r="G25" s="69">
        <v>0</v>
      </c>
      <c r="H25" s="68">
        <v>3</v>
      </c>
      <c r="I25" s="68">
        <v>1</v>
      </c>
      <c r="J25" s="68">
        <v>2</v>
      </c>
      <c r="K25" s="67">
        <v>2</v>
      </c>
      <c r="L25" s="79">
        <v>1</v>
      </c>
      <c r="M25" s="80">
        <v>1</v>
      </c>
    </row>
    <row r="26" spans="1:13">
      <c r="A26" s="15" t="s">
        <v>42</v>
      </c>
      <c r="B26" s="67">
        <v>-1</v>
      </c>
      <c r="C26" s="68">
        <v>-1</v>
      </c>
      <c r="D26" s="68">
        <v>0</v>
      </c>
      <c r="E26" s="67">
        <v>0</v>
      </c>
      <c r="F26" s="68">
        <v>0</v>
      </c>
      <c r="G26" s="69">
        <v>0</v>
      </c>
      <c r="H26" s="68">
        <v>4</v>
      </c>
      <c r="I26" s="68">
        <v>2</v>
      </c>
      <c r="J26" s="68">
        <v>2</v>
      </c>
      <c r="K26" s="67">
        <v>5</v>
      </c>
      <c r="L26" s="79">
        <v>3</v>
      </c>
      <c r="M26" s="80">
        <v>2</v>
      </c>
    </row>
    <row r="27" spans="1:13">
      <c r="A27" s="15" t="s">
        <v>44</v>
      </c>
      <c r="B27" s="67">
        <v>-1</v>
      </c>
      <c r="C27" s="68">
        <v>1</v>
      </c>
      <c r="D27" s="68">
        <v>-2</v>
      </c>
      <c r="E27" s="67">
        <v>0</v>
      </c>
      <c r="F27" s="68">
        <v>0</v>
      </c>
      <c r="G27" s="69">
        <v>0</v>
      </c>
      <c r="H27" s="68">
        <v>1</v>
      </c>
      <c r="I27" s="68">
        <v>1</v>
      </c>
      <c r="J27" s="68">
        <v>0</v>
      </c>
      <c r="K27" s="67">
        <v>2</v>
      </c>
      <c r="L27" s="79">
        <v>0</v>
      </c>
      <c r="M27" s="80">
        <v>2</v>
      </c>
    </row>
    <row r="28" spans="1:13">
      <c r="A28" s="15" t="s">
        <v>46</v>
      </c>
      <c r="B28" s="67">
        <v>-6</v>
      </c>
      <c r="C28" s="68">
        <v>2</v>
      </c>
      <c r="D28" s="68">
        <v>-8</v>
      </c>
      <c r="E28" s="67">
        <v>0</v>
      </c>
      <c r="F28" s="68">
        <v>0</v>
      </c>
      <c r="G28" s="69">
        <v>0</v>
      </c>
      <c r="H28" s="68">
        <v>5</v>
      </c>
      <c r="I28" s="68">
        <v>4</v>
      </c>
      <c r="J28" s="68">
        <v>1</v>
      </c>
      <c r="K28" s="67">
        <v>11</v>
      </c>
      <c r="L28" s="79">
        <v>2</v>
      </c>
      <c r="M28" s="80">
        <v>9</v>
      </c>
    </row>
    <row r="29" spans="1:13">
      <c r="A29" s="15" t="s">
        <v>48</v>
      </c>
      <c r="B29" s="67">
        <v>0</v>
      </c>
      <c r="C29" s="68">
        <v>0</v>
      </c>
      <c r="D29" s="68">
        <v>0</v>
      </c>
      <c r="E29" s="67">
        <v>0</v>
      </c>
      <c r="F29" s="68">
        <v>0</v>
      </c>
      <c r="G29" s="69">
        <v>0</v>
      </c>
      <c r="H29" s="68">
        <v>19</v>
      </c>
      <c r="I29" s="68">
        <v>7</v>
      </c>
      <c r="J29" s="68">
        <v>12</v>
      </c>
      <c r="K29" s="67">
        <v>19</v>
      </c>
      <c r="L29" s="79">
        <v>7</v>
      </c>
      <c r="M29" s="80">
        <v>12</v>
      </c>
    </row>
    <row r="30" spans="1:13" ht="21" customHeight="1">
      <c r="A30" s="36" t="s">
        <v>50</v>
      </c>
      <c r="B30" s="64">
        <v>-6</v>
      </c>
      <c r="C30" s="65">
        <v>-19</v>
      </c>
      <c r="D30" s="65">
        <v>13</v>
      </c>
      <c r="E30" s="64">
        <v>2</v>
      </c>
      <c r="F30" s="65">
        <v>1</v>
      </c>
      <c r="G30" s="66">
        <v>1</v>
      </c>
      <c r="H30" s="65">
        <v>215</v>
      </c>
      <c r="I30" s="65">
        <v>71</v>
      </c>
      <c r="J30" s="65">
        <v>144</v>
      </c>
      <c r="K30" s="64">
        <v>219</v>
      </c>
      <c r="L30" s="77">
        <v>89</v>
      </c>
      <c r="M30" s="78">
        <v>130</v>
      </c>
    </row>
    <row r="31" spans="1:13">
      <c r="A31" s="15" t="s">
        <v>52</v>
      </c>
      <c r="B31" s="67">
        <v>-2</v>
      </c>
      <c r="C31" s="68">
        <v>-3</v>
      </c>
      <c r="D31" s="68">
        <v>1</v>
      </c>
      <c r="E31" s="67">
        <v>0</v>
      </c>
      <c r="F31" s="68">
        <v>0</v>
      </c>
      <c r="G31" s="69">
        <v>0</v>
      </c>
      <c r="H31" s="68">
        <v>18</v>
      </c>
      <c r="I31" s="68">
        <v>4</v>
      </c>
      <c r="J31" s="68">
        <v>14</v>
      </c>
      <c r="K31" s="67">
        <v>20</v>
      </c>
      <c r="L31" s="79">
        <v>7</v>
      </c>
      <c r="M31" s="80">
        <v>13</v>
      </c>
    </row>
    <row r="32" spans="1:13">
      <c r="A32" s="15" t="s">
        <v>54</v>
      </c>
      <c r="B32" s="67">
        <v>11</v>
      </c>
      <c r="C32" s="68">
        <v>3</v>
      </c>
      <c r="D32" s="68">
        <v>8</v>
      </c>
      <c r="E32" s="67">
        <v>0</v>
      </c>
      <c r="F32" s="68">
        <v>0</v>
      </c>
      <c r="G32" s="69">
        <v>0</v>
      </c>
      <c r="H32" s="68">
        <v>48</v>
      </c>
      <c r="I32" s="68">
        <v>11</v>
      </c>
      <c r="J32" s="68">
        <v>37</v>
      </c>
      <c r="K32" s="67">
        <v>37</v>
      </c>
      <c r="L32" s="79">
        <v>8</v>
      </c>
      <c r="M32" s="80">
        <v>29</v>
      </c>
    </row>
    <row r="33" spans="1:13">
      <c r="A33" s="15" t="s">
        <v>56</v>
      </c>
      <c r="B33" s="67">
        <v>-3</v>
      </c>
      <c r="C33" s="68">
        <v>-1</v>
      </c>
      <c r="D33" s="68">
        <v>-2</v>
      </c>
      <c r="E33" s="67">
        <v>1</v>
      </c>
      <c r="F33" s="68">
        <v>0</v>
      </c>
      <c r="G33" s="69">
        <v>1</v>
      </c>
      <c r="H33" s="68">
        <v>40</v>
      </c>
      <c r="I33" s="68">
        <v>15</v>
      </c>
      <c r="J33" s="68">
        <v>25</v>
      </c>
      <c r="K33" s="67">
        <v>42</v>
      </c>
      <c r="L33" s="79">
        <v>16</v>
      </c>
      <c r="M33" s="80">
        <v>26</v>
      </c>
    </row>
    <row r="34" spans="1:13">
      <c r="A34" s="15" t="s">
        <v>58</v>
      </c>
      <c r="B34" s="67">
        <v>-8</v>
      </c>
      <c r="C34" s="68">
        <v>-10</v>
      </c>
      <c r="D34" s="68">
        <v>2</v>
      </c>
      <c r="E34" s="67">
        <v>1</v>
      </c>
      <c r="F34" s="68">
        <v>1</v>
      </c>
      <c r="G34" s="69">
        <v>0</v>
      </c>
      <c r="H34" s="68">
        <v>61</v>
      </c>
      <c r="I34" s="68">
        <v>19</v>
      </c>
      <c r="J34" s="68">
        <v>42</v>
      </c>
      <c r="K34" s="67">
        <v>68</v>
      </c>
      <c r="L34" s="79">
        <v>28</v>
      </c>
      <c r="M34" s="80">
        <v>40</v>
      </c>
    </row>
    <row r="35" spans="1:13">
      <c r="A35" s="15" t="s">
        <v>60</v>
      </c>
      <c r="B35" s="67">
        <v>-4</v>
      </c>
      <c r="C35" s="68">
        <v>-8</v>
      </c>
      <c r="D35" s="68">
        <v>4</v>
      </c>
      <c r="E35" s="67">
        <v>0</v>
      </c>
      <c r="F35" s="68">
        <v>0</v>
      </c>
      <c r="G35" s="69">
        <v>0</v>
      </c>
      <c r="H35" s="68">
        <v>48</v>
      </c>
      <c r="I35" s="68">
        <v>22</v>
      </c>
      <c r="J35" s="68">
        <v>26</v>
      </c>
      <c r="K35" s="67">
        <v>52</v>
      </c>
      <c r="L35" s="79">
        <v>30</v>
      </c>
      <c r="M35" s="80">
        <v>22</v>
      </c>
    </row>
    <row r="36" spans="1:13" ht="21" customHeight="1">
      <c r="A36" s="36" t="s">
        <v>62</v>
      </c>
      <c r="B36" s="64">
        <v>-10</v>
      </c>
      <c r="C36" s="65">
        <v>3</v>
      </c>
      <c r="D36" s="65">
        <v>-13</v>
      </c>
      <c r="E36" s="64">
        <v>0</v>
      </c>
      <c r="F36" s="65">
        <v>0</v>
      </c>
      <c r="G36" s="66">
        <v>0</v>
      </c>
      <c r="H36" s="65">
        <v>200</v>
      </c>
      <c r="I36" s="65">
        <v>101</v>
      </c>
      <c r="J36" s="65">
        <v>99</v>
      </c>
      <c r="K36" s="64">
        <v>210</v>
      </c>
      <c r="L36" s="77">
        <v>98</v>
      </c>
      <c r="M36" s="78">
        <v>112</v>
      </c>
    </row>
    <row r="37" spans="1:13">
      <c r="A37" s="15" t="s">
        <v>64</v>
      </c>
      <c r="B37" s="67">
        <v>-8</v>
      </c>
      <c r="C37" s="68">
        <v>-4</v>
      </c>
      <c r="D37" s="68">
        <v>-4</v>
      </c>
      <c r="E37" s="67">
        <v>0</v>
      </c>
      <c r="F37" s="68">
        <v>0</v>
      </c>
      <c r="G37" s="69">
        <v>0</v>
      </c>
      <c r="H37" s="68">
        <v>40</v>
      </c>
      <c r="I37" s="68">
        <v>15</v>
      </c>
      <c r="J37" s="68">
        <v>25</v>
      </c>
      <c r="K37" s="67">
        <v>48</v>
      </c>
      <c r="L37" s="79">
        <v>19</v>
      </c>
      <c r="M37" s="80">
        <v>29</v>
      </c>
    </row>
    <row r="38" spans="1:13">
      <c r="A38" s="15" t="s">
        <v>66</v>
      </c>
      <c r="B38" s="67">
        <v>-1</v>
      </c>
      <c r="C38" s="68">
        <v>4</v>
      </c>
      <c r="D38" s="68">
        <v>-5</v>
      </c>
      <c r="E38" s="67">
        <v>0</v>
      </c>
      <c r="F38" s="68">
        <v>0</v>
      </c>
      <c r="G38" s="69">
        <v>0</v>
      </c>
      <c r="H38" s="68">
        <v>36</v>
      </c>
      <c r="I38" s="68">
        <v>18</v>
      </c>
      <c r="J38" s="68">
        <v>18</v>
      </c>
      <c r="K38" s="67">
        <v>37</v>
      </c>
      <c r="L38" s="79">
        <v>14</v>
      </c>
      <c r="M38" s="80">
        <v>23</v>
      </c>
    </row>
    <row r="39" spans="1:13">
      <c r="A39" s="15" t="s">
        <v>68</v>
      </c>
      <c r="B39" s="67">
        <v>-2</v>
      </c>
      <c r="C39" s="68">
        <v>0</v>
      </c>
      <c r="D39" s="68">
        <v>-2</v>
      </c>
      <c r="E39" s="67">
        <v>0</v>
      </c>
      <c r="F39" s="68">
        <v>0</v>
      </c>
      <c r="G39" s="69">
        <v>0</v>
      </c>
      <c r="H39" s="68">
        <v>46</v>
      </c>
      <c r="I39" s="68">
        <v>28</v>
      </c>
      <c r="J39" s="68">
        <v>18</v>
      </c>
      <c r="K39" s="67">
        <v>48</v>
      </c>
      <c r="L39" s="79">
        <v>28</v>
      </c>
      <c r="M39" s="80">
        <v>20</v>
      </c>
    </row>
    <row r="40" spans="1:13">
      <c r="A40" s="15" t="s">
        <v>70</v>
      </c>
      <c r="B40" s="67">
        <v>2</v>
      </c>
      <c r="C40" s="68">
        <v>6</v>
      </c>
      <c r="D40" s="68">
        <v>-4</v>
      </c>
      <c r="E40" s="67">
        <v>0</v>
      </c>
      <c r="F40" s="68">
        <v>0</v>
      </c>
      <c r="G40" s="69">
        <v>0</v>
      </c>
      <c r="H40" s="68">
        <v>40</v>
      </c>
      <c r="I40" s="68">
        <v>25</v>
      </c>
      <c r="J40" s="68">
        <v>15</v>
      </c>
      <c r="K40" s="67">
        <v>38</v>
      </c>
      <c r="L40" s="79">
        <v>19</v>
      </c>
      <c r="M40" s="80">
        <v>19</v>
      </c>
    </row>
    <row r="41" spans="1:13">
      <c r="A41" s="15" t="s">
        <v>72</v>
      </c>
      <c r="B41" s="67">
        <v>-1</v>
      </c>
      <c r="C41" s="68">
        <v>-3</v>
      </c>
      <c r="D41" s="68">
        <v>2</v>
      </c>
      <c r="E41" s="67">
        <v>0</v>
      </c>
      <c r="F41" s="68">
        <v>0</v>
      </c>
      <c r="G41" s="69">
        <v>0</v>
      </c>
      <c r="H41" s="68">
        <v>38</v>
      </c>
      <c r="I41" s="68">
        <v>15</v>
      </c>
      <c r="J41" s="68">
        <v>23</v>
      </c>
      <c r="K41" s="67">
        <v>39</v>
      </c>
      <c r="L41" s="79">
        <v>18</v>
      </c>
      <c r="M41" s="80">
        <v>21</v>
      </c>
    </row>
    <row r="42" spans="1:13" ht="21" customHeight="1">
      <c r="A42" s="36" t="s">
        <v>74</v>
      </c>
      <c r="B42" s="64">
        <v>-1</v>
      </c>
      <c r="C42" s="65">
        <v>-1</v>
      </c>
      <c r="D42" s="65">
        <v>0</v>
      </c>
      <c r="E42" s="64">
        <v>0</v>
      </c>
      <c r="F42" s="65">
        <v>0</v>
      </c>
      <c r="G42" s="66">
        <v>0</v>
      </c>
      <c r="H42" s="65">
        <v>102</v>
      </c>
      <c r="I42" s="65">
        <v>51</v>
      </c>
      <c r="J42" s="65">
        <v>51</v>
      </c>
      <c r="K42" s="64">
        <v>103</v>
      </c>
      <c r="L42" s="77">
        <v>52</v>
      </c>
      <c r="M42" s="78">
        <v>51</v>
      </c>
    </row>
    <row r="43" spans="1:13">
      <c r="A43" s="15" t="s">
        <v>76</v>
      </c>
      <c r="B43" s="67">
        <v>-1</v>
      </c>
      <c r="C43" s="68">
        <v>-4</v>
      </c>
      <c r="D43" s="68">
        <v>3</v>
      </c>
      <c r="E43" s="67">
        <v>0</v>
      </c>
      <c r="F43" s="68">
        <v>0</v>
      </c>
      <c r="G43" s="69">
        <v>0</v>
      </c>
      <c r="H43" s="68">
        <v>22</v>
      </c>
      <c r="I43" s="68">
        <v>13</v>
      </c>
      <c r="J43" s="68">
        <v>9</v>
      </c>
      <c r="K43" s="67">
        <v>23</v>
      </c>
      <c r="L43" s="79">
        <v>17</v>
      </c>
      <c r="M43" s="80">
        <v>6</v>
      </c>
    </row>
    <row r="44" spans="1:13">
      <c r="A44" s="15" t="s">
        <v>78</v>
      </c>
      <c r="B44" s="67">
        <v>2</v>
      </c>
      <c r="C44" s="68">
        <v>1</v>
      </c>
      <c r="D44" s="68">
        <v>1</v>
      </c>
      <c r="E44" s="67">
        <v>0</v>
      </c>
      <c r="F44" s="68">
        <v>0</v>
      </c>
      <c r="G44" s="69">
        <v>0</v>
      </c>
      <c r="H44" s="68">
        <v>28</v>
      </c>
      <c r="I44" s="68">
        <v>10</v>
      </c>
      <c r="J44" s="68">
        <v>18</v>
      </c>
      <c r="K44" s="67">
        <v>26</v>
      </c>
      <c r="L44" s="79">
        <v>9</v>
      </c>
      <c r="M44" s="80">
        <v>17</v>
      </c>
    </row>
    <row r="45" spans="1:13">
      <c r="A45" s="15" t="s">
        <v>80</v>
      </c>
      <c r="B45" s="67">
        <v>-5</v>
      </c>
      <c r="C45" s="68">
        <v>-4</v>
      </c>
      <c r="D45" s="68">
        <v>-1</v>
      </c>
      <c r="E45" s="67">
        <v>0</v>
      </c>
      <c r="F45" s="68">
        <v>0</v>
      </c>
      <c r="G45" s="69">
        <v>0</v>
      </c>
      <c r="H45" s="68">
        <v>21</v>
      </c>
      <c r="I45" s="68">
        <v>8</v>
      </c>
      <c r="J45" s="68">
        <v>13</v>
      </c>
      <c r="K45" s="67">
        <v>26</v>
      </c>
      <c r="L45" s="79">
        <v>12</v>
      </c>
      <c r="M45" s="80">
        <v>14</v>
      </c>
    </row>
    <row r="46" spans="1:13">
      <c r="A46" s="15" t="s">
        <v>82</v>
      </c>
      <c r="B46" s="67">
        <v>-3</v>
      </c>
      <c r="C46" s="68">
        <v>2</v>
      </c>
      <c r="D46" s="68">
        <v>-5</v>
      </c>
      <c r="E46" s="67">
        <v>0</v>
      </c>
      <c r="F46" s="68">
        <v>0</v>
      </c>
      <c r="G46" s="69">
        <v>0</v>
      </c>
      <c r="H46" s="68">
        <v>14</v>
      </c>
      <c r="I46" s="68">
        <v>9</v>
      </c>
      <c r="J46" s="68">
        <v>5</v>
      </c>
      <c r="K46" s="67">
        <v>17</v>
      </c>
      <c r="L46" s="79">
        <v>7</v>
      </c>
      <c r="M46" s="80">
        <v>10</v>
      </c>
    </row>
    <row r="47" spans="1:13">
      <c r="A47" s="15" t="s">
        <v>84</v>
      </c>
      <c r="B47" s="67">
        <v>6</v>
      </c>
      <c r="C47" s="68">
        <v>4</v>
      </c>
      <c r="D47" s="68">
        <v>2</v>
      </c>
      <c r="E47" s="67">
        <v>0</v>
      </c>
      <c r="F47" s="68">
        <v>0</v>
      </c>
      <c r="G47" s="69">
        <v>0</v>
      </c>
      <c r="H47" s="68">
        <v>17</v>
      </c>
      <c r="I47" s="68">
        <v>11</v>
      </c>
      <c r="J47" s="68">
        <v>6</v>
      </c>
      <c r="K47" s="67">
        <v>11</v>
      </c>
      <c r="L47" s="79">
        <v>7</v>
      </c>
      <c r="M47" s="80">
        <v>4</v>
      </c>
    </row>
    <row r="48" spans="1:13" ht="21" customHeight="1">
      <c r="A48" s="36" t="s">
        <v>86</v>
      </c>
      <c r="B48" s="64">
        <v>5</v>
      </c>
      <c r="C48" s="65">
        <v>0</v>
      </c>
      <c r="D48" s="65">
        <v>5</v>
      </c>
      <c r="E48" s="64">
        <v>1</v>
      </c>
      <c r="F48" s="65">
        <v>1</v>
      </c>
      <c r="G48" s="66">
        <v>0</v>
      </c>
      <c r="H48" s="65">
        <v>63</v>
      </c>
      <c r="I48" s="65">
        <v>33</v>
      </c>
      <c r="J48" s="65">
        <v>30</v>
      </c>
      <c r="K48" s="64">
        <v>57</v>
      </c>
      <c r="L48" s="77">
        <v>32</v>
      </c>
      <c r="M48" s="78">
        <v>25</v>
      </c>
    </row>
    <row r="49" spans="1:13">
      <c r="A49" s="15" t="s">
        <v>88</v>
      </c>
      <c r="B49" s="67">
        <v>-3</v>
      </c>
      <c r="C49" s="68">
        <v>-1</v>
      </c>
      <c r="D49" s="68">
        <v>-2</v>
      </c>
      <c r="E49" s="67">
        <v>0</v>
      </c>
      <c r="F49" s="68">
        <v>0</v>
      </c>
      <c r="G49" s="69">
        <v>0</v>
      </c>
      <c r="H49" s="68">
        <v>16</v>
      </c>
      <c r="I49" s="68">
        <v>10</v>
      </c>
      <c r="J49" s="68">
        <v>6</v>
      </c>
      <c r="K49" s="67">
        <v>19</v>
      </c>
      <c r="L49" s="79">
        <v>11</v>
      </c>
      <c r="M49" s="80">
        <v>8</v>
      </c>
    </row>
    <row r="50" spans="1:13">
      <c r="A50" s="15" t="s">
        <v>90</v>
      </c>
      <c r="B50" s="67">
        <v>2</v>
      </c>
      <c r="C50" s="68">
        <v>1</v>
      </c>
      <c r="D50" s="68">
        <v>1</v>
      </c>
      <c r="E50" s="67">
        <v>0</v>
      </c>
      <c r="F50" s="68">
        <v>0</v>
      </c>
      <c r="G50" s="69">
        <v>0</v>
      </c>
      <c r="H50" s="68">
        <v>9</v>
      </c>
      <c r="I50" s="68">
        <v>5</v>
      </c>
      <c r="J50" s="68">
        <v>4</v>
      </c>
      <c r="K50" s="67">
        <v>7</v>
      </c>
      <c r="L50" s="79">
        <v>4</v>
      </c>
      <c r="M50" s="80">
        <v>3</v>
      </c>
    </row>
    <row r="51" spans="1:13">
      <c r="A51" s="15" t="s">
        <v>92</v>
      </c>
      <c r="B51" s="67">
        <v>-2</v>
      </c>
      <c r="C51" s="68">
        <v>-6</v>
      </c>
      <c r="D51" s="68">
        <v>4</v>
      </c>
      <c r="E51" s="67">
        <v>1</v>
      </c>
      <c r="F51" s="68">
        <v>1</v>
      </c>
      <c r="G51" s="69">
        <v>0</v>
      </c>
      <c r="H51" s="68">
        <v>11</v>
      </c>
      <c r="I51" s="68">
        <v>3</v>
      </c>
      <c r="J51" s="68">
        <v>8</v>
      </c>
      <c r="K51" s="67">
        <v>12</v>
      </c>
      <c r="L51" s="79">
        <v>8</v>
      </c>
      <c r="M51" s="80">
        <v>4</v>
      </c>
    </row>
    <row r="52" spans="1:13">
      <c r="A52" s="15" t="s">
        <v>94</v>
      </c>
      <c r="B52" s="67">
        <v>-2</v>
      </c>
      <c r="C52" s="68">
        <v>2</v>
      </c>
      <c r="D52" s="68">
        <v>-4</v>
      </c>
      <c r="E52" s="67">
        <v>0</v>
      </c>
      <c r="F52" s="68">
        <v>0</v>
      </c>
      <c r="G52" s="69">
        <v>0</v>
      </c>
      <c r="H52" s="68">
        <v>11</v>
      </c>
      <c r="I52" s="68">
        <v>8</v>
      </c>
      <c r="J52" s="68">
        <v>3</v>
      </c>
      <c r="K52" s="67">
        <v>13</v>
      </c>
      <c r="L52" s="79">
        <v>6</v>
      </c>
      <c r="M52" s="80">
        <v>7</v>
      </c>
    </row>
    <row r="53" spans="1:13">
      <c r="A53" s="15" t="s">
        <v>96</v>
      </c>
      <c r="B53" s="67">
        <v>10</v>
      </c>
      <c r="C53" s="68">
        <v>4</v>
      </c>
      <c r="D53" s="68">
        <v>6</v>
      </c>
      <c r="E53" s="67">
        <v>0</v>
      </c>
      <c r="F53" s="68">
        <v>0</v>
      </c>
      <c r="G53" s="69">
        <v>0</v>
      </c>
      <c r="H53" s="68">
        <v>16</v>
      </c>
      <c r="I53" s="68">
        <v>7</v>
      </c>
      <c r="J53" s="68">
        <v>9</v>
      </c>
      <c r="K53" s="67">
        <v>6</v>
      </c>
      <c r="L53" s="79">
        <v>3</v>
      </c>
      <c r="M53" s="80">
        <v>3</v>
      </c>
    </row>
    <row r="54" spans="1:13" ht="21" customHeight="1">
      <c r="A54" s="36" t="s">
        <v>98</v>
      </c>
      <c r="B54" s="64">
        <v>1</v>
      </c>
      <c r="C54" s="65">
        <v>-3</v>
      </c>
      <c r="D54" s="65">
        <v>4</v>
      </c>
      <c r="E54" s="64">
        <v>2</v>
      </c>
      <c r="F54" s="65">
        <v>1</v>
      </c>
      <c r="G54" s="66">
        <v>1</v>
      </c>
      <c r="H54" s="65">
        <v>50</v>
      </c>
      <c r="I54" s="65">
        <v>24</v>
      </c>
      <c r="J54" s="65">
        <v>26</v>
      </c>
      <c r="K54" s="64">
        <v>47</v>
      </c>
      <c r="L54" s="77">
        <v>26</v>
      </c>
      <c r="M54" s="78">
        <v>21</v>
      </c>
    </row>
    <row r="55" spans="1:13">
      <c r="A55" s="15" t="s">
        <v>100</v>
      </c>
      <c r="B55" s="67">
        <v>0</v>
      </c>
      <c r="C55" s="68">
        <v>2</v>
      </c>
      <c r="D55" s="68">
        <v>-2</v>
      </c>
      <c r="E55" s="67">
        <v>0</v>
      </c>
      <c r="F55" s="68">
        <v>0</v>
      </c>
      <c r="G55" s="69">
        <v>0</v>
      </c>
      <c r="H55" s="68">
        <v>8</v>
      </c>
      <c r="I55" s="68">
        <v>4</v>
      </c>
      <c r="J55" s="68">
        <v>4</v>
      </c>
      <c r="K55" s="67">
        <v>8</v>
      </c>
      <c r="L55" s="79">
        <v>2</v>
      </c>
      <c r="M55" s="80">
        <v>6</v>
      </c>
    </row>
    <row r="56" spans="1:13">
      <c r="A56" s="15" t="s">
        <v>102</v>
      </c>
      <c r="B56" s="67">
        <v>-1</v>
      </c>
      <c r="C56" s="68">
        <v>-4</v>
      </c>
      <c r="D56" s="68">
        <v>3</v>
      </c>
      <c r="E56" s="67">
        <v>0</v>
      </c>
      <c r="F56" s="68">
        <v>0</v>
      </c>
      <c r="G56" s="69">
        <v>0</v>
      </c>
      <c r="H56" s="68">
        <v>8</v>
      </c>
      <c r="I56" s="68">
        <v>3</v>
      </c>
      <c r="J56" s="68">
        <v>5</v>
      </c>
      <c r="K56" s="67">
        <v>9</v>
      </c>
      <c r="L56" s="79">
        <v>7</v>
      </c>
      <c r="M56" s="80">
        <v>2</v>
      </c>
    </row>
    <row r="57" spans="1:13">
      <c r="A57" s="15" t="s">
        <v>104</v>
      </c>
      <c r="B57" s="67">
        <v>2</v>
      </c>
      <c r="C57" s="68">
        <v>1</v>
      </c>
      <c r="D57" s="68">
        <v>1</v>
      </c>
      <c r="E57" s="67">
        <v>0</v>
      </c>
      <c r="F57" s="68">
        <v>0</v>
      </c>
      <c r="G57" s="69">
        <v>0</v>
      </c>
      <c r="H57" s="68">
        <v>13</v>
      </c>
      <c r="I57" s="68">
        <v>5</v>
      </c>
      <c r="J57" s="68">
        <v>8</v>
      </c>
      <c r="K57" s="67">
        <v>11</v>
      </c>
      <c r="L57" s="79">
        <v>4</v>
      </c>
      <c r="M57" s="80">
        <v>7</v>
      </c>
    </row>
    <row r="58" spans="1:13">
      <c r="A58" s="15" t="s">
        <v>106</v>
      </c>
      <c r="B58" s="67">
        <v>1</v>
      </c>
      <c r="C58" s="68">
        <v>0</v>
      </c>
      <c r="D58" s="68">
        <v>1</v>
      </c>
      <c r="E58" s="67">
        <v>1</v>
      </c>
      <c r="F58" s="68">
        <v>0</v>
      </c>
      <c r="G58" s="69">
        <v>1</v>
      </c>
      <c r="H58" s="68">
        <v>11</v>
      </c>
      <c r="I58" s="68">
        <v>7</v>
      </c>
      <c r="J58" s="68">
        <v>4</v>
      </c>
      <c r="K58" s="67">
        <v>9</v>
      </c>
      <c r="L58" s="79">
        <v>7</v>
      </c>
      <c r="M58" s="80">
        <v>2</v>
      </c>
    </row>
    <row r="59" spans="1:13">
      <c r="A59" s="15" t="s">
        <v>108</v>
      </c>
      <c r="B59" s="67">
        <v>-1</v>
      </c>
      <c r="C59" s="68">
        <v>-2</v>
      </c>
      <c r="D59" s="68">
        <v>1</v>
      </c>
      <c r="E59" s="67">
        <v>1</v>
      </c>
      <c r="F59" s="68">
        <v>1</v>
      </c>
      <c r="G59" s="69">
        <v>0</v>
      </c>
      <c r="H59" s="68">
        <v>10</v>
      </c>
      <c r="I59" s="68">
        <v>5</v>
      </c>
      <c r="J59" s="68">
        <v>5</v>
      </c>
      <c r="K59" s="67">
        <v>10</v>
      </c>
      <c r="L59" s="79">
        <v>6</v>
      </c>
      <c r="M59" s="80">
        <v>4</v>
      </c>
    </row>
    <row r="60" spans="1:13" ht="21" customHeight="1">
      <c r="A60" s="36" t="s">
        <v>110</v>
      </c>
      <c r="B60" s="64">
        <v>13</v>
      </c>
      <c r="C60" s="65">
        <v>7</v>
      </c>
      <c r="D60" s="65">
        <v>6</v>
      </c>
      <c r="E60" s="64">
        <v>1</v>
      </c>
      <c r="F60" s="65">
        <v>1</v>
      </c>
      <c r="G60" s="66">
        <v>0</v>
      </c>
      <c r="H60" s="65">
        <v>63</v>
      </c>
      <c r="I60" s="65">
        <v>32</v>
      </c>
      <c r="J60" s="65">
        <v>31</v>
      </c>
      <c r="K60" s="64">
        <v>49</v>
      </c>
      <c r="L60" s="77">
        <v>24</v>
      </c>
      <c r="M60" s="78">
        <v>25</v>
      </c>
    </row>
    <row r="61" spans="1:13">
      <c r="A61" s="15" t="s">
        <v>112</v>
      </c>
      <c r="B61" s="67">
        <v>-4</v>
      </c>
      <c r="C61" s="68">
        <v>-1</v>
      </c>
      <c r="D61" s="68">
        <v>-3</v>
      </c>
      <c r="E61" s="67">
        <v>0</v>
      </c>
      <c r="F61" s="68">
        <v>0</v>
      </c>
      <c r="G61" s="69">
        <v>0</v>
      </c>
      <c r="H61" s="68">
        <v>8</v>
      </c>
      <c r="I61" s="68">
        <v>4</v>
      </c>
      <c r="J61" s="68">
        <v>4</v>
      </c>
      <c r="K61" s="67">
        <v>12</v>
      </c>
      <c r="L61" s="79">
        <v>5</v>
      </c>
      <c r="M61" s="80">
        <v>7</v>
      </c>
    </row>
    <row r="62" spans="1:13">
      <c r="A62" s="15" t="s">
        <v>114</v>
      </c>
      <c r="B62" s="67">
        <v>2</v>
      </c>
      <c r="C62" s="68">
        <v>2</v>
      </c>
      <c r="D62" s="68">
        <v>0</v>
      </c>
      <c r="E62" s="67">
        <v>0</v>
      </c>
      <c r="F62" s="68">
        <v>0</v>
      </c>
      <c r="G62" s="69">
        <v>0</v>
      </c>
      <c r="H62" s="68">
        <v>15</v>
      </c>
      <c r="I62" s="68">
        <v>8</v>
      </c>
      <c r="J62" s="68">
        <v>7</v>
      </c>
      <c r="K62" s="67">
        <v>13</v>
      </c>
      <c r="L62" s="79">
        <v>6</v>
      </c>
      <c r="M62" s="80">
        <v>7</v>
      </c>
    </row>
    <row r="63" spans="1:13">
      <c r="A63" s="15" t="s">
        <v>116</v>
      </c>
      <c r="B63" s="67">
        <v>5</v>
      </c>
      <c r="C63" s="68">
        <v>3</v>
      </c>
      <c r="D63" s="68">
        <v>2</v>
      </c>
      <c r="E63" s="67">
        <v>0</v>
      </c>
      <c r="F63" s="68">
        <v>0</v>
      </c>
      <c r="G63" s="69">
        <v>0</v>
      </c>
      <c r="H63" s="68">
        <v>11</v>
      </c>
      <c r="I63" s="68">
        <v>7</v>
      </c>
      <c r="J63" s="68">
        <v>4</v>
      </c>
      <c r="K63" s="67">
        <v>6</v>
      </c>
      <c r="L63" s="79">
        <v>4</v>
      </c>
      <c r="M63" s="80">
        <v>2</v>
      </c>
    </row>
    <row r="64" spans="1:13">
      <c r="A64" s="15" t="s">
        <v>118</v>
      </c>
      <c r="B64" s="67">
        <v>8</v>
      </c>
      <c r="C64" s="68">
        <v>4</v>
      </c>
      <c r="D64" s="68">
        <v>4</v>
      </c>
      <c r="E64" s="67">
        <v>1</v>
      </c>
      <c r="F64" s="68">
        <v>1</v>
      </c>
      <c r="G64" s="69">
        <v>0</v>
      </c>
      <c r="H64" s="68">
        <v>18</v>
      </c>
      <c r="I64" s="68">
        <v>9</v>
      </c>
      <c r="J64" s="68">
        <v>9</v>
      </c>
      <c r="K64" s="67">
        <v>9</v>
      </c>
      <c r="L64" s="79">
        <v>4</v>
      </c>
      <c r="M64" s="80">
        <v>5</v>
      </c>
    </row>
    <row r="65" spans="1:13">
      <c r="A65" s="19" t="s">
        <v>120</v>
      </c>
      <c r="B65" s="70">
        <v>2</v>
      </c>
      <c r="C65" s="71">
        <v>-1</v>
      </c>
      <c r="D65" s="71">
        <v>3</v>
      </c>
      <c r="E65" s="70">
        <v>0</v>
      </c>
      <c r="F65" s="71">
        <v>0</v>
      </c>
      <c r="G65" s="72">
        <v>0</v>
      </c>
      <c r="H65" s="71">
        <v>11</v>
      </c>
      <c r="I65" s="71">
        <v>4</v>
      </c>
      <c r="J65" s="71">
        <v>7</v>
      </c>
      <c r="K65" s="70">
        <v>9</v>
      </c>
      <c r="L65" s="81">
        <v>5</v>
      </c>
      <c r="M65" s="82">
        <v>4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68</v>
      </c>
      <c r="C69" s="50">
        <v>33</v>
      </c>
      <c r="D69" s="84">
        <v>35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29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32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4</v>
      </c>
      <c r="C75" s="65">
        <v>6</v>
      </c>
      <c r="D75" s="65">
        <v>-2</v>
      </c>
      <c r="E75" s="64">
        <v>4</v>
      </c>
      <c r="F75" s="65">
        <v>1</v>
      </c>
      <c r="G75" s="66">
        <v>3</v>
      </c>
      <c r="H75" s="65">
        <v>54</v>
      </c>
      <c r="I75" s="65">
        <v>29</v>
      </c>
      <c r="J75" s="65">
        <v>25</v>
      </c>
      <c r="K75" s="64">
        <v>46</v>
      </c>
      <c r="L75" s="77">
        <v>22</v>
      </c>
      <c r="M75" s="78">
        <v>24</v>
      </c>
    </row>
    <row r="76" spans="1:13">
      <c r="A76" s="27" t="s">
        <v>5</v>
      </c>
      <c r="B76" s="67">
        <v>6</v>
      </c>
      <c r="C76" s="68">
        <v>7</v>
      </c>
      <c r="D76" s="68">
        <v>-1</v>
      </c>
      <c r="E76" s="67">
        <v>0</v>
      </c>
      <c r="F76" s="68">
        <v>0</v>
      </c>
      <c r="G76" s="69">
        <v>0</v>
      </c>
      <c r="H76" s="68">
        <v>14</v>
      </c>
      <c r="I76" s="68">
        <v>9</v>
      </c>
      <c r="J76" s="68">
        <v>5</v>
      </c>
      <c r="K76" s="67">
        <v>8</v>
      </c>
      <c r="L76" s="79">
        <v>2</v>
      </c>
      <c r="M76" s="80">
        <v>6</v>
      </c>
    </row>
    <row r="77" spans="1:13">
      <c r="A77" s="27" t="s">
        <v>7</v>
      </c>
      <c r="B77" s="67">
        <v>-1</v>
      </c>
      <c r="C77" s="68">
        <v>-1</v>
      </c>
      <c r="D77" s="68">
        <v>0</v>
      </c>
      <c r="E77" s="67">
        <v>1</v>
      </c>
      <c r="F77" s="68">
        <v>1</v>
      </c>
      <c r="G77" s="69">
        <v>0</v>
      </c>
      <c r="H77" s="68">
        <v>12</v>
      </c>
      <c r="I77" s="68">
        <v>5</v>
      </c>
      <c r="J77" s="68">
        <v>7</v>
      </c>
      <c r="K77" s="67">
        <v>12</v>
      </c>
      <c r="L77" s="79">
        <v>5</v>
      </c>
      <c r="M77" s="80">
        <v>7</v>
      </c>
    </row>
    <row r="78" spans="1:13">
      <c r="A78" s="27" t="s">
        <v>9</v>
      </c>
      <c r="B78" s="67">
        <v>1</v>
      </c>
      <c r="C78" s="68">
        <v>1</v>
      </c>
      <c r="D78" s="68">
        <v>0</v>
      </c>
      <c r="E78" s="67">
        <v>1</v>
      </c>
      <c r="F78" s="68">
        <v>0</v>
      </c>
      <c r="G78" s="69">
        <v>1</v>
      </c>
      <c r="H78" s="68">
        <v>9</v>
      </c>
      <c r="I78" s="68">
        <v>5</v>
      </c>
      <c r="J78" s="68">
        <v>4</v>
      </c>
      <c r="K78" s="67">
        <v>7</v>
      </c>
      <c r="L78" s="79">
        <v>4</v>
      </c>
      <c r="M78" s="80">
        <v>3</v>
      </c>
    </row>
    <row r="79" spans="1:13">
      <c r="A79" s="27" t="s">
        <v>11</v>
      </c>
      <c r="B79" s="67">
        <v>-4</v>
      </c>
      <c r="C79" s="68">
        <v>-3</v>
      </c>
      <c r="D79" s="68">
        <v>-1</v>
      </c>
      <c r="E79" s="67">
        <v>0</v>
      </c>
      <c r="F79" s="68">
        <v>0</v>
      </c>
      <c r="G79" s="69">
        <v>0</v>
      </c>
      <c r="H79" s="68">
        <v>8</v>
      </c>
      <c r="I79" s="68">
        <v>4</v>
      </c>
      <c r="J79" s="68">
        <v>4</v>
      </c>
      <c r="K79" s="67">
        <v>12</v>
      </c>
      <c r="L79" s="79">
        <v>7</v>
      </c>
      <c r="M79" s="80">
        <v>5</v>
      </c>
    </row>
    <row r="80" spans="1:13">
      <c r="A80" s="27" t="s">
        <v>13</v>
      </c>
      <c r="B80" s="67">
        <v>2</v>
      </c>
      <c r="C80" s="68">
        <v>2</v>
      </c>
      <c r="D80" s="68">
        <v>0</v>
      </c>
      <c r="E80" s="67">
        <v>2</v>
      </c>
      <c r="F80" s="68">
        <v>0</v>
      </c>
      <c r="G80" s="69">
        <v>2</v>
      </c>
      <c r="H80" s="68">
        <v>11</v>
      </c>
      <c r="I80" s="68">
        <v>6</v>
      </c>
      <c r="J80" s="68">
        <v>5</v>
      </c>
      <c r="K80" s="67">
        <v>7</v>
      </c>
      <c r="L80" s="79">
        <v>4</v>
      </c>
      <c r="M80" s="80">
        <v>3</v>
      </c>
    </row>
    <row r="81" spans="1:13" ht="21" customHeight="1">
      <c r="A81" s="38" t="s">
        <v>15</v>
      </c>
      <c r="B81" s="64">
        <v>27</v>
      </c>
      <c r="C81" s="65">
        <v>17</v>
      </c>
      <c r="D81" s="65">
        <v>10</v>
      </c>
      <c r="E81" s="64">
        <v>4</v>
      </c>
      <c r="F81" s="65">
        <v>2</v>
      </c>
      <c r="G81" s="66">
        <v>2</v>
      </c>
      <c r="H81" s="65">
        <v>76</v>
      </c>
      <c r="I81" s="65">
        <v>36</v>
      </c>
      <c r="J81" s="65">
        <v>40</v>
      </c>
      <c r="K81" s="64">
        <v>45</v>
      </c>
      <c r="L81" s="77">
        <v>17</v>
      </c>
      <c r="M81" s="78">
        <v>28</v>
      </c>
    </row>
    <row r="82" spans="1:13">
      <c r="A82" s="27" t="s">
        <v>17</v>
      </c>
      <c r="B82" s="67">
        <v>15</v>
      </c>
      <c r="C82" s="68">
        <v>9</v>
      </c>
      <c r="D82" s="68">
        <v>6</v>
      </c>
      <c r="E82" s="67">
        <v>1</v>
      </c>
      <c r="F82" s="68">
        <v>0</v>
      </c>
      <c r="G82" s="69">
        <v>1</v>
      </c>
      <c r="H82" s="68">
        <v>27</v>
      </c>
      <c r="I82" s="68">
        <v>12</v>
      </c>
      <c r="J82" s="68">
        <v>15</v>
      </c>
      <c r="K82" s="67">
        <v>11</v>
      </c>
      <c r="L82" s="79">
        <v>3</v>
      </c>
      <c r="M82" s="80">
        <v>8</v>
      </c>
    </row>
    <row r="83" spans="1:13">
      <c r="A83" s="27" t="s">
        <v>19</v>
      </c>
      <c r="B83" s="67">
        <v>5</v>
      </c>
      <c r="C83" s="68">
        <v>3</v>
      </c>
      <c r="D83" s="68">
        <v>2</v>
      </c>
      <c r="E83" s="67">
        <v>0</v>
      </c>
      <c r="F83" s="68">
        <v>0</v>
      </c>
      <c r="G83" s="69">
        <v>0</v>
      </c>
      <c r="H83" s="68">
        <v>15</v>
      </c>
      <c r="I83" s="68">
        <v>8</v>
      </c>
      <c r="J83" s="68">
        <v>7</v>
      </c>
      <c r="K83" s="67">
        <v>10</v>
      </c>
      <c r="L83" s="79">
        <v>5</v>
      </c>
      <c r="M83" s="80">
        <v>5</v>
      </c>
    </row>
    <row r="84" spans="1:13">
      <c r="A84" s="27" t="s">
        <v>21</v>
      </c>
      <c r="B84" s="67">
        <v>-2</v>
      </c>
      <c r="C84" s="68">
        <v>-2</v>
      </c>
      <c r="D84" s="68">
        <v>0</v>
      </c>
      <c r="E84" s="67">
        <v>1</v>
      </c>
      <c r="F84" s="68">
        <v>1</v>
      </c>
      <c r="G84" s="69">
        <v>0</v>
      </c>
      <c r="H84" s="68">
        <v>9</v>
      </c>
      <c r="I84" s="68">
        <v>3</v>
      </c>
      <c r="J84" s="68">
        <v>6</v>
      </c>
      <c r="K84" s="67">
        <v>10</v>
      </c>
      <c r="L84" s="79">
        <v>4</v>
      </c>
      <c r="M84" s="80">
        <v>6</v>
      </c>
    </row>
    <row r="85" spans="1:13">
      <c r="A85" s="27" t="s">
        <v>23</v>
      </c>
      <c r="B85" s="67">
        <v>0</v>
      </c>
      <c r="C85" s="68">
        <v>1</v>
      </c>
      <c r="D85" s="68">
        <v>-1</v>
      </c>
      <c r="E85" s="67">
        <v>1</v>
      </c>
      <c r="F85" s="68">
        <v>1</v>
      </c>
      <c r="G85" s="69">
        <v>0</v>
      </c>
      <c r="H85" s="68">
        <v>10</v>
      </c>
      <c r="I85" s="68">
        <v>6</v>
      </c>
      <c r="J85" s="68">
        <v>4</v>
      </c>
      <c r="K85" s="67">
        <v>9</v>
      </c>
      <c r="L85" s="79">
        <v>4</v>
      </c>
      <c r="M85" s="80">
        <v>5</v>
      </c>
    </row>
    <row r="86" spans="1:13">
      <c r="A86" s="27" t="s">
        <v>25</v>
      </c>
      <c r="B86" s="67">
        <v>9</v>
      </c>
      <c r="C86" s="68">
        <v>6</v>
      </c>
      <c r="D86" s="68">
        <v>3</v>
      </c>
      <c r="E86" s="67">
        <v>1</v>
      </c>
      <c r="F86" s="68">
        <v>0</v>
      </c>
      <c r="G86" s="69">
        <v>1</v>
      </c>
      <c r="H86" s="68">
        <v>15</v>
      </c>
      <c r="I86" s="68">
        <v>7</v>
      </c>
      <c r="J86" s="68">
        <v>8</v>
      </c>
      <c r="K86" s="67">
        <v>5</v>
      </c>
      <c r="L86" s="79">
        <v>1</v>
      </c>
      <c r="M86" s="80">
        <v>4</v>
      </c>
    </row>
    <row r="87" spans="1:13" ht="21" customHeight="1">
      <c r="A87" s="38" t="s">
        <v>27</v>
      </c>
      <c r="B87" s="64">
        <v>18</v>
      </c>
      <c r="C87" s="65">
        <v>5</v>
      </c>
      <c r="D87" s="65">
        <v>13</v>
      </c>
      <c r="E87" s="64">
        <v>11</v>
      </c>
      <c r="F87" s="65">
        <v>4</v>
      </c>
      <c r="G87" s="66">
        <v>7</v>
      </c>
      <c r="H87" s="65">
        <v>58</v>
      </c>
      <c r="I87" s="65">
        <v>24</v>
      </c>
      <c r="J87" s="65">
        <v>34</v>
      </c>
      <c r="K87" s="64">
        <v>29</v>
      </c>
      <c r="L87" s="77">
        <v>15</v>
      </c>
      <c r="M87" s="78">
        <v>14</v>
      </c>
    </row>
    <row r="88" spans="1:13">
      <c r="A88" s="27" t="s">
        <v>29</v>
      </c>
      <c r="B88" s="67">
        <v>2</v>
      </c>
      <c r="C88" s="68">
        <v>-4</v>
      </c>
      <c r="D88" s="68">
        <v>6</v>
      </c>
      <c r="E88" s="67">
        <v>1</v>
      </c>
      <c r="F88" s="68">
        <v>1</v>
      </c>
      <c r="G88" s="69">
        <v>0</v>
      </c>
      <c r="H88" s="68">
        <v>11</v>
      </c>
      <c r="I88" s="68">
        <v>3</v>
      </c>
      <c r="J88" s="68">
        <v>8</v>
      </c>
      <c r="K88" s="67">
        <v>8</v>
      </c>
      <c r="L88" s="79">
        <v>6</v>
      </c>
      <c r="M88" s="80">
        <v>2</v>
      </c>
    </row>
    <row r="89" spans="1:13">
      <c r="A89" s="27" t="s">
        <v>31</v>
      </c>
      <c r="B89" s="67">
        <v>4</v>
      </c>
      <c r="C89" s="68">
        <v>4</v>
      </c>
      <c r="D89" s="68">
        <v>0</v>
      </c>
      <c r="E89" s="67">
        <v>1</v>
      </c>
      <c r="F89" s="68">
        <v>0</v>
      </c>
      <c r="G89" s="69">
        <v>1</v>
      </c>
      <c r="H89" s="68">
        <v>13</v>
      </c>
      <c r="I89" s="68">
        <v>7</v>
      </c>
      <c r="J89" s="68">
        <v>6</v>
      </c>
      <c r="K89" s="67">
        <v>8</v>
      </c>
      <c r="L89" s="79">
        <v>3</v>
      </c>
      <c r="M89" s="80">
        <v>5</v>
      </c>
    </row>
    <row r="90" spans="1:13">
      <c r="A90" s="27" t="s">
        <v>33</v>
      </c>
      <c r="B90" s="67">
        <v>3</v>
      </c>
      <c r="C90" s="68">
        <v>1</v>
      </c>
      <c r="D90" s="68">
        <v>2</v>
      </c>
      <c r="E90" s="67">
        <v>4</v>
      </c>
      <c r="F90" s="68">
        <v>1</v>
      </c>
      <c r="G90" s="69">
        <v>3</v>
      </c>
      <c r="H90" s="68">
        <v>13</v>
      </c>
      <c r="I90" s="68">
        <v>5</v>
      </c>
      <c r="J90" s="68">
        <v>8</v>
      </c>
      <c r="K90" s="67">
        <v>6</v>
      </c>
      <c r="L90" s="79">
        <v>3</v>
      </c>
      <c r="M90" s="80">
        <v>3</v>
      </c>
    </row>
    <row r="91" spans="1:13">
      <c r="A91" s="27" t="s">
        <v>35</v>
      </c>
      <c r="B91" s="67">
        <v>3</v>
      </c>
      <c r="C91" s="68">
        <v>1</v>
      </c>
      <c r="D91" s="68">
        <v>2</v>
      </c>
      <c r="E91" s="67">
        <v>2</v>
      </c>
      <c r="F91" s="68">
        <v>1</v>
      </c>
      <c r="G91" s="69">
        <v>1</v>
      </c>
      <c r="H91" s="68">
        <v>9</v>
      </c>
      <c r="I91" s="68">
        <v>5</v>
      </c>
      <c r="J91" s="68">
        <v>4</v>
      </c>
      <c r="K91" s="67">
        <v>4</v>
      </c>
      <c r="L91" s="79">
        <v>3</v>
      </c>
      <c r="M91" s="80">
        <v>1</v>
      </c>
    </row>
    <row r="92" spans="1:13">
      <c r="A92" s="27" t="s">
        <v>37</v>
      </c>
      <c r="B92" s="67">
        <v>6</v>
      </c>
      <c r="C92" s="68">
        <v>3</v>
      </c>
      <c r="D92" s="68">
        <v>3</v>
      </c>
      <c r="E92" s="67">
        <v>3</v>
      </c>
      <c r="F92" s="68">
        <v>1</v>
      </c>
      <c r="G92" s="69">
        <v>2</v>
      </c>
      <c r="H92" s="68">
        <v>12</v>
      </c>
      <c r="I92" s="68">
        <v>4</v>
      </c>
      <c r="J92" s="68">
        <v>8</v>
      </c>
      <c r="K92" s="67">
        <v>3</v>
      </c>
      <c r="L92" s="79">
        <v>0</v>
      </c>
      <c r="M92" s="80">
        <v>3</v>
      </c>
    </row>
    <row r="93" spans="1:13" ht="21" customHeight="1">
      <c r="A93" s="38" t="s">
        <v>39</v>
      </c>
      <c r="B93" s="64">
        <v>3</v>
      </c>
      <c r="C93" s="65">
        <v>4</v>
      </c>
      <c r="D93" s="65">
        <v>-1</v>
      </c>
      <c r="E93" s="64">
        <v>17</v>
      </c>
      <c r="F93" s="65">
        <v>11</v>
      </c>
      <c r="G93" s="66">
        <v>6</v>
      </c>
      <c r="H93" s="65">
        <v>59</v>
      </c>
      <c r="I93" s="65">
        <v>34</v>
      </c>
      <c r="J93" s="65">
        <v>25</v>
      </c>
      <c r="K93" s="64">
        <v>39</v>
      </c>
      <c r="L93" s="77">
        <v>19</v>
      </c>
      <c r="M93" s="78">
        <v>20</v>
      </c>
    </row>
    <row r="94" spans="1:13">
      <c r="A94" s="27" t="s">
        <v>41</v>
      </c>
      <c r="B94" s="67">
        <v>7</v>
      </c>
      <c r="C94" s="68">
        <v>4</v>
      </c>
      <c r="D94" s="68">
        <v>3</v>
      </c>
      <c r="E94" s="67">
        <v>2</v>
      </c>
      <c r="F94" s="68">
        <v>2</v>
      </c>
      <c r="G94" s="69">
        <v>0</v>
      </c>
      <c r="H94" s="68">
        <v>15</v>
      </c>
      <c r="I94" s="68">
        <v>8</v>
      </c>
      <c r="J94" s="68">
        <v>7</v>
      </c>
      <c r="K94" s="67">
        <v>6</v>
      </c>
      <c r="L94" s="79">
        <v>2</v>
      </c>
      <c r="M94" s="80">
        <v>4</v>
      </c>
    </row>
    <row r="95" spans="1:13">
      <c r="A95" s="27" t="s">
        <v>43</v>
      </c>
      <c r="B95" s="67">
        <v>-2</v>
      </c>
      <c r="C95" s="68">
        <v>-3</v>
      </c>
      <c r="D95" s="68">
        <v>1</v>
      </c>
      <c r="E95" s="67">
        <v>1</v>
      </c>
      <c r="F95" s="68">
        <v>1</v>
      </c>
      <c r="G95" s="69">
        <v>0</v>
      </c>
      <c r="H95" s="68">
        <v>13</v>
      </c>
      <c r="I95" s="68">
        <v>7</v>
      </c>
      <c r="J95" s="68">
        <v>6</v>
      </c>
      <c r="K95" s="67">
        <v>14</v>
      </c>
      <c r="L95" s="79">
        <v>9</v>
      </c>
      <c r="M95" s="80">
        <v>5</v>
      </c>
    </row>
    <row r="96" spans="1:13">
      <c r="A96" s="27" t="s">
        <v>45</v>
      </c>
      <c r="B96" s="67">
        <v>-9</v>
      </c>
      <c r="C96" s="68">
        <v>-4</v>
      </c>
      <c r="D96" s="68">
        <v>-5</v>
      </c>
      <c r="E96" s="67">
        <v>6</v>
      </c>
      <c r="F96" s="68">
        <v>4</v>
      </c>
      <c r="G96" s="69">
        <v>2</v>
      </c>
      <c r="H96" s="68">
        <v>7</v>
      </c>
      <c r="I96" s="68">
        <v>3</v>
      </c>
      <c r="J96" s="68">
        <v>4</v>
      </c>
      <c r="K96" s="67">
        <v>10</v>
      </c>
      <c r="L96" s="79">
        <v>3</v>
      </c>
      <c r="M96" s="80">
        <v>7</v>
      </c>
    </row>
    <row r="97" spans="1:13">
      <c r="A97" s="27" t="s">
        <v>47</v>
      </c>
      <c r="B97" s="67">
        <v>1</v>
      </c>
      <c r="C97" s="68">
        <v>1</v>
      </c>
      <c r="D97" s="68">
        <v>0</v>
      </c>
      <c r="E97" s="67">
        <v>1</v>
      </c>
      <c r="F97" s="68">
        <v>1</v>
      </c>
      <c r="G97" s="69">
        <v>0</v>
      </c>
      <c r="H97" s="68">
        <v>8</v>
      </c>
      <c r="I97" s="68">
        <v>5</v>
      </c>
      <c r="J97" s="68">
        <v>3</v>
      </c>
      <c r="K97" s="67">
        <v>6</v>
      </c>
      <c r="L97" s="79">
        <v>3</v>
      </c>
      <c r="M97" s="80">
        <v>3</v>
      </c>
    </row>
    <row r="98" spans="1:13">
      <c r="A98" s="27" t="s">
        <v>49</v>
      </c>
      <c r="B98" s="67">
        <v>6</v>
      </c>
      <c r="C98" s="68">
        <v>6</v>
      </c>
      <c r="D98" s="68">
        <v>0</v>
      </c>
      <c r="E98" s="67">
        <v>7</v>
      </c>
      <c r="F98" s="68">
        <v>3</v>
      </c>
      <c r="G98" s="69">
        <v>4</v>
      </c>
      <c r="H98" s="68">
        <v>16</v>
      </c>
      <c r="I98" s="68">
        <v>11</v>
      </c>
      <c r="J98" s="68">
        <v>5</v>
      </c>
      <c r="K98" s="67">
        <v>3</v>
      </c>
      <c r="L98" s="79">
        <v>2</v>
      </c>
      <c r="M98" s="80">
        <v>1</v>
      </c>
    </row>
    <row r="99" spans="1:13" ht="21" customHeight="1">
      <c r="A99" s="38" t="s">
        <v>51</v>
      </c>
      <c r="B99" s="64">
        <v>-23</v>
      </c>
      <c r="C99" s="65">
        <v>-19</v>
      </c>
      <c r="D99" s="65">
        <v>-4</v>
      </c>
      <c r="E99" s="64">
        <v>33</v>
      </c>
      <c r="F99" s="65">
        <v>26</v>
      </c>
      <c r="G99" s="66">
        <v>7</v>
      </c>
      <c r="H99" s="65">
        <v>48</v>
      </c>
      <c r="I99" s="65">
        <v>25</v>
      </c>
      <c r="J99" s="65">
        <v>23</v>
      </c>
      <c r="K99" s="64">
        <v>38</v>
      </c>
      <c r="L99" s="77">
        <v>18</v>
      </c>
      <c r="M99" s="78">
        <v>20</v>
      </c>
    </row>
    <row r="100" spans="1:13">
      <c r="A100" s="27" t="s">
        <v>53</v>
      </c>
      <c r="B100" s="67">
        <v>-5</v>
      </c>
      <c r="C100" s="68">
        <v>-2</v>
      </c>
      <c r="D100" s="68">
        <v>-3</v>
      </c>
      <c r="E100" s="67">
        <v>7</v>
      </c>
      <c r="F100" s="68">
        <v>4</v>
      </c>
      <c r="G100" s="69">
        <v>3</v>
      </c>
      <c r="H100" s="68">
        <v>10</v>
      </c>
      <c r="I100" s="68">
        <v>6</v>
      </c>
      <c r="J100" s="68">
        <v>4</v>
      </c>
      <c r="K100" s="67">
        <v>8</v>
      </c>
      <c r="L100" s="79">
        <v>4</v>
      </c>
      <c r="M100" s="80">
        <v>4</v>
      </c>
    </row>
    <row r="101" spans="1:13">
      <c r="A101" s="27" t="s">
        <v>55</v>
      </c>
      <c r="B101" s="67">
        <v>-4</v>
      </c>
      <c r="C101" s="68">
        <v>-3</v>
      </c>
      <c r="D101" s="68">
        <v>-1</v>
      </c>
      <c r="E101" s="67">
        <v>6</v>
      </c>
      <c r="F101" s="68">
        <v>6</v>
      </c>
      <c r="G101" s="69">
        <v>0</v>
      </c>
      <c r="H101" s="68">
        <v>8</v>
      </c>
      <c r="I101" s="68">
        <v>6</v>
      </c>
      <c r="J101" s="68">
        <v>2</v>
      </c>
      <c r="K101" s="67">
        <v>6</v>
      </c>
      <c r="L101" s="79">
        <v>3</v>
      </c>
      <c r="M101" s="80">
        <v>3</v>
      </c>
    </row>
    <row r="102" spans="1:13">
      <c r="A102" s="27" t="s">
        <v>57</v>
      </c>
      <c r="B102" s="67">
        <v>-3</v>
      </c>
      <c r="C102" s="68">
        <v>-3</v>
      </c>
      <c r="D102" s="68">
        <v>0</v>
      </c>
      <c r="E102" s="67">
        <v>5</v>
      </c>
      <c r="F102" s="68">
        <v>4</v>
      </c>
      <c r="G102" s="69">
        <v>1</v>
      </c>
      <c r="H102" s="68">
        <v>13</v>
      </c>
      <c r="I102" s="68">
        <v>6</v>
      </c>
      <c r="J102" s="68">
        <v>7</v>
      </c>
      <c r="K102" s="67">
        <v>11</v>
      </c>
      <c r="L102" s="79">
        <v>5</v>
      </c>
      <c r="M102" s="80">
        <v>6</v>
      </c>
    </row>
    <row r="103" spans="1:13">
      <c r="A103" s="27" t="s">
        <v>59</v>
      </c>
      <c r="B103" s="67">
        <v>-6</v>
      </c>
      <c r="C103" s="68">
        <v>-4</v>
      </c>
      <c r="D103" s="68">
        <v>-2</v>
      </c>
      <c r="E103" s="67">
        <v>6</v>
      </c>
      <c r="F103" s="68">
        <v>4</v>
      </c>
      <c r="G103" s="69">
        <v>2</v>
      </c>
      <c r="H103" s="68">
        <v>9</v>
      </c>
      <c r="I103" s="68">
        <v>5</v>
      </c>
      <c r="J103" s="68">
        <v>4</v>
      </c>
      <c r="K103" s="67">
        <v>9</v>
      </c>
      <c r="L103" s="79">
        <v>5</v>
      </c>
      <c r="M103" s="80">
        <v>4</v>
      </c>
    </row>
    <row r="104" spans="1:13">
      <c r="A104" s="27" t="s">
        <v>61</v>
      </c>
      <c r="B104" s="67">
        <v>-5</v>
      </c>
      <c r="C104" s="68">
        <v>-7</v>
      </c>
      <c r="D104" s="68">
        <v>2</v>
      </c>
      <c r="E104" s="67">
        <v>9</v>
      </c>
      <c r="F104" s="68">
        <v>8</v>
      </c>
      <c r="G104" s="69">
        <v>1</v>
      </c>
      <c r="H104" s="68">
        <v>8</v>
      </c>
      <c r="I104" s="68">
        <v>2</v>
      </c>
      <c r="J104" s="68">
        <v>6</v>
      </c>
      <c r="K104" s="67">
        <v>4</v>
      </c>
      <c r="L104" s="79">
        <v>1</v>
      </c>
      <c r="M104" s="80">
        <v>3</v>
      </c>
    </row>
    <row r="105" spans="1:13" ht="21" customHeight="1">
      <c r="A105" s="38" t="s">
        <v>63</v>
      </c>
      <c r="B105" s="64">
        <v>-42</v>
      </c>
      <c r="C105" s="65">
        <v>-28</v>
      </c>
      <c r="D105" s="65">
        <v>-14</v>
      </c>
      <c r="E105" s="64">
        <v>55</v>
      </c>
      <c r="F105" s="65">
        <v>40</v>
      </c>
      <c r="G105" s="66">
        <v>15</v>
      </c>
      <c r="H105" s="65">
        <v>45</v>
      </c>
      <c r="I105" s="65">
        <v>24</v>
      </c>
      <c r="J105" s="65">
        <v>21</v>
      </c>
      <c r="K105" s="64">
        <v>32</v>
      </c>
      <c r="L105" s="77">
        <v>12</v>
      </c>
      <c r="M105" s="78">
        <v>20</v>
      </c>
    </row>
    <row r="106" spans="1:13">
      <c r="A106" s="27" t="s">
        <v>65</v>
      </c>
      <c r="B106" s="67">
        <v>-8</v>
      </c>
      <c r="C106" s="68">
        <v>-6</v>
      </c>
      <c r="D106" s="68">
        <v>-2</v>
      </c>
      <c r="E106" s="67">
        <v>10</v>
      </c>
      <c r="F106" s="68">
        <v>7</v>
      </c>
      <c r="G106" s="69">
        <v>3</v>
      </c>
      <c r="H106" s="68">
        <v>10</v>
      </c>
      <c r="I106" s="68">
        <v>5</v>
      </c>
      <c r="J106" s="68">
        <v>5</v>
      </c>
      <c r="K106" s="67">
        <v>8</v>
      </c>
      <c r="L106" s="79">
        <v>4</v>
      </c>
      <c r="M106" s="80">
        <v>4</v>
      </c>
    </row>
    <row r="107" spans="1:13">
      <c r="A107" s="27" t="s">
        <v>67</v>
      </c>
      <c r="B107" s="67">
        <v>-2</v>
      </c>
      <c r="C107" s="68">
        <v>2</v>
      </c>
      <c r="D107" s="68">
        <v>-4</v>
      </c>
      <c r="E107" s="67">
        <v>6</v>
      </c>
      <c r="F107" s="68">
        <v>4</v>
      </c>
      <c r="G107" s="69">
        <v>2</v>
      </c>
      <c r="H107" s="68">
        <v>11</v>
      </c>
      <c r="I107" s="68">
        <v>6</v>
      </c>
      <c r="J107" s="68">
        <v>5</v>
      </c>
      <c r="K107" s="67">
        <v>7</v>
      </c>
      <c r="L107" s="79">
        <v>0</v>
      </c>
      <c r="M107" s="80">
        <v>7</v>
      </c>
    </row>
    <row r="108" spans="1:13">
      <c r="A108" s="27" t="s">
        <v>69</v>
      </c>
      <c r="B108" s="67">
        <v>-1</v>
      </c>
      <c r="C108" s="68">
        <v>-1</v>
      </c>
      <c r="D108" s="68">
        <v>0</v>
      </c>
      <c r="E108" s="67">
        <v>5</v>
      </c>
      <c r="F108" s="68">
        <v>3</v>
      </c>
      <c r="G108" s="69">
        <v>2</v>
      </c>
      <c r="H108" s="68">
        <v>8</v>
      </c>
      <c r="I108" s="68">
        <v>4</v>
      </c>
      <c r="J108" s="68">
        <v>4</v>
      </c>
      <c r="K108" s="67">
        <v>4</v>
      </c>
      <c r="L108" s="79">
        <v>2</v>
      </c>
      <c r="M108" s="80">
        <v>2</v>
      </c>
    </row>
    <row r="109" spans="1:13">
      <c r="A109" s="27" t="s">
        <v>71</v>
      </c>
      <c r="B109" s="67">
        <v>-15</v>
      </c>
      <c r="C109" s="68">
        <v>-12</v>
      </c>
      <c r="D109" s="68">
        <v>-3</v>
      </c>
      <c r="E109" s="67">
        <v>17</v>
      </c>
      <c r="F109" s="68">
        <v>14</v>
      </c>
      <c r="G109" s="69">
        <v>3</v>
      </c>
      <c r="H109" s="68">
        <v>7</v>
      </c>
      <c r="I109" s="68">
        <v>4</v>
      </c>
      <c r="J109" s="68">
        <v>3</v>
      </c>
      <c r="K109" s="67">
        <v>5</v>
      </c>
      <c r="L109" s="79">
        <v>2</v>
      </c>
      <c r="M109" s="80">
        <v>3</v>
      </c>
    </row>
    <row r="110" spans="1:13">
      <c r="A110" s="27" t="s">
        <v>73</v>
      </c>
      <c r="B110" s="67">
        <v>-16</v>
      </c>
      <c r="C110" s="68">
        <v>-11</v>
      </c>
      <c r="D110" s="68">
        <v>-5</v>
      </c>
      <c r="E110" s="67">
        <v>17</v>
      </c>
      <c r="F110" s="68">
        <v>12</v>
      </c>
      <c r="G110" s="69">
        <v>5</v>
      </c>
      <c r="H110" s="68">
        <v>9</v>
      </c>
      <c r="I110" s="68">
        <v>5</v>
      </c>
      <c r="J110" s="68">
        <v>4</v>
      </c>
      <c r="K110" s="67">
        <v>8</v>
      </c>
      <c r="L110" s="79">
        <v>4</v>
      </c>
      <c r="M110" s="80">
        <v>4</v>
      </c>
    </row>
    <row r="111" spans="1:13" ht="21" customHeight="1">
      <c r="A111" s="38" t="s">
        <v>75</v>
      </c>
      <c r="B111" s="64">
        <v>-69</v>
      </c>
      <c r="C111" s="65">
        <v>-29</v>
      </c>
      <c r="D111" s="65">
        <v>-40</v>
      </c>
      <c r="E111" s="64">
        <v>90</v>
      </c>
      <c r="F111" s="65">
        <v>43</v>
      </c>
      <c r="G111" s="66">
        <v>47</v>
      </c>
      <c r="H111" s="65">
        <v>52</v>
      </c>
      <c r="I111" s="65">
        <v>24</v>
      </c>
      <c r="J111" s="65">
        <v>28</v>
      </c>
      <c r="K111" s="64">
        <v>31</v>
      </c>
      <c r="L111" s="77">
        <v>10</v>
      </c>
      <c r="M111" s="78">
        <v>21</v>
      </c>
    </row>
    <row r="112" spans="1:13">
      <c r="A112" s="27" t="s">
        <v>77</v>
      </c>
      <c r="B112" s="67">
        <v>-18</v>
      </c>
      <c r="C112" s="68">
        <v>-10</v>
      </c>
      <c r="D112" s="68">
        <v>-8</v>
      </c>
      <c r="E112" s="67">
        <v>19</v>
      </c>
      <c r="F112" s="68">
        <v>8</v>
      </c>
      <c r="G112" s="69">
        <v>11</v>
      </c>
      <c r="H112" s="68">
        <v>10</v>
      </c>
      <c r="I112" s="68">
        <v>2</v>
      </c>
      <c r="J112" s="68">
        <v>8</v>
      </c>
      <c r="K112" s="67">
        <v>9</v>
      </c>
      <c r="L112" s="79">
        <v>4</v>
      </c>
      <c r="M112" s="80">
        <v>5</v>
      </c>
    </row>
    <row r="113" spans="1:13">
      <c r="A113" s="27" t="s">
        <v>79</v>
      </c>
      <c r="B113" s="67">
        <v>-9</v>
      </c>
      <c r="C113" s="68">
        <v>-2</v>
      </c>
      <c r="D113" s="68">
        <v>-7</v>
      </c>
      <c r="E113" s="67">
        <v>17</v>
      </c>
      <c r="F113" s="68">
        <v>7</v>
      </c>
      <c r="G113" s="69">
        <v>10</v>
      </c>
      <c r="H113" s="68">
        <v>14</v>
      </c>
      <c r="I113" s="68">
        <v>7</v>
      </c>
      <c r="J113" s="68">
        <v>7</v>
      </c>
      <c r="K113" s="67">
        <v>6</v>
      </c>
      <c r="L113" s="79">
        <v>2</v>
      </c>
      <c r="M113" s="80">
        <v>4</v>
      </c>
    </row>
    <row r="114" spans="1:13">
      <c r="A114" s="27" t="s">
        <v>81</v>
      </c>
      <c r="B114" s="67">
        <v>-11</v>
      </c>
      <c r="C114" s="68">
        <v>-3</v>
      </c>
      <c r="D114" s="68">
        <v>-8</v>
      </c>
      <c r="E114" s="67">
        <v>20</v>
      </c>
      <c r="F114" s="68">
        <v>10</v>
      </c>
      <c r="G114" s="69">
        <v>10</v>
      </c>
      <c r="H114" s="68">
        <v>13</v>
      </c>
      <c r="I114" s="68">
        <v>7</v>
      </c>
      <c r="J114" s="68">
        <v>6</v>
      </c>
      <c r="K114" s="67">
        <v>4</v>
      </c>
      <c r="L114" s="79">
        <v>0</v>
      </c>
      <c r="M114" s="80">
        <v>4</v>
      </c>
    </row>
    <row r="115" spans="1:13">
      <c r="A115" s="27" t="s">
        <v>83</v>
      </c>
      <c r="B115" s="67">
        <v>-15</v>
      </c>
      <c r="C115" s="68">
        <v>-8</v>
      </c>
      <c r="D115" s="68">
        <v>-7</v>
      </c>
      <c r="E115" s="67">
        <v>18</v>
      </c>
      <c r="F115" s="68">
        <v>11</v>
      </c>
      <c r="G115" s="69">
        <v>7</v>
      </c>
      <c r="H115" s="68">
        <v>10</v>
      </c>
      <c r="I115" s="68">
        <v>5</v>
      </c>
      <c r="J115" s="68">
        <v>5</v>
      </c>
      <c r="K115" s="67">
        <v>7</v>
      </c>
      <c r="L115" s="79">
        <v>2</v>
      </c>
      <c r="M115" s="80">
        <v>5</v>
      </c>
    </row>
    <row r="116" spans="1:13">
      <c r="A116" s="27" t="s">
        <v>85</v>
      </c>
      <c r="B116" s="67">
        <v>-16</v>
      </c>
      <c r="C116" s="68">
        <v>-6</v>
      </c>
      <c r="D116" s="68">
        <v>-10</v>
      </c>
      <c r="E116" s="67">
        <v>16</v>
      </c>
      <c r="F116" s="68">
        <v>7</v>
      </c>
      <c r="G116" s="69">
        <v>9</v>
      </c>
      <c r="H116" s="68">
        <v>5</v>
      </c>
      <c r="I116" s="68">
        <v>3</v>
      </c>
      <c r="J116" s="68">
        <v>2</v>
      </c>
      <c r="K116" s="67">
        <v>5</v>
      </c>
      <c r="L116" s="79">
        <v>2</v>
      </c>
      <c r="M116" s="80">
        <v>3</v>
      </c>
    </row>
    <row r="117" spans="1:13" ht="21" customHeight="1">
      <c r="A117" s="38" t="s">
        <v>87</v>
      </c>
      <c r="B117" s="64">
        <v>-89</v>
      </c>
      <c r="C117" s="65">
        <v>-43</v>
      </c>
      <c r="D117" s="65">
        <v>-46</v>
      </c>
      <c r="E117" s="64">
        <v>107</v>
      </c>
      <c r="F117" s="65">
        <v>54</v>
      </c>
      <c r="G117" s="66">
        <v>53</v>
      </c>
      <c r="H117" s="65">
        <v>33</v>
      </c>
      <c r="I117" s="65">
        <v>13</v>
      </c>
      <c r="J117" s="65">
        <v>20</v>
      </c>
      <c r="K117" s="64">
        <v>15</v>
      </c>
      <c r="L117" s="77">
        <v>2</v>
      </c>
      <c r="M117" s="78">
        <v>13</v>
      </c>
    </row>
    <row r="118" spans="1:13">
      <c r="A118" s="27" t="s">
        <v>89</v>
      </c>
      <c r="B118" s="67">
        <v>-19</v>
      </c>
      <c r="C118" s="68">
        <v>-9</v>
      </c>
      <c r="D118" s="68">
        <v>-10</v>
      </c>
      <c r="E118" s="67">
        <v>24</v>
      </c>
      <c r="F118" s="68">
        <v>12</v>
      </c>
      <c r="G118" s="69">
        <v>12</v>
      </c>
      <c r="H118" s="68">
        <v>10</v>
      </c>
      <c r="I118" s="68">
        <v>5</v>
      </c>
      <c r="J118" s="68">
        <v>5</v>
      </c>
      <c r="K118" s="67">
        <v>5</v>
      </c>
      <c r="L118" s="79">
        <v>2</v>
      </c>
      <c r="M118" s="80">
        <v>3</v>
      </c>
    </row>
    <row r="119" spans="1:13">
      <c r="A119" s="27" t="s">
        <v>91</v>
      </c>
      <c r="B119" s="67">
        <v>-15</v>
      </c>
      <c r="C119" s="68">
        <v>-5</v>
      </c>
      <c r="D119" s="68">
        <v>-10</v>
      </c>
      <c r="E119" s="67">
        <v>19</v>
      </c>
      <c r="F119" s="68">
        <v>10</v>
      </c>
      <c r="G119" s="69">
        <v>9</v>
      </c>
      <c r="H119" s="68">
        <v>7</v>
      </c>
      <c r="I119" s="68">
        <v>5</v>
      </c>
      <c r="J119" s="68">
        <v>2</v>
      </c>
      <c r="K119" s="67">
        <v>3</v>
      </c>
      <c r="L119" s="79">
        <v>0</v>
      </c>
      <c r="M119" s="80">
        <v>3</v>
      </c>
    </row>
    <row r="120" spans="1:13">
      <c r="A120" s="27" t="s">
        <v>93</v>
      </c>
      <c r="B120" s="67">
        <v>-20</v>
      </c>
      <c r="C120" s="68">
        <v>-10</v>
      </c>
      <c r="D120" s="68">
        <v>-10</v>
      </c>
      <c r="E120" s="67">
        <v>22</v>
      </c>
      <c r="F120" s="68">
        <v>11</v>
      </c>
      <c r="G120" s="69">
        <v>11</v>
      </c>
      <c r="H120" s="68">
        <v>5</v>
      </c>
      <c r="I120" s="68">
        <v>1</v>
      </c>
      <c r="J120" s="68">
        <v>4</v>
      </c>
      <c r="K120" s="67">
        <v>3</v>
      </c>
      <c r="L120" s="79">
        <v>0</v>
      </c>
      <c r="M120" s="80">
        <v>3</v>
      </c>
    </row>
    <row r="121" spans="1:13">
      <c r="A121" s="27" t="s">
        <v>95</v>
      </c>
      <c r="B121" s="67">
        <v>-13</v>
      </c>
      <c r="C121" s="68">
        <v>-11</v>
      </c>
      <c r="D121" s="68">
        <v>-2</v>
      </c>
      <c r="E121" s="67">
        <v>20</v>
      </c>
      <c r="F121" s="68">
        <v>13</v>
      </c>
      <c r="G121" s="69">
        <v>7</v>
      </c>
      <c r="H121" s="68">
        <v>7</v>
      </c>
      <c r="I121" s="68">
        <v>2</v>
      </c>
      <c r="J121" s="68">
        <v>5</v>
      </c>
      <c r="K121" s="67">
        <v>0</v>
      </c>
      <c r="L121" s="79">
        <v>0</v>
      </c>
      <c r="M121" s="80">
        <v>0</v>
      </c>
    </row>
    <row r="122" spans="1:13">
      <c r="A122" s="27" t="s">
        <v>97</v>
      </c>
      <c r="B122" s="67">
        <v>-22</v>
      </c>
      <c r="C122" s="68">
        <v>-8</v>
      </c>
      <c r="D122" s="68">
        <v>-14</v>
      </c>
      <c r="E122" s="67">
        <v>22</v>
      </c>
      <c r="F122" s="68">
        <v>8</v>
      </c>
      <c r="G122" s="69">
        <v>14</v>
      </c>
      <c r="H122" s="68">
        <v>4</v>
      </c>
      <c r="I122" s="68">
        <v>0</v>
      </c>
      <c r="J122" s="68">
        <v>4</v>
      </c>
      <c r="K122" s="67">
        <v>4</v>
      </c>
      <c r="L122" s="79">
        <v>0</v>
      </c>
      <c r="M122" s="80">
        <v>4</v>
      </c>
    </row>
    <row r="123" spans="1:13" ht="21" customHeight="1">
      <c r="A123" s="38" t="s">
        <v>99</v>
      </c>
      <c r="B123" s="64">
        <v>-86</v>
      </c>
      <c r="C123" s="65">
        <v>-37</v>
      </c>
      <c r="D123" s="65">
        <v>-49</v>
      </c>
      <c r="E123" s="64">
        <v>92</v>
      </c>
      <c r="F123" s="65">
        <v>41</v>
      </c>
      <c r="G123" s="66">
        <v>51</v>
      </c>
      <c r="H123" s="65">
        <v>14</v>
      </c>
      <c r="I123" s="65">
        <v>7</v>
      </c>
      <c r="J123" s="65">
        <v>7</v>
      </c>
      <c r="K123" s="64">
        <v>8</v>
      </c>
      <c r="L123" s="77">
        <v>3</v>
      </c>
      <c r="M123" s="78">
        <v>5</v>
      </c>
    </row>
    <row r="124" spans="1:13">
      <c r="A124" s="27" t="s">
        <v>101</v>
      </c>
      <c r="B124" s="67">
        <v>-19</v>
      </c>
      <c r="C124" s="68">
        <v>-10</v>
      </c>
      <c r="D124" s="68">
        <v>-9</v>
      </c>
      <c r="E124" s="67">
        <v>20</v>
      </c>
      <c r="F124" s="68">
        <v>11</v>
      </c>
      <c r="G124" s="69">
        <v>9</v>
      </c>
      <c r="H124" s="68">
        <v>4</v>
      </c>
      <c r="I124" s="68">
        <v>2</v>
      </c>
      <c r="J124" s="68">
        <v>2</v>
      </c>
      <c r="K124" s="67">
        <v>3</v>
      </c>
      <c r="L124" s="79">
        <v>1</v>
      </c>
      <c r="M124" s="80">
        <v>2</v>
      </c>
    </row>
    <row r="125" spans="1:13">
      <c r="A125" s="27" t="s">
        <v>103</v>
      </c>
      <c r="B125" s="67">
        <v>-30</v>
      </c>
      <c r="C125" s="68">
        <v>-13</v>
      </c>
      <c r="D125" s="68">
        <v>-17</v>
      </c>
      <c r="E125" s="67">
        <v>29</v>
      </c>
      <c r="F125" s="68">
        <v>13</v>
      </c>
      <c r="G125" s="69">
        <v>16</v>
      </c>
      <c r="H125" s="68">
        <v>1</v>
      </c>
      <c r="I125" s="68">
        <v>0</v>
      </c>
      <c r="J125" s="68">
        <v>1</v>
      </c>
      <c r="K125" s="67">
        <v>2</v>
      </c>
      <c r="L125" s="79">
        <v>0</v>
      </c>
      <c r="M125" s="80">
        <v>2</v>
      </c>
    </row>
    <row r="126" spans="1:13">
      <c r="A126" s="27" t="s">
        <v>105</v>
      </c>
      <c r="B126" s="67">
        <v>-7</v>
      </c>
      <c r="C126" s="68">
        <v>-1</v>
      </c>
      <c r="D126" s="68">
        <v>-6</v>
      </c>
      <c r="E126" s="67">
        <v>12</v>
      </c>
      <c r="F126" s="68">
        <v>5</v>
      </c>
      <c r="G126" s="69">
        <v>7</v>
      </c>
      <c r="H126" s="68">
        <v>5</v>
      </c>
      <c r="I126" s="68">
        <v>4</v>
      </c>
      <c r="J126" s="68">
        <v>1</v>
      </c>
      <c r="K126" s="67">
        <v>0</v>
      </c>
      <c r="L126" s="79">
        <v>0</v>
      </c>
      <c r="M126" s="80">
        <v>0</v>
      </c>
    </row>
    <row r="127" spans="1:13">
      <c r="A127" s="27" t="s">
        <v>107</v>
      </c>
      <c r="B127" s="67">
        <v>-11</v>
      </c>
      <c r="C127" s="68">
        <v>-6</v>
      </c>
      <c r="D127" s="68">
        <v>-5</v>
      </c>
      <c r="E127" s="67">
        <v>13</v>
      </c>
      <c r="F127" s="68">
        <v>7</v>
      </c>
      <c r="G127" s="69">
        <v>6</v>
      </c>
      <c r="H127" s="68">
        <v>2</v>
      </c>
      <c r="I127" s="68">
        <v>1</v>
      </c>
      <c r="J127" s="68">
        <v>1</v>
      </c>
      <c r="K127" s="67">
        <v>0</v>
      </c>
      <c r="L127" s="79">
        <v>0</v>
      </c>
      <c r="M127" s="80">
        <v>0</v>
      </c>
    </row>
    <row r="128" spans="1:13">
      <c r="A128" s="27" t="s">
        <v>109</v>
      </c>
      <c r="B128" s="67">
        <v>-19</v>
      </c>
      <c r="C128" s="68">
        <v>-7</v>
      </c>
      <c r="D128" s="68">
        <v>-12</v>
      </c>
      <c r="E128" s="67">
        <v>18</v>
      </c>
      <c r="F128" s="68">
        <v>5</v>
      </c>
      <c r="G128" s="69">
        <v>13</v>
      </c>
      <c r="H128" s="68">
        <v>2</v>
      </c>
      <c r="I128" s="68">
        <v>0</v>
      </c>
      <c r="J128" s="68">
        <v>2</v>
      </c>
      <c r="K128" s="67">
        <v>3</v>
      </c>
      <c r="L128" s="79">
        <v>2</v>
      </c>
      <c r="M128" s="80">
        <v>1</v>
      </c>
    </row>
    <row r="129" spans="1:14" ht="21" customHeight="1">
      <c r="A129" s="38" t="s">
        <v>111</v>
      </c>
      <c r="B129" s="64">
        <v>-53</v>
      </c>
      <c r="C129" s="65">
        <v>-15</v>
      </c>
      <c r="D129" s="65">
        <v>-38</v>
      </c>
      <c r="E129" s="64">
        <v>53</v>
      </c>
      <c r="F129" s="65">
        <v>16</v>
      </c>
      <c r="G129" s="66">
        <v>37</v>
      </c>
      <c r="H129" s="65">
        <v>2</v>
      </c>
      <c r="I129" s="65">
        <v>1</v>
      </c>
      <c r="J129" s="65">
        <v>1</v>
      </c>
      <c r="K129" s="64">
        <v>2</v>
      </c>
      <c r="L129" s="77">
        <v>0</v>
      </c>
      <c r="M129" s="78">
        <v>2</v>
      </c>
    </row>
    <row r="130" spans="1:14">
      <c r="A130" s="27" t="s">
        <v>113</v>
      </c>
      <c r="B130" s="67">
        <v>-12</v>
      </c>
      <c r="C130" s="68">
        <v>-1</v>
      </c>
      <c r="D130" s="68">
        <v>-11</v>
      </c>
      <c r="E130" s="67">
        <v>12</v>
      </c>
      <c r="F130" s="68">
        <v>2</v>
      </c>
      <c r="G130" s="69">
        <v>10</v>
      </c>
      <c r="H130" s="68">
        <v>1</v>
      </c>
      <c r="I130" s="68">
        <v>1</v>
      </c>
      <c r="J130" s="68">
        <v>0</v>
      </c>
      <c r="K130" s="67">
        <v>1</v>
      </c>
      <c r="L130" s="79">
        <v>0</v>
      </c>
      <c r="M130" s="80">
        <v>1</v>
      </c>
    </row>
    <row r="131" spans="1:14">
      <c r="A131" s="27" t="s">
        <v>115</v>
      </c>
      <c r="B131" s="67">
        <v>-10</v>
      </c>
      <c r="C131" s="68">
        <v>-3</v>
      </c>
      <c r="D131" s="68">
        <v>-7</v>
      </c>
      <c r="E131" s="67">
        <v>11</v>
      </c>
      <c r="F131" s="68">
        <v>3</v>
      </c>
      <c r="G131" s="69">
        <v>8</v>
      </c>
      <c r="H131" s="68">
        <v>1</v>
      </c>
      <c r="I131" s="68">
        <v>0</v>
      </c>
      <c r="J131" s="68">
        <v>1</v>
      </c>
      <c r="K131" s="67">
        <v>0</v>
      </c>
      <c r="L131" s="79">
        <v>0</v>
      </c>
      <c r="M131" s="80">
        <v>0</v>
      </c>
    </row>
    <row r="132" spans="1:14">
      <c r="A132" s="27" t="s">
        <v>117</v>
      </c>
      <c r="B132" s="67">
        <v>-12</v>
      </c>
      <c r="C132" s="68">
        <v>-6</v>
      </c>
      <c r="D132" s="68">
        <v>-6</v>
      </c>
      <c r="E132" s="67">
        <v>12</v>
      </c>
      <c r="F132" s="68">
        <v>6</v>
      </c>
      <c r="G132" s="69">
        <v>6</v>
      </c>
      <c r="H132" s="68">
        <v>0</v>
      </c>
      <c r="I132" s="68">
        <v>0</v>
      </c>
      <c r="J132" s="68">
        <v>0</v>
      </c>
      <c r="K132" s="67">
        <v>0</v>
      </c>
      <c r="L132" s="79">
        <v>0</v>
      </c>
      <c r="M132" s="80">
        <v>0</v>
      </c>
    </row>
    <row r="133" spans="1:14">
      <c r="A133" s="27" t="s">
        <v>119</v>
      </c>
      <c r="B133" s="67">
        <v>-10</v>
      </c>
      <c r="C133" s="68">
        <v>-2</v>
      </c>
      <c r="D133" s="68">
        <v>-8</v>
      </c>
      <c r="E133" s="67">
        <v>9</v>
      </c>
      <c r="F133" s="68">
        <v>2</v>
      </c>
      <c r="G133" s="69">
        <v>7</v>
      </c>
      <c r="H133" s="68">
        <v>0</v>
      </c>
      <c r="I133" s="68">
        <v>0</v>
      </c>
      <c r="J133" s="68">
        <v>0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9</v>
      </c>
      <c r="C134" s="68">
        <v>-3</v>
      </c>
      <c r="D134" s="68">
        <v>-6</v>
      </c>
      <c r="E134" s="67">
        <v>9</v>
      </c>
      <c r="F134" s="68">
        <v>3</v>
      </c>
      <c r="G134" s="69">
        <v>6</v>
      </c>
      <c r="H134" s="68">
        <v>0</v>
      </c>
      <c r="I134" s="68">
        <v>0</v>
      </c>
      <c r="J134" s="68">
        <v>0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11</v>
      </c>
      <c r="C135" s="40">
        <v>-3</v>
      </c>
      <c r="D135" s="40">
        <v>-8</v>
      </c>
      <c r="E135" s="42">
        <v>11</v>
      </c>
      <c r="F135" s="40">
        <v>3</v>
      </c>
      <c r="G135" s="43">
        <v>8</v>
      </c>
      <c r="H135" s="40">
        <v>0</v>
      </c>
      <c r="I135" s="40">
        <v>0</v>
      </c>
      <c r="J135" s="40">
        <v>0</v>
      </c>
      <c r="K135" s="42">
        <v>0</v>
      </c>
      <c r="L135" s="44">
        <v>0</v>
      </c>
      <c r="M135" s="85">
        <v>0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53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1">
        <v>-87</v>
      </c>
      <c r="C5" s="62">
        <v>-166</v>
      </c>
      <c r="D5" s="62">
        <v>79</v>
      </c>
      <c r="E5" s="61">
        <v>2507</v>
      </c>
      <c r="F5" s="62">
        <v>1389</v>
      </c>
      <c r="G5" s="63">
        <v>1118</v>
      </c>
      <c r="H5" s="62">
        <v>13941</v>
      </c>
      <c r="I5" s="62">
        <v>7327</v>
      </c>
      <c r="J5" s="62">
        <v>6614</v>
      </c>
      <c r="K5" s="61">
        <v>12588</v>
      </c>
      <c r="L5" s="75">
        <v>6660</v>
      </c>
      <c r="M5" s="76">
        <v>5928</v>
      </c>
    </row>
    <row r="6" spans="1:13" ht="23.25" customHeight="1">
      <c r="A6" s="36" t="s">
        <v>2</v>
      </c>
      <c r="B6" s="64">
        <v>992</v>
      </c>
      <c r="C6" s="65">
        <v>523</v>
      </c>
      <c r="D6" s="65">
        <v>469</v>
      </c>
      <c r="E6" s="64">
        <v>3</v>
      </c>
      <c r="F6" s="65">
        <v>2</v>
      </c>
      <c r="G6" s="66">
        <v>1</v>
      </c>
      <c r="H6" s="65">
        <v>447</v>
      </c>
      <c r="I6" s="65">
        <v>235</v>
      </c>
      <c r="J6" s="65">
        <v>212</v>
      </c>
      <c r="K6" s="64">
        <v>519</v>
      </c>
      <c r="L6" s="77">
        <v>266</v>
      </c>
      <c r="M6" s="78">
        <v>253</v>
      </c>
    </row>
    <row r="7" spans="1:13">
      <c r="A7" s="15" t="s">
        <v>4</v>
      </c>
      <c r="B7" s="67">
        <v>1044</v>
      </c>
      <c r="C7" s="68">
        <v>543</v>
      </c>
      <c r="D7" s="68">
        <v>501</v>
      </c>
      <c r="E7" s="67">
        <v>3</v>
      </c>
      <c r="F7" s="68">
        <v>2</v>
      </c>
      <c r="G7" s="69">
        <v>1</v>
      </c>
      <c r="H7" s="68">
        <v>66</v>
      </c>
      <c r="I7" s="68">
        <v>34</v>
      </c>
      <c r="J7" s="68">
        <v>32</v>
      </c>
      <c r="K7" s="67">
        <v>86</v>
      </c>
      <c r="L7" s="79">
        <v>45</v>
      </c>
      <c r="M7" s="80">
        <v>41</v>
      </c>
    </row>
    <row r="8" spans="1:13">
      <c r="A8" s="15" t="s">
        <v>6</v>
      </c>
      <c r="B8" s="67">
        <v>-16</v>
      </c>
      <c r="C8" s="68">
        <v>-6</v>
      </c>
      <c r="D8" s="68">
        <v>-10</v>
      </c>
      <c r="E8" s="67">
        <v>0</v>
      </c>
      <c r="F8" s="68">
        <v>0</v>
      </c>
      <c r="G8" s="69">
        <v>0</v>
      </c>
      <c r="H8" s="68">
        <v>115</v>
      </c>
      <c r="I8" s="68">
        <v>65</v>
      </c>
      <c r="J8" s="68">
        <v>50</v>
      </c>
      <c r="K8" s="67">
        <v>131</v>
      </c>
      <c r="L8" s="79">
        <v>71</v>
      </c>
      <c r="M8" s="80">
        <v>60</v>
      </c>
    </row>
    <row r="9" spans="1:13">
      <c r="A9" s="15" t="s">
        <v>8</v>
      </c>
      <c r="B9" s="67">
        <v>3</v>
      </c>
      <c r="C9" s="68">
        <v>-4</v>
      </c>
      <c r="D9" s="68">
        <v>7</v>
      </c>
      <c r="E9" s="67">
        <v>0</v>
      </c>
      <c r="F9" s="68">
        <v>0</v>
      </c>
      <c r="G9" s="69">
        <v>0</v>
      </c>
      <c r="H9" s="68">
        <v>105</v>
      </c>
      <c r="I9" s="68">
        <v>52</v>
      </c>
      <c r="J9" s="68">
        <v>53</v>
      </c>
      <c r="K9" s="67">
        <v>102</v>
      </c>
      <c r="L9" s="79">
        <v>56</v>
      </c>
      <c r="M9" s="80">
        <v>46</v>
      </c>
    </row>
    <row r="10" spans="1:13">
      <c r="A10" s="15" t="s">
        <v>10</v>
      </c>
      <c r="B10" s="67">
        <v>-22</v>
      </c>
      <c r="C10" s="68">
        <v>-8</v>
      </c>
      <c r="D10" s="68">
        <v>-14</v>
      </c>
      <c r="E10" s="67">
        <v>0</v>
      </c>
      <c r="F10" s="68">
        <v>0</v>
      </c>
      <c r="G10" s="69">
        <v>0</v>
      </c>
      <c r="H10" s="68">
        <v>92</v>
      </c>
      <c r="I10" s="68">
        <v>48</v>
      </c>
      <c r="J10" s="68">
        <v>44</v>
      </c>
      <c r="K10" s="67">
        <v>114</v>
      </c>
      <c r="L10" s="79">
        <v>56</v>
      </c>
      <c r="M10" s="80">
        <v>58</v>
      </c>
    </row>
    <row r="11" spans="1:13">
      <c r="A11" s="15" t="s">
        <v>12</v>
      </c>
      <c r="B11" s="67">
        <v>-17</v>
      </c>
      <c r="C11" s="68">
        <v>-2</v>
      </c>
      <c r="D11" s="68">
        <v>-15</v>
      </c>
      <c r="E11" s="67">
        <v>0</v>
      </c>
      <c r="F11" s="68">
        <v>0</v>
      </c>
      <c r="G11" s="69">
        <v>0</v>
      </c>
      <c r="H11" s="68">
        <v>69</v>
      </c>
      <c r="I11" s="68">
        <v>36</v>
      </c>
      <c r="J11" s="68">
        <v>33</v>
      </c>
      <c r="K11" s="67">
        <v>86</v>
      </c>
      <c r="L11" s="79">
        <v>38</v>
      </c>
      <c r="M11" s="80">
        <v>48</v>
      </c>
    </row>
    <row r="12" spans="1:13" ht="21" customHeight="1">
      <c r="A12" s="36" t="s">
        <v>14</v>
      </c>
      <c r="B12" s="64">
        <v>-21</v>
      </c>
      <c r="C12" s="65">
        <v>-2</v>
      </c>
      <c r="D12" s="65">
        <v>-19</v>
      </c>
      <c r="E12" s="64">
        <v>2</v>
      </c>
      <c r="F12" s="65">
        <v>2</v>
      </c>
      <c r="G12" s="66">
        <v>0</v>
      </c>
      <c r="H12" s="65">
        <v>317</v>
      </c>
      <c r="I12" s="65">
        <v>170</v>
      </c>
      <c r="J12" s="65">
        <v>147</v>
      </c>
      <c r="K12" s="64">
        <v>336</v>
      </c>
      <c r="L12" s="77">
        <v>170</v>
      </c>
      <c r="M12" s="78">
        <v>166</v>
      </c>
    </row>
    <row r="13" spans="1:13">
      <c r="A13" s="15" t="s">
        <v>16</v>
      </c>
      <c r="B13" s="67">
        <v>-5</v>
      </c>
      <c r="C13" s="68">
        <v>-2</v>
      </c>
      <c r="D13" s="68">
        <v>-3</v>
      </c>
      <c r="E13" s="67">
        <v>1</v>
      </c>
      <c r="F13" s="68">
        <v>1</v>
      </c>
      <c r="G13" s="69">
        <v>0</v>
      </c>
      <c r="H13" s="68">
        <v>72</v>
      </c>
      <c r="I13" s="68">
        <v>36</v>
      </c>
      <c r="J13" s="68">
        <v>36</v>
      </c>
      <c r="K13" s="67">
        <v>76</v>
      </c>
      <c r="L13" s="79">
        <v>37</v>
      </c>
      <c r="M13" s="80">
        <v>39</v>
      </c>
    </row>
    <row r="14" spans="1:13">
      <c r="A14" s="15" t="s">
        <v>18</v>
      </c>
      <c r="B14" s="67">
        <v>-19</v>
      </c>
      <c r="C14" s="68">
        <v>-5</v>
      </c>
      <c r="D14" s="68">
        <v>-14</v>
      </c>
      <c r="E14" s="67">
        <v>0</v>
      </c>
      <c r="F14" s="68">
        <v>0</v>
      </c>
      <c r="G14" s="69">
        <v>0</v>
      </c>
      <c r="H14" s="68">
        <v>71</v>
      </c>
      <c r="I14" s="68">
        <v>39</v>
      </c>
      <c r="J14" s="68">
        <v>32</v>
      </c>
      <c r="K14" s="67">
        <v>90</v>
      </c>
      <c r="L14" s="79">
        <v>44</v>
      </c>
      <c r="M14" s="80">
        <v>46</v>
      </c>
    </row>
    <row r="15" spans="1:13">
      <c r="A15" s="15" t="s">
        <v>20</v>
      </c>
      <c r="B15" s="67">
        <v>-2</v>
      </c>
      <c r="C15" s="68">
        <v>7</v>
      </c>
      <c r="D15" s="68">
        <v>-9</v>
      </c>
      <c r="E15" s="67">
        <v>0</v>
      </c>
      <c r="F15" s="68">
        <v>0</v>
      </c>
      <c r="G15" s="69">
        <v>0</v>
      </c>
      <c r="H15" s="68">
        <v>75</v>
      </c>
      <c r="I15" s="68">
        <v>43</v>
      </c>
      <c r="J15" s="68">
        <v>32</v>
      </c>
      <c r="K15" s="67">
        <v>77</v>
      </c>
      <c r="L15" s="79">
        <v>36</v>
      </c>
      <c r="M15" s="80">
        <v>41</v>
      </c>
    </row>
    <row r="16" spans="1:13">
      <c r="A16" s="15" t="s">
        <v>22</v>
      </c>
      <c r="B16" s="67">
        <v>4</v>
      </c>
      <c r="C16" s="68">
        <v>0</v>
      </c>
      <c r="D16" s="68">
        <v>4</v>
      </c>
      <c r="E16" s="67">
        <v>1</v>
      </c>
      <c r="F16" s="68">
        <v>1</v>
      </c>
      <c r="G16" s="69">
        <v>0</v>
      </c>
      <c r="H16" s="68">
        <v>53</v>
      </c>
      <c r="I16" s="68">
        <v>28</v>
      </c>
      <c r="J16" s="68">
        <v>25</v>
      </c>
      <c r="K16" s="67">
        <v>48</v>
      </c>
      <c r="L16" s="79">
        <v>27</v>
      </c>
      <c r="M16" s="80">
        <v>21</v>
      </c>
    </row>
    <row r="17" spans="1:13">
      <c r="A17" s="15" t="s">
        <v>24</v>
      </c>
      <c r="B17" s="67">
        <v>1</v>
      </c>
      <c r="C17" s="68">
        <v>-2</v>
      </c>
      <c r="D17" s="68">
        <v>3</v>
      </c>
      <c r="E17" s="67">
        <v>0</v>
      </c>
      <c r="F17" s="68">
        <v>0</v>
      </c>
      <c r="G17" s="69">
        <v>0</v>
      </c>
      <c r="H17" s="68">
        <v>46</v>
      </c>
      <c r="I17" s="68">
        <v>24</v>
      </c>
      <c r="J17" s="68">
        <v>22</v>
      </c>
      <c r="K17" s="67">
        <v>45</v>
      </c>
      <c r="L17" s="79">
        <v>26</v>
      </c>
      <c r="M17" s="80">
        <v>19</v>
      </c>
    </row>
    <row r="18" spans="1:13" ht="21" customHeight="1">
      <c r="A18" s="36" t="s">
        <v>26</v>
      </c>
      <c r="B18" s="64">
        <v>-14</v>
      </c>
      <c r="C18" s="65">
        <v>0</v>
      </c>
      <c r="D18" s="65">
        <v>-14</v>
      </c>
      <c r="E18" s="64">
        <v>0</v>
      </c>
      <c r="F18" s="65">
        <v>0</v>
      </c>
      <c r="G18" s="66">
        <v>0</v>
      </c>
      <c r="H18" s="65">
        <v>158</v>
      </c>
      <c r="I18" s="65">
        <v>79</v>
      </c>
      <c r="J18" s="65">
        <v>79</v>
      </c>
      <c r="K18" s="64">
        <v>172</v>
      </c>
      <c r="L18" s="77">
        <v>79</v>
      </c>
      <c r="M18" s="78">
        <v>93</v>
      </c>
    </row>
    <row r="19" spans="1:13">
      <c r="A19" s="15" t="s">
        <v>28</v>
      </c>
      <c r="B19" s="67">
        <v>-10</v>
      </c>
      <c r="C19" s="68">
        <v>-7</v>
      </c>
      <c r="D19" s="68">
        <v>-3</v>
      </c>
      <c r="E19" s="67">
        <v>0</v>
      </c>
      <c r="F19" s="68">
        <v>0</v>
      </c>
      <c r="G19" s="69">
        <v>0</v>
      </c>
      <c r="H19" s="68">
        <v>38</v>
      </c>
      <c r="I19" s="68">
        <v>17</v>
      </c>
      <c r="J19" s="68">
        <v>21</v>
      </c>
      <c r="K19" s="67">
        <v>48</v>
      </c>
      <c r="L19" s="79">
        <v>24</v>
      </c>
      <c r="M19" s="80">
        <v>24</v>
      </c>
    </row>
    <row r="20" spans="1:13">
      <c r="A20" s="15" t="s">
        <v>30</v>
      </c>
      <c r="B20" s="67">
        <v>-1</v>
      </c>
      <c r="C20" s="68">
        <v>3</v>
      </c>
      <c r="D20" s="68">
        <v>-4</v>
      </c>
      <c r="E20" s="67">
        <v>0</v>
      </c>
      <c r="F20" s="68">
        <v>0</v>
      </c>
      <c r="G20" s="69">
        <v>0</v>
      </c>
      <c r="H20" s="68">
        <v>36</v>
      </c>
      <c r="I20" s="68">
        <v>21</v>
      </c>
      <c r="J20" s="68">
        <v>15</v>
      </c>
      <c r="K20" s="67">
        <v>37</v>
      </c>
      <c r="L20" s="79">
        <v>18</v>
      </c>
      <c r="M20" s="80">
        <v>19</v>
      </c>
    </row>
    <row r="21" spans="1:13">
      <c r="A21" s="15" t="s">
        <v>32</v>
      </c>
      <c r="B21" s="67">
        <v>3</v>
      </c>
      <c r="C21" s="68">
        <v>5</v>
      </c>
      <c r="D21" s="68">
        <v>-2</v>
      </c>
      <c r="E21" s="67">
        <v>0</v>
      </c>
      <c r="F21" s="68">
        <v>0</v>
      </c>
      <c r="G21" s="69">
        <v>0</v>
      </c>
      <c r="H21" s="68">
        <v>30</v>
      </c>
      <c r="I21" s="68">
        <v>15</v>
      </c>
      <c r="J21" s="68">
        <v>15</v>
      </c>
      <c r="K21" s="67">
        <v>27</v>
      </c>
      <c r="L21" s="79">
        <v>10</v>
      </c>
      <c r="M21" s="80">
        <v>17</v>
      </c>
    </row>
    <row r="22" spans="1:13">
      <c r="A22" s="15" t="s">
        <v>34</v>
      </c>
      <c r="B22" s="67">
        <v>-3</v>
      </c>
      <c r="C22" s="68">
        <v>1</v>
      </c>
      <c r="D22" s="68">
        <v>-4</v>
      </c>
      <c r="E22" s="67">
        <v>0</v>
      </c>
      <c r="F22" s="68">
        <v>0</v>
      </c>
      <c r="G22" s="69">
        <v>0</v>
      </c>
      <c r="H22" s="68">
        <v>37</v>
      </c>
      <c r="I22" s="68">
        <v>19</v>
      </c>
      <c r="J22" s="68">
        <v>18</v>
      </c>
      <c r="K22" s="67">
        <v>40</v>
      </c>
      <c r="L22" s="79">
        <v>18</v>
      </c>
      <c r="M22" s="80">
        <v>22</v>
      </c>
    </row>
    <row r="23" spans="1:13">
      <c r="A23" s="15" t="s">
        <v>36</v>
      </c>
      <c r="B23" s="67">
        <v>-3</v>
      </c>
      <c r="C23" s="68">
        <v>-2</v>
      </c>
      <c r="D23" s="68">
        <v>-1</v>
      </c>
      <c r="E23" s="67">
        <v>0</v>
      </c>
      <c r="F23" s="68">
        <v>0</v>
      </c>
      <c r="G23" s="69">
        <v>0</v>
      </c>
      <c r="H23" s="68">
        <v>17</v>
      </c>
      <c r="I23" s="68">
        <v>7</v>
      </c>
      <c r="J23" s="68">
        <v>10</v>
      </c>
      <c r="K23" s="67">
        <v>20</v>
      </c>
      <c r="L23" s="79">
        <v>9</v>
      </c>
      <c r="M23" s="80">
        <v>11</v>
      </c>
    </row>
    <row r="24" spans="1:13" ht="21" customHeight="1">
      <c r="A24" s="36" t="s">
        <v>38</v>
      </c>
      <c r="B24" s="64">
        <v>188</v>
      </c>
      <c r="C24" s="65">
        <v>75</v>
      </c>
      <c r="D24" s="65">
        <v>113</v>
      </c>
      <c r="E24" s="64">
        <v>2</v>
      </c>
      <c r="F24" s="65">
        <v>1</v>
      </c>
      <c r="G24" s="66">
        <v>1</v>
      </c>
      <c r="H24" s="65">
        <v>425</v>
      </c>
      <c r="I24" s="65">
        <v>196</v>
      </c>
      <c r="J24" s="65">
        <v>229</v>
      </c>
      <c r="K24" s="64">
        <v>235</v>
      </c>
      <c r="L24" s="77">
        <v>120</v>
      </c>
      <c r="M24" s="78">
        <v>115</v>
      </c>
    </row>
    <row r="25" spans="1:13">
      <c r="A25" s="15" t="s">
        <v>40</v>
      </c>
      <c r="B25" s="67">
        <v>25</v>
      </c>
      <c r="C25" s="68">
        <v>8</v>
      </c>
      <c r="D25" s="68">
        <v>17</v>
      </c>
      <c r="E25" s="67">
        <v>0</v>
      </c>
      <c r="F25" s="68">
        <v>0</v>
      </c>
      <c r="G25" s="69">
        <v>0</v>
      </c>
      <c r="H25" s="68">
        <v>49</v>
      </c>
      <c r="I25" s="68">
        <v>18</v>
      </c>
      <c r="J25" s="68">
        <v>31</v>
      </c>
      <c r="K25" s="67">
        <v>24</v>
      </c>
      <c r="L25" s="79">
        <v>10</v>
      </c>
      <c r="M25" s="80">
        <v>14</v>
      </c>
    </row>
    <row r="26" spans="1:13">
      <c r="A26" s="15" t="s">
        <v>42</v>
      </c>
      <c r="B26" s="67">
        <v>12</v>
      </c>
      <c r="C26" s="68">
        <v>4</v>
      </c>
      <c r="D26" s="68">
        <v>8</v>
      </c>
      <c r="E26" s="67">
        <v>0</v>
      </c>
      <c r="F26" s="68">
        <v>0</v>
      </c>
      <c r="G26" s="69">
        <v>0</v>
      </c>
      <c r="H26" s="68">
        <v>51</v>
      </c>
      <c r="I26" s="68">
        <v>24</v>
      </c>
      <c r="J26" s="68">
        <v>27</v>
      </c>
      <c r="K26" s="67">
        <v>39</v>
      </c>
      <c r="L26" s="79">
        <v>20</v>
      </c>
      <c r="M26" s="80">
        <v>19</v>
      </c>
    </row>
    <row r="27" spans="1:13">
      <c r="A27" s="15" t="s">
        <v>44</v>
      </c>
      <c r="B27" s="67">
        <v>18</v>
      </c>
      <c r="C27" s="68">
        <v>12</v>
      </c>
      <c r="D27" s="68">
        <v>6</v>
      </c>
      <c r="E27" s="67">
        <v>0</v>
      </c>
      <c r="F27" s="68">
        <v>0</v>
      </c>
      <c r="G27" s="69">
        <v>0</v>
      </c>
      <c r="H27" s="68">
        <v>38</v>
      </c>
      <c r="I27" s="68">
        <v>19</v>
      </c>
      <c r="J27" s="68">
        <v>19</v>
      </c>
      <c r="K27" s="67">
        <v>20</v>
      </c>
      <c r="L27" s="79">
        <v>7</v>
      </c>
      <c r="M27" s="80">
        <v>13</v>
      </c>
    </row>
    <row r="28" spans="1:13">
      <c r="A28" s="15" t="s">
        <v>46</v>
      </c>
      <c r="B28" s="67">
        <v>32</v>
      </c>
      <c r="C28" s="68">
        <v>16</v>
      </c>
      <c r="D28" s="68">
        <v>16</v>
      </c>
      <c r="E28" s="67">
        <v>1</v>
      </c>
      <c r="F28" s="68">
        <v>0</v>
      </c>
      <c r="G28" s="69">
        <v>1</v>
      </c>
      <c r="H28" s="68">
        <v>89</v>
      </c>
      <c r="I28" s="68">
        <v>44</v>
      </c>
      <c r="J28" s="68">
        <v>45</v>
      </c>
      <c r="K28" s="67">
        <v>56</v>
      </c>
      <c r="L28" s="79">
        <v>28</v>
      </c>
      <c r="M28" s="80">
        <v>28</v>
      </c>
    </row>
    <row r="29" spans="1:13">
      <c r="A29" s="15" t="s">
        <v>48</v>
      </c>
      <c r="B29" s="67">
        <v>101</v>
      </c>
      <c r="C29" s="68">
        <v>35</v>
      </c>
      <c r="D29" s="68">
        <v>66</v>
      </c>
      <c r="E29" s="67">
        <v>1</v>
      </c>
      <c r="F29" s="68">
        <v>1</v>
      </c>
      <c r="G29" s="69">
        <v>0</v>
      </c>
      <c r="H29" s="68">
        <v>198</v>
      </c>
      <c r="I29" s="68">
        <v>91</v>
      </c>
      <c r="J29" s="68">
        <v>107</v>
      </c>
      <c r="K29" s="67">
        <v>96</v>
      </c>
      <c r="L29" s="79">
        <v>55</v>
      </c>
      <c r="M29" s="80">
        <v>41</v>
      </c>
    </row>
    <row r="30" spans="1:13" ht="21" customHeight="1">
      <c r="A30" s="36" t="s">
        <v>50</v>
      </c>
      <c r="B30" s="64">
        <v>1231</v>
      </c>
      <c r="C30" s="65">
        <v>618</v>
      </c>
      <c r="D30" s="65">
        <v>613</v>
      </c>
      <c r="E30" s="64">
        <v>3</v>
      </c>
      <c r="F30" s="65">
        <v>2</v>
      </c>
      <c r="G30" s="66">
        <v>1</v>
      </c>
      <c r="H30" s="65">
        <v>2932</v>
      </c>
      <c r="I30" s="65">
        <v>1477</v>
      </c>
      <c r="J30" s="65">
        <v>1455</v>
      </c>
      <c r="K30" s="64">
        <v>1698</v>
      </c>
      <c r="L30" s="77">
        <v>857</v>
      </c>
      <c r="M30" s="78">
        <v>841</v>
      </c>
    </row>
    <row r="31" spans="1:13">
      <c r="A31" s="15" t="s">
        <v>52</v>
      </c>
      <c r="B31" s="67">
        <v>161</v>
      </c>
      <c r="C31" s="68">
        <v>102</v>
      </c>
      <c r="D31" s="68">
        <v>59</v>
      </c>
      <c r="E31" s="67">
        <v>0</v>
      </c>
      <c r="F31" s="68">
        <v>0</v>
      </c>
      <c r="G31" s="69">
        <v>0</v>
      </c>
      <c r="H31" s="68">
        <v>266</v>
      </c>
      <c r="I31" s="68">
        <v>154</v>
      </c>
      <c r="J31" s="68">
        <v>112</v>
      </c>
      <c r="K31" s="67">
        <v>105</v>
      </c>
      <c r="L31" s="79">
        <v>52</v>
      </c>
      <c r="M31" s="80">
        <v>53</v>
      </c>
    </row>
    <row r="32" spans="1:13">
      <c r="A32" s="15" t="s">
        <v>54</v>
      </c>
      <c r="B32" s="67">
        <v>161</v>
      </c>
      <c r="C32" s="68">
        <v>83</v>
      </c>
      <c r="D32" s="68">
        <v>78</v>
      </c>
      <c r="E32" s="67">
        <v>0</v>
      </c>
      <c r="F32" s="68">
        <v>0</v>
      </c>
      <c r="G32" s="69">
        <v>0</v>
      </c>
      <c r="H32" s="68">
        <v>376</v>
      </c>
      <c r="I32" s="68">
        <v>174</v>
      </c>
      <c r="J32" s="68">
        <v>202</v>
      </c>
      <c r="K32" s="67">
        <v>215</v>
      </c>
      <c r="L32" s="79">
        <v>91</v>
      </c>
      <c r="M32" s="80">
        <v>124</v>
      </c>
    </row>
    <row r="33" spans="1:13">
      <c r="A33" s="15" t="s">
        <v>56</v>
      </c>
      <c r="B33" s="67">
        <v>234</v>
      </c>
      <c r="C33" s="68">
        <v>117</v>
      </c>
      <c r="D33" s="68">
        <v>117</v>
      </c>
      <c r="E33" s="67">
        <v>0</v>
      </c>
      <c r="F33" s="68">
        <v>0</v>
      </c>
      <c r="G33" s="69">
        <v>0</v>
      </c>
      <c r="H33" s="68">
        <v>546</v>
      </c>
      <c r="I33" s="68">
        <v>271</v>
      </c>
      <c r="J33" s="68">
        <v>275</v>
      </c>
      <c r="K33" s="67">
        <v>312</v>
      </c>
      <c r="L33" s="79">
        <v>154</v>
      </c>
      <c r="M33" s="80">
        <v>158</v>
      </c>
    </row>
    <row r="34" spans="1:13">
      <c r="A34" s="15" t="s">
        <v>58</v>
      </c>
      <c r="B34" s="67">
        <v>496</v>
      </c>
      <c r="C34" s="68">
        <v>232</v>
      </c>
      <c r="D34" s="68">
        <v>264</v>
      </c>
      <c r="E34" s="67">
        <v>1</v>
      </c>
      <c r="F34" s="68">
        <v>0</v>
      </c>
      <c r="G34" s="69">
        <v>1</v>
      </c>
      <c r="H34" s="68">
        <v>1000</v>
      </c>
      <c r="I34" s="68">
        <v>488</v>
      </c>
      <c r="J34" s="68">
        <v>512</v>
      </c>
      <c r="K34" s="67">
        <v>503</v>
      </c>
      <c r="L34" s="79">
        <v>256</v>
      </c>
      <c r="M34" s="80">
        <v>247</v>
      </c>
    </row>
    <row r="35" spans="1:13">
      <c r="A35" s="15" t="s">
        <v>60</v>
      </c>
      <c r="B35" s="67">
        <v>179</v>
      </c>
      <c r="C35" s="68">
        <v>84</v>
      </c>
      <c r="D35" s="68">
        <v>95</v>
      </c>
      <c r="E35" s="67">
        <v>2</v>
      </c>
      <c r="F35" s="68">
        <v>2</v>
      </c>
      <c r="G35" s="69">
        <v>0</v>
      </c>
      <c r="H35" s="68">
        <v>744</v>
      </c>
      <c r="I35" s="68">
        <v>390</v>
      </c>
      <c r="J35" s="68">
        <v>354</v>
      </c>
      <c r="K35" s="67">
        <v>563</v>
      </c>
      <c r="L35" s="79">
        <v>304</v>
      </c>
      <c r="M35" s="80">
        <v>259</v>
      </c>
    </row>
    <row r="36" spans="1:13" ht="21" customHeight="1">
      <c r="A36" s="36" t="s">
        <v>62</v>
      </c>
      <c r="B36" s="64">
        <v>358</v>
      </c>
      <c r="C36" s="65">
        <v>228</v>
      </c>
      <c r="D36" s="65">
        <v>130</v>
      </c>
      <c r="E36" s="64">
        <v>4</v>
      </c>
      <c r="F36" s="65">
        <v>2</v>
      </c>
      <c r="G36" s="66">
        <v>2</v>
      </c>
      <c r="H36" s="65">
        <v>3419</v>
      </c>
      <c r="I36" s="65">
        <v>1815</v>
      </c>
      <c r="J36" s="65">
        <v>1604</v>
      </c>
      <c r="K36" s="64">
        <v>3057</v>
      </c>
      <c r="L36" s="77">
        <v>1585</v>
      </c>
      <c r="M36" s="78">
        <v>1472</v>
      </c>
    </row>
    <row r="37" spans="1:13">
      <c r="A37" s="15" t="s">
        <v>64</v>
      </c>
      <c r="B37" s="67">
        <v>244</v>
      </c>
      <c r="C37" s="68">
        <v>160</v>
      </c>
      <c r="D37" s="68">
        <v>84</v>
      </c>
      <c r="E37" s="67">
        <v>3</v>
      </c>
      <c r="F37" s="68">
        <v>1</v>
      </c>
      <c r="G37" s="69">
        <v>2</v>
      </c>
      <c r="H37" s="68">
        <v>908</v>
      </c>
      <c r="I37" s="68">
        <v>486</v>
      </c>
      <c r="J37" s="68">
        <v>422</v>
      </c>
      <c r="K37" s="67">
        <v>661</v>
      </c>
      <c r="L37" s="79">
        <v>325</v>
      </c>
      <c r="M37" s="80">
        <v>336</v>
      </c>
    </row>
    <row r="38" spans="1:13">
      <c r="A38" s="15" t="s">
        <v>66</v>
      </c>
      <c r="B38" s="67">
        <v>91</v>
      </c>
      <c r="C38" s="68">
        <v>49</v>
      </c>
      <c r="D38" s="68">
        <v>42</v>
      </c>
      <c r="E38" s="67">
        <v>1</v>
      </c>
      <c r="F38" s="68">
        <v>1</v>
      </c>
      <c r="G38" s="69">
        <v>0</v>
      </c>
      <c r="H38" s="68">
        <v>756</v>
      </c>
      <c r="I38" s="68">
        <v>394</v>
      </c>
      <c r="J38" s="68">
        <v>362</v>
      </c>
      <c r="K38" s="67">
        <v>664</v>
      </c>
      <c r="L38" s="79">
        <v>344</v>
      </c>
      <c r="M38" s="80">
        <v>320</v>
      </c>
    </row>
    <row r="39" spans="1:13">
      <c r="A39" s="15" t="s">
        <v>68</v>
      </c>
      <c r="B39" s="67">
        <v>36</v>
      </c>
      <c r="C39" s="68">
        <v>42</v>
      </c>
      <c r="D39" s="68">
        <v>-6</v>
      </c>
      <c r="E39" s="67">
        <v>0</v>
      </c>
      <c r="F39" s="68">
        <v>0</v>
      </c>
      <c r="G39" s="69">
        <v>0</v>
      </c>
      <c r="H39" s="68">
        <v>624</v>
      </c>
      <c r="I39" s="68">
        <v>337</v>
      </c>
      <c r="J39" s="68">
        <v>287</v>
      </c>
      <c r="K39" s="67">
        <v>588</v>
      </c>
      <c r="L39" s="79">
        <v>295</v>
      </c>
      <c r="M39" s="80">
        <v>293</v>
      </c>
    </row>
    <row r="40" spans="1:13">
      <c r="A40" s="15" t="s">
        <v>70</v>
      </c>
      <c r="B40" s="67">
        <v>-28</v>
      </c>
      <c r="C40" s="68">
        <v>-14</v>
      </c>
      <c r="D40" s="68">
        <v>-14</v>
      </c>
      <c r="E40" s="67">
        <v>0</v>
      </c>
      <c r="F40" s="68">
        <v>0</v>
      </c>
      <c r="G40" s="69">
        <v>0</v>
      </c>
      <c r="H40" s="68">
        <v>609</v>
      </c>
      <c r="I40" s="68">
        <v>321</v>
      </c>
      <c r="J40" s="68">
        <v>288</v>
      </c>
      <c r="K40" s="67">
        <v>637</v>
      </c>
      <c r="L40" s="79">
        <v>335</v>
      </c>
      <c r="M40" s="80">
        <v>302</v>
      </c>
    </row>
    <row r="41" spans="1:13">
      <c r="A41" s="15" t="s">
        <v>72</v>
      </c>
      <c r="B41" s="67">
        <v>15</v>
      </c>
      <c r="C41" s="68">
        <v>-9</v>
      </c>
      <c r="D41" s="68">
        <v>24</v>
      </c>
      <c r="E41" s="67">
        <v>0</v>
      </c>
      <c r="F41" s="68">
        <v>0</v>
      </c>
      <c r="G41" s="69">
        <v>0</v>
      </c>
      <c r="H41" s="68">
        <v>522</v>
      </c>
      <c r="I41" s="68">
        <v>277</v>
      </c>
      <c r="J41" s="68">
        <v>245</v>
      </c>
      <c r="K41" s="67">
        <v>507</v>
      </c>
      <c r="L41" s="79">
        <v>286</v>
      </c>
      <c r="M41" s="80">
        <v>221</v>
      </c>
    </row>
    <row r="42" spans="1:13" ht="21" customHeight="1">
      <c r="A42" s="36" t="s">
        <v>74</v>
      </c>
      <c r="B42" s="64">
        <v>-11</v>
      </c>
      <c r="C42" s="65">
        <v>-41</v>
      </c>
      <c r="D42" s="65">
        <v>30</v>
      </c>
      <c r="E42" s="64">
        <v>7</v>
      </c>
      <c r="F42" s="65">
        <v>5</v>
      </c>
      <c r="G42" s="66">
        <v>2</v>
      </c>
      <c r="H42" s="65">
        <v>1859</v>
      </c>
      <c r="I42" s="65">
        <v>978</v>
      </c>
      <c r="J42" s="65">
        <v>881</v>
      </c>
      <c r="K42" s="64">
        <v>1863</v>
      </c>
      <c r="L42" s="77">
        <v>1014</v>
      </c>
      <c r="M42" s="78">
        <v>849</v>
      </c>
    </row>
    <row r="43" spans="1:13">
      <c r="A43" s="15" t="s">
        <v>76</v>
      </c>
      <c r="B43" s="67">
        <v>5</v>
      </c>
      <c r="C43" s="68">
        <v>-3</v>
      </c>
      <c r="D43" s="68">
        <v>8</v>
      </c>
      <c r="E43" s="67">
        <v>0</v>
      </c>
      <c r="F43" s="68">
        <v>0</v>
      </c>
      <c r="G43" s="69">
        <v>0</v>
      </c>
      <c r="H43" s="68">
        <v>457</v>
      </c>
      <c r="I43" s="68">
        <v>236</v>
      </c>
      <c r="J43" s="68">
        <v>221</v>
      </c>
      <c r="K43" s="67">
        <v>452</v>
      </c>
      <c r="L43" s="79">
        <v>239</v>
      </c>
      <c r="M43" s="80">
        <v>213</v>
      </c>
    </row>
    <row r="44" spans="1:13">
      <c r="A44" s="15" t="s">
        <v>78</v>
      </c>
      <c r="B44" s="67">
        <v>11</v>
      </c>
      <c r="C44" s="68">
        <v>-2</v>
      </c>
      <c r="D44" s="68">
        <v>13</v>
      </c>
      <c r="E44" s="67">
        <v>1</v>
      </c>
      <c r="F44" s="68">
        <v>1</v>
      </c>
      <c r="G44" s="69">
        <v>0</v>
      </c>
      <c r="H44" s="68">
        <v>414</v>
      </c>
      <c r="I44" s="68">
        <v>219</v>
      </c>
      <c r="J44" s="68">
        <v>195</v>
      </c>
      <c r="K44" s="67">
        <v>402</v>
      </c>
      <c r="L44" s="79">
        <v>220</v>
      </c>
      <c r="M44" s="80">
        <v>182</v>
      </c>
    </row>
    <row r="45" spans="1:13">
      <c r="A45" s="15" t="s">
        <v>80</v>
      </c>
      <c r="B45" s="67">
        <v>-36</v>
      </c>
      <c r="C45" s="68">
        <v>-27</v>
      </c>
      <c r="D45" s="68">
        <v>-9</v>
      </c>
      <c r="E45" s="67">
        <v>2</v>
      </c>
      <c r="F45" s="68">
        <v>2</v>
      </c>
      <c r="G45" s="69">
        <v>0</v>
      </c>
      <c r="H45" s="68">
        <v>342</v>
      </c>
      <c r="I45" s="68">
        <v>182</v>
      </c>
      <c r="J45" s="68">
        <v>160</v>
      </c>
      <c r="K45" s="67">
        <v>376</v>
      </c>
      <c r="L45" s="79">
        <v>207</v>
      </c>
      <c r="M45" s="80">
        <v>169</v>
      </c>
    </row>
    <row r="46" spans="1:13">
      <c r="A46" s="15" t="s">
        <v>82</v>
      </c>
      <c r="B46" s="67">
        <v>7</v>
      </c>
      <c r="C46" s="68">
        <v>-8</v>
      </c>
      <c r="D46" s="68">
        <v>15</v>
      </c>
      <c r="E46" s="67">
        <v>1</v>
      </c>
      <c r="F46" s="68">
        <v>1</v>
      </c>
      <c r="G46" s="69">
        <v>0</v>
      </c>
      <c r="H46" s="68">
        <v>340</v>
      </c>
      <c r="I46" s="68">
        <v>176</v>
      </c>
      <c r="J46" s="68">
        <v>164</v>
      </c>
      <c r="K46" s="67">
        <v>332</v>
      </c>
      <c r="L46" s="79">
        <v>183</v>
      </c>
      <c r="M46" s="80">
        <v>149</v>
      </c>
    </row>
    <row r="47" spans="1:13">
      <c r="A47" s="15" t="s">
        <v>84</v>
      </c>
      <c r="B47" s="67">
        <v>2</v>
      </c>
      <c r="C47" s="68">
        <v>-1</v>
      </c>
      <c r="D47" s="68">
        <v>3</v>
      </c>
      <c r="E47" s="67">
        <v>3</v>
      </c>
      <c r="F47" s="68">
        <v>1</v>
      </c>
      <c r="G47" s="69">
        <v>2</v>
      </c>
      <c r="H47" s="68">
        <v>306</v>
      </c>
      <c r="I47" s="68">
        <v>165</v>
      </c>
      <c r="J47" s="68">
        <v>141</v>
      </c>
      <c r="K47" s="67">
        <v>301</v>
      </c>
      <c r="L47" s="79">
        <v>165</v>
      </c>
      <c r="M47" s="80">
        <v>136</v>
      </c>
    </row>
    <row r="48" spans="1:13" ht="21" customHeight="1">
      <c r="A48" s="36" t="s">
        <v>86</v>
      </c>
      <c r="B48" s="64">
        <v>-50</v>
      </c>
      <c r="C48" s="65">
        <v>-25</v>
      </c>
      <c r="D48" s="65">
        <v>-25</v>
      </c>
      <c r="E48" s="64">
        <v>7</v>
      </c>
      <c r="F48" s="65">
        <v>5</v>
      </c>
      <c r="G48" s="66">
        <v>2</v>
      </c>
      <c r="H48" s="65">
        <v>1101</v>
      </c>
      <c r="I48" s="65">
        <v>611</v>
      </c>
      <c r="J48" s="65">
        <v>490</v>
      </c>
      <c r="K48" s="64">
        <v>1144</v>
      </c>
      <c r="L48" s="77">
        <v>631</v>
      </c>
      <c r="M48" s="78">
        <v>513</v>
      </c>
    </row>
    <row r="49" spans="1:13">
      <c r="A49" s="15" t="s">
        <v>88</v>
      </c>
      <c r="B49" s="67">
        <v>-10</v>
      </c>
      <c r="C49" s="68">
        <v>16</v>
      </c>
      <c r="D49" s="68">
        <v>-26</v>
      </c>
      <c r="E49" s="67">
        <v>2</v>
      </c>
      <c r="F49" s="68">
        <v>1</v>
      </c>
      <c r="G49" s="69">
        <v>1</v>
      </c>
      <c r="H49" s="68">
        <v>246</v>
      </c>
      <c r="I49" s="68">
        <v>154</v>
      </c>
      <c r="J49" s="68">
        <v>92</v>
      </c>
      <c r="K49" s="67">
        <v>254</v>
      </c>
      <c r="L49" s="79">
        <v>137</v>
      </c>
      <c r="M49" s="80">
        <v>117</v>
      </c>
    </row>
    <row r="50" spans="1:13">
      <c r="A50" s="15" t="s">
        <v>90</v>
      </c>
      <c r="B50" s="67">
        <v>-58</v>
      </c>
      <c r="C50" s="68">
        <v>-37</v>
      </c>
      <c r="D50" s="68">
        <v>-21</v>
      </c>
      <c r="E50" s="67">
        <v>1</v>
      </c>
      <c r="F50" s="68">
        <v>1</v>
      </c>
      <c r="G50" s="69">
        <v>0</v>
      </c>
      <c r="H50" s="68">
        <v>213</v>
      </c>
      <c r="I50" s="68">
        <v>115</v>
      </c>
      <c r="J50" s="68">
        <v>98</v>
      </c>
      <c r="K50" s="67">
        <v>270</v>
      </c>
      <c r="L50" s="79">
        <v>151</v>
      </c>
      <c r="M50" s="80">
        <v>119</v>
      </c>
    </row>
    <row r="51" spans="1:13">
      <c r="A51" s="15" t="s">
        <v>92</v>
      </c>
      <c r="B51" s="67">
        <v>-13</v>
      </c>
      <c r="C51" s="68">
        <v>-22</v>
      </c>
      <c r="D51" s="68">
        <v>9</v>
      </c>
      <c r="E51" s="67">
        <v>0</v>
      </c>
      <c r="F51" s="68">
        <v>0</v>
      </c>
      <c r="G51" s="69">
        <v>0</v>
      </c>
      <c r="H51" s="68">
        <v>211</v>
      </c>
      <c r="I51" s="68">
        <v>102</v>
      </c>
      <c r="J51" s="68">
        <v>109</v>
      </c>
      <c r="K51" s="67">
        <v>224</v>
      </c>
      <c r="L51" s="79">
        <v>124</v>
      </c>
      <c r="M51" s="80">
        <v>100</v>
      </c>
    </row>
    <row r="52" spans="1:13">
      <c r="A52" s="15" t="s">
        <v>94</v>
      </c>
      <c r="B52" s="67">
        <v>11</v>
      </c>
      <c r="C52" s="68">
        <v>5</v>
      </c>
      <c r="D52" s="68">
        <v>6</v>
      </c>
      <c r="E52" s="67">
        <v>1</v>
      </c>
      <c r="F52" s="68">
        <v>1</v>
      </c>
      <c r="G52" s="69">
        <v>0</v>
      </c>
      <c r="H52" s="68">
        <v>216</v>
      </c>
      <c r="I52" s="68">
        <v>110</v>
      </c>
      <c r="J52" s="68">
        <v>106</v>
      </c>
      <c r="K52" s="67">
        <v>204</v>
      </c>
      <c r="L52" s="79">
        <v>104</v>
      </c>
      <c r="M52" s="80">
        <v>100</v>
      </c>
    </row>
    <row r="53" spans="1:13">
      <c r="A53" s="15" t="s">
        <v>96</v>
      </c>
      <c r="B53" s="67">
        <v>20</v>
      </c>
      <c r="C53" s="68">
        <v>13</v>
      </c>
      <c r="D53" s="68">
        <v>7</v>
      </c>
      <c r="E53" s="67">
        <v>3</v>
      </c>
      <c r="F53" s="68">
        <v>2</v>
      </c>
      <c r="G53" s="69">
        <v>1</v>
      </c>
      <c r="H53" s="68">
        <v>215</v>
      </c>
      <c r="I53" s="68">
        <v>130</v>
      </c>
      <c r="J53" s="68">
        <v>85</v>
      </c>
      <c r="K53" s="67">
        <v>192</v>
      </c>
      <c r="L53" s="79">
        <v>115</v>
      </c>
      <c r="M53" s="80">
        <v>77</v>
      </c>
    </row>
    <row r="54" spans="1:13" ht="21" customHeight="1">
      <c r="A54" s="36" t="s">
        <v>98</v>
      </c>
      <c r="B54" s="64">
        <v>-34</v>
      </c>
      <c r="C54" s="65">
        <v>-22</v>
      </c>
      <c r="D54" s="65">
        <v>-12</v>
      </c>
      <c r="E54" s="64">
        <v>16</v>
      </c>
      <c r="F54" s="65">
        <v>10</v>
      </c>
      <c r="G54" s="66">
        <v>6</v>
      </c>
      <c r="H54" s="65">
        <v>711</v>
      </c>
      <c r="I54" s="65">
        <v>385</v>
      </c>
      <c r="J54" s="65">
        <v>326</v>
      </c>
      <c r="K54" s="64">
        <v>729</v>
      </c>
      <c r="L54" s="77">
        <v>397</v>
      </c>
      <c r="M54" s="78">
        <v>332</v>
      </c>
    </row>
    <row r="55" spans="1:13">
      <c r="A55" s="15" t="s">
        <v>100</v>
      </c>
      <c r="B55" s="67">
        <v>-7</v>
      </c>
      <c r="C55" s="68">
        <v>1</v>
      </c>
      <c r="D55" s="68">
        <v>-8</v>
      </c>
      <c r="E55" s="67">
        <v>3</v>
      </c>
      <c r="F55" s="68">
        <v>2</v>
      </c>
      <c r="G55" s="69">
        <v>1</v>
      </c>
      <c r="H55" s="68">
        <v>167</v>
      </c>
      <c r="I55" s="68">
        <v>91</v>
      </c>
      <c r="J55" s="68">
        <v>76</v>
      </c>
      <c r="K55" s="67">
        <v>171</v>
      </c>
      <c r="L55" s="79">
        <v>88</v>
      </c>
      <c r="M55" s="80">
        <v>83</v>
      </c>
    </row>
    <row r="56" spans="1:13">
      <c r="A56" s="15" t="s">
        <v>102</v>
      </c>
      <c r="B56" s="67">
        <v>-22</v>
      </c>
      <c r="C56" s="68">
        <v>-16</v>
      </c>
      <c r="D56" s="68">
        <v>-6</v>
      </c>
      <c r="E56" s="67">
        <v>2</v>
      </c>
      <c r="F56" s="68">
        <v>2</v>
      </c>
      <c r="G56" s="69">
        <v>0</v>
      </c>
      <c r="H56" s="68">
        <v>144</v>
      </c>
      <c r="I56" s="68">
        <v>74</v>
      </c>
      <c r="J56" s="68">
        <v>70</v>
      </c>
      <c r="K56" s="67">
        <v>164</v>
      </c>
      <c r="L56" s="79">
        <v>88</v>
      </c>
      <c r="M56" s="80">
        <v>76</v>
      </c>
    </row>
    <row r="57" spans="1:13">
      <c r="A57" s="15" t="s">
        <v>104</v>
      </c>
      <c r="B57" s="67">
        <v>10</v>
      </c>
      <c r="C57" s="68">
        <v>10</v>
      </c>
      <c r="D57" s="68">
        <v>0</v>
      </c>
      <c r="E57" s="67">
        <v>5</v>
      </c>
      <c r="F57" s="68">
        <v>4</v>
      </c>
      <c r="G57" s="69">
        <v>1</v>
      </c>
      <c r="H57" s="68">
        <v>149</v>
      </c>
      <c r="I57" s="68">
        <v>91</v>
      </c>
      <c r="J57" s="68">
        <v>58</v>
      </c>
      <c r="K57" s="67">
        <v>134</v>
      </c>
      <c r="L57" s="79">
        <v>77</v>
      </c>
      <c r="M57" s="80">
        <v>57</v>
      </c>
    </row>
    <row r="58" spans="1:13">
      <c r="A58" s="15" t="s">
        <v>106</v>
      </c>
      <c r="B58" s="67">
        <v>-27</v>
      </c>
      <c r="C58" s="68">
        <v>-12</v>
      </c>
      <c r="D58" s="68">
        <v>-15</v>
      </c>
      <c r="E58" s="67">
        <v>4</v>
      </c>
      <c r="F58" s="68">
        <v>1</v>
      </c>
      <c r="G58" s="69">
        <v>3</v>
      </c>
      <c r="H58" s="68">
        <v>119</v>
      </c>
      <c r="I58" s="68">
        <v>62</v>
      </c>
      <c r="J58" s="68">
        <v>57</v>
      </c>
      <c r="K58" s="67">
        <v>142</v>
      </c>
      <c r="L58" s="79">
        <v>73</v>
      </c>
      <c r="M58" s="80">
        <v>69</v>
      </c>
    </row>
    <row r="59" spans="1:13">
      <c r="A59" s="15" t="s">
        <v>108</v>
      </c>
      <c r="B59" s="67">
        <v>12</v>
      </c>
      <c r="C59" s="68">
        <v>-5</v>
      </c>
      <c r="D59" s="68">
        <v>17</v>
      </c>
      <c r="E59" s="67">
        <v>2</v>
      </c>
      <c r="F59" s="68">
        <v>1</v>
      </c>
      <c r="G59" s="69">
        <v>1</v>
      </c>
      <c r="H59" s="68">
        <v>132</v>
      </c>
      <c r="I59" s="68">
        <v>67</v>
      </c>
      <c r="J59" s="68">
        <v>65</v>
      </c>
      <c r="K59" s="67">
        <v>118</v>
      </c>
      <c r="L59" s="79">
        <v>71</v>
      </c>
      <c r="M59" s="80">
        <v>47</v>
      </c>
    </row>
    <row r="60" spans="1:13" ht="21" customHeight="1">
      <c r="A60" s="36" t="s">
        <v>110</v>
      </c>
      <c r="B60" s="64">
        <v>-1</v>
      </c>
      <c r="C60" s="65">
        <v>-16</v>
      </c>
      <c r="D60" s="65">
        <v>15</v>
      </c>
      <c r="E60" s="64">
        <v>21</v>
      </c>
      <c r="F60" s="65">
        <v>15</v>
      </c>
      <c r="G60" s="66">
        <v>6</v>
      </c>
      <c r="H60" s="65">
        <v>610</v>
      </c>
      <c r="I60" s="65">
        <v>331</v>
      </c>
      <c r="J60" s="65">
        <v>279</v>
      </c>
      <c r="K60" s="64">
        <v>590</v>
      </c>
      <c r="L60" s="77">
        <v>332</v>
      </c>
      <c r="M60" s="78">
        <v>258</v>
      </c>
    </row>
    <row r="61" spans="1:13">
      <c r="A61" s="15" t="s">
        <v>112</v>
      </c>
      <c r="B61" s="67">
        <v>-5</v>
      </c>
      <c r="C61" s="68">
        <v>-3</v>
      </c>
      <c r="D61" s="68">
        <v>-2</v>
      </c>
      <c r="E61" s="67">
        <v>5</v>
      </c>
      <c r="F61" s="68">
        <v>4</v>
      </c>
      <c r="G61" s="69">
        <v>1</v>
      </c>
      <c r="H61" s="68">
        <v>129</v>
      </c>
      <c r="I61" s="68">
        <v>70</v>
      </c>
      <c r="J61" s="68">
        <v>59</v>
      </c>
      <c r="K61" s="67">
        <v>129</v>
      </c>
      <c r="L61" s="79">
        <v>69</v>
      </c>
      <c r="M61" s="80">
        <v>60</v>
      </c>
    </row>
    <row r="62" spans="1:13">
      <c r="A62" s="15" t="s">
        <v>114</v>
      </c>
      <c r="B62" s="67">
        <v>-4</v>
      </c>
      <c r="C62" s="68">
        <v>-11</v>
      </c>
      <c r="D62" s="68">
        <v>7</v>
      </c>
      <c r="E62" s="67">
        <v>2</v>
      </c>
      <c r="F62" s="68">
        <v>0</v>
      </c>
      <c r="G62" s="69">
        <v>2</v>
      </c>
      <c r="H62" s="68">
        <v>127</v>
      </c>
      <c r="I62" s="68">
        <v>61</v>
      </c>
      <c r="J62" s="68">
        <v>66</v>
      </c>
      <c r="K62" s="67">
        <v>129</v>
      </c>
      <c r="L62" s="79">
        <v>72</v>
      </c>
      <c r="M62" s="80">
        <v>57</v>
      </c>
    </row>
    <row r="63" spans="1:13">
      <c r="A63" s="15" t="s">
        <v>116</v>
      </c>
      <c r="B63" s="67">
        <v>18</v>
      </c>
      <c r="C63" s="68">
        <v>10</v>
      </c>
      <c r="D63" s="68">
        <v>8</v>
      </c>
      <c r="E63" s="67">
        <v>4</v>
      </c>
      <c r="F63" s="68">
        <v>3</v>
      </c>
      <c r="G63" s="69">
        <v>1</v>
      </c>
      <c r="H63" s="68">
        <v>125</v>
      </c>
      <c r="I63" s="68">
        <v>75</v>
      </c>
      <c r="J63" s="68">
        <v>50</v>
      </c>
      <c r="K63" s="67">
        <v>103</v>
      </c>
      <c r="L63" s="79">
        <v>62</v>
      </c>
      <c r="M63" s="80">
        <v>41</v>
      </c>
    </row>
    <row r="64" spans="1:13">
      <c r="A64" s="15" t="s">
        <v>118</v>
      </c>
      <c r="B64" s="67">
        <v>-11</v>
      </c>
      <c r="C64" s="68">
        <v>-9</v>
      </c>
      <c r="D64" s="68">
        <v>-2</v>
      </c>
      <c r="E64" s="67">
        <v>2</v>
      </c>
      <c r="F64" s="68">
        <v>1</v>
      </c>
      <c r="G64" s="69">
        <v>1</v>
      </c>
      <c r="H64" s="68">
        <v>107</v>
      </c>
      <c r="I64" s="68">
        <v>62</v>
      </c>
      <c r="J64" s="68">
        <v>45</v>
      </c>
      <c r="K64" s="67">
        <v>116</v>
      </c>
      <c r="L64" s="79">
        <v>70</v>
      </c>
      <c r="M64" s="80">
        <v>46</v>
      </c>
    </row>
    <row r="65" spans="1:13">
      <c r="A65" s="19" t="s">
        <v>120</v>
      </c>
      <c r="B65" s="70">
        <v>1</v>
      </c>
      <c r="C65" s="71">
        <v>-3</v>
      </c>
      <c r="D65" s="71">
        <v>4</v>
      </c>
      <c r="E65" s="70">
        <v>8</v>
      </c>
      <c r="F65" s="71">
        <v>7</v>
      </c>
      <c r="G65" s="72">
        <v>1</v>
      </c>
      <c r="H65" s="71">
        <v>122</v>
      </c>
      <c r="I65" s="71">
        <v>63</v>
      </c>
      <c r="J65" s="71">
        <v>59</v>
      </c>
      <c r="K65" s="70">
        <v>113</v>
      </c>
      <c r="L65" s="81">
        <v>59</v>
      </c>
      <c r="M65" s="82">
        <v>54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067</v>
      </c>
      <c r="C69" s="50">
        <v>556</v>
      </c>
      <c r="D69" s="84">
        <v>511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30" t="s">
        <v>185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12</v>
      </c>
      <c r="C75" s="65">
        <v>-12</v>
      </c>
      <c r="D75" s="65">
        <v>0</v>
      </c>
      <c r="E75" s="64">
        <v>42</v>
      </c>
      <c r="F75" s="65">
        <v>31</v>
      </c>
      <c r="G75" s="66">
        <v>11</v>
      </c>
      <c r="H75" s="65">
        <v>532</v>
      </c>
      <c r="I75" s="65">
        <v>296</v>
      </c>
      <c r="J75" s="65">
        <v>236</v>
      </c>
      <c r="K75" s="64">
        <v>502</v>
      </c>
      <c r="L75" s="77">
        <v>277</v>
      </c>
      <c r="M75" s="78">
        <v>225</v>
      </c>
    </row>
    <row r="76" spans="1:13">
      <c r="A76" s="27" t="s">
        <v>5</v>
      </c>
      <c r="B76" s="67">
        <v>12</v>
      </c>
      <c r="C76" s="68">
        <v>-3</v>
      </c>
      <c r="D76" s="68">
        <v>15</v>
      </c>
      <c r="E76" s="67">
        <v>6</v>
      </c>
      <c r="F76" s="68">
        <v>4</v>
      </c>
      <c r="G76" s="69">
        <v>2</v>
      </c>
      <c r="H76" s="68">
        <v>132</v>
      </c>
      <c r="I76" s="68">
        <v>71</v>
      </c>
      <c r="J76" s="68">
        <v>61</v>
      </c>
      <c r="K76" s="67">
        <v>114</v>
      </c>
      <c r="L76" s="79">
        <v>70</v>
      </c>
      <c r="M76" s="80">
        <v>44</v>
      </c>
    </row>
    <row r="77" spans="1:13">
      <c r="A77" s="27" t="s">
        <v>7</v>
      </c>
      <c r="B77" s="67">
        <v>-4</v>
      </c>
      <c r="C77" s="68">
        <v>0</v>
      </c>
      <c r="D77" s="68">
        <v>-4</v>
      </c>
      <c r="E77" s="67">
        <v>5</v>
      </c>
      <c r="F77" s="68">
        <v>2</v>
      </c>
      <c r="G77" s="69">
        <v>3</v>
      </c>
      <c r="H77" s="68">
        <v>105</v>
      </c>
      <c r="I77" s="68">
        <v>61</v>
      </c>
      <c r="J77" s="68">
        <v>44</v>
      </c>
      <c r="K77" s="67">
        <v>104</v>
      </c>
      <c r="L77" s="79">
        <v>59</v>
      </c>
      <c r="M77" s="80">
        <v>45</v>
      </c>
    </row>
    <row r="78" spans="1:13">
      <c r="A78" s="27" t="s">
        <v>9</v>
      </c>
      <c r="B78" s="67">
        <v>-15</v>
      </c>
      <c r="C78" s="68">
        <v>-3</v>
      </c>
      <c r="D78" s="68">
        <v>-12</v>
      </c>
      <c r="E78" s="67">
        <v>10</v>
      </c>
      <c r="F78" s="68">
        <v>8</v>
      </c>
      <c r="G78" s="69">
        <v>2</v>
      </c>
      <c r="H78" s="68">
        <v>100</v>
      </c>
      <c r="I78" s="68">
        <v>57</v>
      </c>
      <c r="J78" s="68">
        <v>43</v>
      </c>
      <c r="K78" s="67">
        <v>105</v>
      </c>
      <c r="L78" s="79">
        <v>52</v>
      </c>
      <c r="M78" s="80">
        <v>53</v>
      </c>
    </row>
    <row r="79" spans="1:13">
      <c r="A79" s="27" t="s">
        <v>11</v>
      </c>
      <c r="B79" s="67">
        <v>-1</v>
      </c>
      <c r="C79" s="68">
        <v>11</v>
      </c>
      <c r="D79" s="68">
        <v>-12</v>
      </c>
      <c r="E79" s="67">
        <v>12</v>
      </c>
      <c r="F79" s="68">
        <v>10</v>
      </c>
      <c r="G79" s="69">
        <v>2</v>
      </c>
      <c r="H79" s="68">
        <v>103</v>
      </c>
      <c r="I79" s="68">
        <v>65</v>
      </c>
      <c r="J79" s="68">
        <v>38</v>
      </c>
      <c r="K79" s="67">
        <v>92</v>
      </c>
      <c r="L79" s="79">
        <v>44</v>
      </c>
      <c r="M79" s="80">
        <v>48</v>
      </c>
    </row>
    <row r="80" spans="1:13">
      <c r="A80" s="27" t="s">
        <v>13</v>
      </c>
      <c r="B80" s="67">
        <v>-4</v>
      </c>
      <c r="C80" s="68">
        <v>-17</v>
      </c>
      <c r="D80" s="68">
        <v>13</v>
      </c>
      <c r="E80" s="67">
        <v>9</v>
      </c>
      <c r="F80" s="68">
        <v>7</v>
      </c>
      <c r="G80" s="69">
        <v>2</v>
      </c>
      <c r="H80" s="68">
        <v>92</v>
      </c>
      <c r="I80" s="68">
        <v>42</v>
      </c>
      <c r="J80" s="68">
        <v>50</v>
      </c>
      <c r="K80" s="67">
        <v>87</v>
      </c>
      <c r="L80" s="79">
        <v>52</v>
      </c>
      <c r="M80" s="80">
        <v>35</v>
      </c>
    </row>
    <row r="81" spans="1:13" ht="21" customHeight="1">
      <c r="A81" s="38" t="s">
        <v>15</v>
      </c>
      <c r="B81" s="64">
        <v>-107</v>
      </c>
      <c r="C81" s="65">
        <v>-74</v>
      </c>
      <c r="D81" s="65">
        <v>-33</v>
      </c>
      <c r="E81" s="64">
        <v>63</v>
      </c>
      <c r="F81" s="65">
        <v>40</v>
      </c>
      <c r="G81" s="66">
        <v>23</v>
      </c>
      <c r="H81" s="65">
        <v>386</v>
      </c>
      <c r="I81" s="65">
        <v>230</v>
      </c>
      <c r="J81" s="65">
        <v>156</v>
      </c>
      <c r="K81" s="64">
        <v>430</v>
      </c>
      <c r="L81" s="77">
        <v>264</v>
      </c>
      <c r="M81" s="78">
        <v>166</v>
      </c>
    </row>
    <row r="82" spans="1:13">
      <c r="A82" s="27" t="s">
        <v>17</v>
      </c>
      <c r="B82" s="67">
        <v>-13</v>
      </c>
      <c r="C82" s="68">
        <v>-15</v>
      </c>
      <c r="D82" s="68">
        <v>2</v>
      </c>
      <c r="E82" s="67">
        <v>11</v>
      </c>
      <c r="F82" s="68">
        <v>6</v>
      </c>
      <c r="G82" s="69">
        <v>5</v>
      </c>
      <c r="H82" s="68">
        <v>95</v>
      </c>
      <c r="I82" s="68">
        <v>55</v>
      </c>
      <c r="J82" s="68">
        <v>40</v>
      </c>
      <c r="K82" s="67">
        <v>97</v>
      </c>
      <c r="L82" s="79">
        <v>64</v>
      </c>
      <c r="M82" s="80">
        <v>33</v>
      </c>
    </row>
    <row r="83" spans="1:13">
      <c r="A83" s="27" t="s">
        <v>19</v>
      </c>
      <c r="B83" s="67">
        <v>-20</v>
      </c>
      <c r="C83" s="68">
        <v>-1</v>
      </c>
      <c r="D83" s="68">
        <v>-19</v>
      </c>
      <c r="E83" s="67">
        <v>8</v>
      </c>
      <c r="F83" s="68">
        <v>7</v>
      </c>
      <c r="G83" s="69">
        <v>1</v>
      </c>
      <c r="H83" s="68">
        <v>65</v>
      </c>
      <c r="I83" s="68">
        <v>46</v>
      </c>
      <c r="J83" s="68">
        <v>19</v>
      </c>
      <c r="K83" s="67">
        <v>77</v>
      </c>
      <c r="L83" s="79">
        <v>40</v>
      </c>
      <c r="M83" s="80">
        <v>37</v>
      </c>
    </row>
    <row r="84" spans="1:13">
      <c r="A84" s="27" t="s">
        <v>21</v>
      </c>
      <c r="B84" s="67">
        <v>-37</v>
      </c>
      <c r="C84" s="68">
        <v>-21</v>
      </c>
      <c r="D84" s="68">
        <v>-16</v>
      </c>
      <c r="E84" s="67">
        <v>13</v>
      </c>
      <c r="F84" s="68">
        <v>8</v>
      </c>
      <c r="G84" s="69">
        <v>5</v>
      </c>
      <c r="H84" s="68">
        <v>71</v>
      </c>
      <c r="I84" s="68">
        <v>46</v>
      </c>
      <c r="J84" s="68">
        <v>25</v>
      </c>
      <c r="K84" s="67">
        <v>95</v>
      </c>
      <c r="L84" s="79">
        <v>59</v>
      </c>
      <c r="M84" s="80">
        <v>36</v>
      </c>
    </row>
    <row r="85" spans="1:13">
      <c r="A85" s="27" t="s">
        <v>23</v>
      </c>
      <c r="B85" s="67">
        <v>-19</v>
      </c>
      <c r="C85" s="68">
        <v>-22</v>
      </c>
      <c r="D85" s="68">
        <v>3</v>
      </c>
      <c r="E85" s="67">
        <v>17</v>
      </c>
      <c r="F85" s="68">
        <v>11</v>
      </c>
      <c r="G85" s="69">
        <v>6</v>
      </c>
      <c r="H85" s="68">
        <v>71</v>
      </c>
      <c r="I85" s="68">
        <v>33</v>
      </c>
      <c r="J85" s="68">
        <v>38</v>
      </c>
      <c r="K85" s="67">
        <v>73</v>
      </c>
      <c r="L85" s="79">
        <v>44</v>
      </c>
      <c r="M85" s="80">
        <v>29</v>
      </c>
    </row>
    <row r="86" spans="1:13">
      <c r="A86" s="27" t="s">
        <v>25</v>
      </c>
      <c r="B86" s="67">
        <v>-18</v>
      </c>
      <c r="C86" s="68">
        <v>-15</v>
      </c>
      <c r="D86" s="68">
        <v>-3</v>
      </c>
      <c r="E86" s="67">
        <v>14</v>
      </c>
      <c r="F86" s="68">
        <v>8</v>
      </c>
      <c r="G86" s="69">
        <v>6</v>
      </c>
      <c r="H86" s="68">
        <v>84</v>
      </c>
      <c r="I86" s="68">
        <v>50</v>
      </c>
      <c r="J86" s="68">
        <v>34</v>
      </c>
      <c r="K86" s="67">
        <v>88</v>
      </c>
      <c r="L86" s="79">
        <v>57</v>
      </c>
      <c r="M86" s="80">
        <v>31</v>
      </c>
    </row>
    <row r="87" spans="1:13" ht="21" customHeight="1">
      <c r="A87" s="38" t="s">
        <v>27</v>
      </c>
      <c r="B87" s="64">
        <v>-127</v>
      </c>
      <c r="C87" s="65">
        <v>-80</v>
      </c>
      <c r="D87" s="65">
        <v>-47</v>
      </c>
      <c r="E87" s="64">
        <v>76</v>
      </c>
      <c r="F87" s="65">
        <v>52</v>
      </c>
      <c r="G87" s="66">
        <v>24</v>
      </c>
      <c r="H87" s="65">
        <v>259</v>
      </c>
      <c r="I87" s="65">
        <v>155</v>
      </c>
      <c r="J87" s="65">
        <v>104</v>
      </c>
      <c r="K87" s="64">
        <v>310</v>
      </c>
      <c r="L87" s="77">
        <v>183</v>
      </c>
      <c r="M87" s="78">
        <v>127</v>
      </c>
    </row>
    <row r="88" spans="1:13">
      <c r="A88" s="27" t="s">
        <v>29</v>
      </c>
      <c r="B88" s="67">
        <v>-21</v>
      </c>
      <c r="C88" s="68">
        <v>-18</v>
      </c>
      <c r="D88" s="68">
        <v>-3</v>
      </c>
      <c r="E88" s="67">
        <v>10</v>
      </c>
      <c r="F88" s="68">
        <v>5</v>
      </c>
      <c r="G88" s="69">
        <v>5</v>
      </c>
      <c r="H88" s="68">
        <v>67</v>
      </c>
      <c r="I88" s="68">
        <v>35</v>
      </c>
      <c r="J88" s="68">
        <v>32</v>
      </c>
      <c r="K88" s="67">
        <v>78</v>
      </c>
      <c r="L88" s="79">
        <v>48</v>
      </c>
      <c r="M88" s="80">
        <v>30</v>
      </c>
    </row>
    <row r="89" spans="1:13">
      <c r="A89" s="27" t="s">
        <v>31</v>
      </c>
      <c r="B89" s="67">
        <v>-55</v>
      </c>
      <c r="C89" s="68">
        <v>-34</v>
      </c>
      <c r="D89" s="68">
        <v>-21</v>
      </c>
      <c r="E89" s="67">
        <v>22</v>
      </c>
      <c r="F89" s="68">
        <v>16</v>
      </c>
      <c r="G89" s="69">
        <v>6</v>
      </c>
      <c r="H89" s="68">
        <v>46</v>
      </c>
      <c r="I89" s="68">
        <v>29</v>
      </c>
      <c r="J89" s="68">
        <v>17</v>
      </c>
      <c r="K89" s="67">
        <v>79</v>
      </c>
      <c r="L89" s="79">
        <v>47</v>
      </c>
      <c r="M89" s="80">
        <v>32</v>
      </c>
    </row>
    <row r="90" spans="1:13">
      <c r="A90" s="27" t="s">
        <v>33</v>
      </c>
      <c r="B90" s="67">
        <v>-25</v>
      </c>
      <c r="C90" s="68">
        <v>-16</v>
      </c>
      <c r="D90" s="68">
        <v>-9</v>
      </c>
      <c r="E90" s="67">
        <v>10</v>
      </c>
      <c r="F90" s="68">
        <v>8</v>
      </c>
      <c r="G90" s="69">
        <v>2</v>
      </c>
      <c r="H90" s="68">
        <v>47</v>
      </c>
      <c r="I90" s="68">
        <v>26</v>
      </c>
      <c r="J90" s="68">
        <v>21</v>
      </c>
      <c r="K90" s="67">
        <v>62</v>
      </c>
      <c r="L90" s="79">
        <v>34</v>
      </c>
      <c r="M90" s="80">
        <v>28</v>
      </c>
    </row>
    <row r="91" spans="1:13">
      <c r="A91" s="27" t="s">
        <v>35</v>
      </c>
      <c r="B91" s="67">
        <v>-10</v>
      </c>
      <c r="C91" s="68">
        <v>-4</v>
      </c>
      <c r="D91" s="68">
        <v>-6</v>
      </c>
      <c r="E91" s="67">
        <v>19</v>
      </c>
      <c r="F91" s="68">
        <v>12</v>
      </c>
      <c r="G91" s="69">
        <v>7</v>
      </c>
      <c r="H91" s="68">
        <v>51</v>
      </c>
      <c r="I91" s="68">
        <v>32</v>
      </c>
      <c r="J91" s="68">
        <v>19</v>
      </c>
      <c r="K91" s="67">
        <v>42</v>
      </c>
      <c r="L91" s="79">
        <v>24</v>
      </c>
      <c r="M91" s="80">
        <v>18</v>
      </c>
    </row>
    <row r="92" spans="1:13">
      <c r="A92" s="27" t="s">
        <v>37</v>
      </c>
      <c r="B92" s="67">
        <v>-16</v>
      </c>
      <c r="C92" s="68">
        <v>-8</v>
      </c>
      <c r="D92" s="68">
        <v>-8</v>
      </c>
      <c r="E92" s="67">
        <v>15</v>
      </c>
      <c r="F92" s="68">
        <v>11</v>
      </c>
      <c r="G92" s="69">
        <v>4</v>
      </c>
      <c r="H92" s="68">
        <v>48</v>
      </c>
      <c r="I92" s="68">
        <v>33</v>
      </c>
      <c r="J92" s="68">
        <v>15</v>
      </c>
      <c r="K92" s="67">
        <v>49</v>
      </c>
      <c r="L92" s="79">
        <v>30</v>
      </c>
      <c r="M92" s="80">
        <v>19</v>
      </c>
    </row>
    <row r="93" spans="1:13" ht="21" customHeight="1">
      <c r="A93" s="38" t="s">
        <v>39</v>
      </c>
      <c r="B93" s="64">
        <v>-173</v>
      </c>
      <c r="C93" s="65">
        <v>-123</v>
      </c>
      <c r="D93" s="65">
        <v>-50</v>
      </c>
      <c r="E93" s="64">
        <v>111</v>
      </c>
      <c r="F93" s="65">
        <v>87</v>
      </c>
      <c r="G93" s="66">
        <v>24</v>
      </c>
      <c r="H93" s="65">
        <v>180</v>
      </c>
      <c r="I93" s="65">
        <v>106</v>
      </c>
      <c r="J93" s="65">
        <v>74</v>
      </c>
      <c r="K93" s="64">
        <v>242</v>
      </c>
      <c r="L93" s="77">
        <v>142</v>
      </c>
      <c r="M93" s="78">
        <v>100</v>
      </c>
    </row>
    <row r="94" spans="1:13">
      <c r="A94" s="27" t="s">
        <v>41</v>
      </c>
      <c r="B94" s="67">
        <v>-34</v>
      </c>
      <c r="C94" s="68">
        <v>-15</v>
      </c>
      <c r="D94" s="68">
        <v>-19</v>
      </c>
      <c r="E94" s="67">
        <v>16</v>
      </c>
      <c r="F94" s="68">
        <v>10</v>
      </c>
      <c r="G94" s="69">
        <v>6</v>
      </c>
      <c r="H94" s="68">
        <v>35</v>
      </c>
      <c r="I94" s="68">
        <v>26</v>
      </c>
      <c r="J94" s="68">
        <v>9</v>
      </c>
      <c r="K94" s="67">
        <v>53</v>
      </c>
      <c r="L94" s="79">
        <v>31</v>
      </c>
      <c r="M94" s="80">
        <v>22</v>
      </c>
    </row>
    <row r="95" spans="1:13">
      <c r="A95" s="27" t="s">
        <v>43</v>
      </c>
      <c r="B95" s="67">
        <v>-50</v>
      </c>
      <c r="C95" s="68">
        <v>-34</v>
      </c>
      <c r="D95" s="68">
        <v>-16</v>
      </c>
      <c r="E95" s="67">
        <v>24</v>
      </c>
      <c r="F95" s="68">
        <v>18</v>
      </c>
      <c r="G95" s="69">
        <v>6</v>
      </c>
      <c r="H95" s="68">
        <v>38</v>
      </c>
      <c r="I95" s="68">
        <v>20</v>
      </c>
      <c r="J95" s="68">
        <v>18</v>
      </c>
      <c r="K95" s="67">
        <v>64</v>
      </c>
      <c r="L95" s="79">
        <v>36</v>
      </c>
      <c r="M95" s="80">
        <v>28</v>
      </c>
    </row>
    <row r="96" spans="1:13">
      <c r="A96" s="27" t="s">
        <v>45</v>
      </c>
      <c r="B96" s="67">
        <v>-29</v>
      </c>
      <c r="C96" s="68">
        <v>-28</v>
      </c>
      <c r="D96" s="68">
        <v>-1</v>
      </c>
      <c r="E96" s="67">
        <v>28</v>
      </c>
      <c r="F96" s="68">
        <v>24</v>
      </c>
      <c r="G96" s="69">
        <v>4</v>
      </c>
      <c r="H96" s="68">
        <v>37</v>
      </c>
      <c r="I96" s="68">
        <v>22</v>
      </c>
      <c r="J96" s="68">
        <v>15</v>
      </c>
      <c r="K96" s="67">
        <v>38</v>
      </c>
      <c r="L96" s="79">
        <v>26</v>
      </c>
      <c r="M96" s="80">
        <v>12</v>
      </c>
    </row>
    <row r="97" spans="1:13">
      <c r="A97" s="27" t="s">
        <v>47</v>
      </c>
      <c r="B97" s="67">
        <v>-31</v>
      </c>
      <c r="C97" s="68">
        <v>-23</v>
      </c>
      <c r="D97" s="68">
        <v>-8</v>
      </c>
      <c r="E97" s="67">
        <v>21</v>
      </c>
      <c r="F97" s="68">
        <v>15</v>
      </c>
      <c r="G97" s="69">
        <v>6</v>
      </c>
      <c r="H97" s="68">
        <v>37</v>
      </c>
      <c r="I97" s="68">
        <v>20</v>
      </c>
      <c r="J97" s="68">
        <v>17</v>
      </c>
      <c r="K97" s="67">
        <v>47</v>
      </c>
      <c r="L97" s="79">
        <v>28</v>
      </c>
      <c r="M97" s="80">
        <v>19</v>
      </c>
    </row>
    <row r="98" spans="1:13">
      <c r="A98" s="27" t="s">
        <v>49</v>
      </c>
      <c r="B98" s="67">
        <v>-29</v>
      </c>
      <c r="C98" s="68">
        <v>-23</v>
      </c>
      <c r="D98" s="68">
        <v>-6</v>
      </c>
      <c r="E98" s="67">
        <v>22</v>
      </c>
      <c r="F98" s="68">
        <v>20</v>
      </c>
      <c r="G98" s="69">
        <v>2</v>
      </c>
      <c r="H98" s="68">
        <v>33</v>
      </c>
      <c r="I98" s="68">
        <v>18</v>
      </c>
      <c r="J98" s="68">
        <v>15</v>
      </c>
      <c r="K98" s="67">
        <v>40</v>
      </c>
      <c r="L98" s="79">
        <v>21</v>
      </c>
      <c r="M98" s="80">
        <v>19</v>
      </c>
    </row>
    <row r="99" spans="1:13" ht="21" customHeight="1">
      <c r="A99" s="38" t="s">
        <v>51</v>
      </c>
      <c r="B99" s="64">
        <v>-305</v>
      </c>
      <c r="C99" s="65">
        <v>-216</v>
      </c>
      <c r="D99" s="65">
        <v>-89</v>
      </c>
      <c r="E99" s="64">
        <v>266</v>
      </c>
      <c r="F99" s="65">
        <v>184</v>
      </c>
      <c r="G99" s="66">
        <v>82</v>
      </c>
      <c r="H99" s="65">
        <v>182</v>
      </c>
      <c r="I99" s="65">
        <v>100</v>
      </c>
      <c r="J99" s="65">
        <v>82</v>
      </c>
      <c r="K99" s="64">
        <v>221</v>
      </c>
      <c r="L99" s="77">
        <v>132</v>
      </c>
      <c r="M99" s="78">
        <v>89</v>
      </c>
    </row>
    <row r="100" spans="1:13">
      <c r="A100" s="27" t="s">
        <v>53</v>
      </c>
      <c r="B100" s="67">
        <v>-46</v>
      </c>
      <c r="C100" s="68">
        <v>-28</v>
      </c>
      <c r="D100" s="68">
        <v>-18</v>
      </c>
      <c r="E100" s="67">
        <v>40</v>
      </c>
      <c r="F100" s="68">
        <v>25</v>
      </c>
      <c r="G100" s="69">
        <v>15</v>
      </c>
      <c r="H100" s="68">
        <v>36</v>
      </c>
      <c r="I100" s="68">
        <v>23</v>
      </c>
      <c r="J100" s="68">
        <v>13</v>
      </c>
      <c r="K100" s="67">
        <v>42</v>
      </c>
      <c r="L100" s="79">
        <v>26</v>
      </c>
      <c r="M100" s="80">
        <v>16</v>
      </c>
    </row>
    <row r="101" spans="1:13">
      <c r="A101" s="27" t="s">
        <v>55</v>
      </c>
      <c r="B101" s="67">
        <v>-59</v>
      </c>
      <c r="C101" s="68">
        <v>-42</v>
      </c>
      <c r="D101" s="68">
        <v>-17</v>
      </c>
      <c r="E101" s="67">
        <v>47</v>
      </c>
      <c r="F101" s="68">
        <v>32</v>
      </c>
      <c r="G101" s="69">
        <v>15</v>
      </c>
      <c r="H101" s="68">
        <v>33</v>
      </c>
      <c r="I101" s="68">
        <v>22</v>
      </c>
      <c r="J101" s="68">
        <v>11</v>
      </c>
      <c r="K101" s="67">
        <v>45</v>
      </c>
      <c r="L101" s="79">
        <v>32</v>
      </c>
      <c r="M101" s="80">
        <v>13</v>
      </c>
    </row>
    <row r="102" spans="1:13">
      <c r="A102" s="27" t="s">
        <v>57</v>
      </c>
      <c r="B102" s="67">
        <v>-52</v>
      </c>
      <c r="C102" s="68">
        <v>-26</v>
      </c>
      <c r="D102" s="68">
        <v>-26</v>
      </c>
      <c r="E102" s="67">
        <v>41</v>
      </c>
      <c r="F102" s="68">
        <v>26</v>
      </c>
      <c r="G102" s="69">
        <v>15</v>
      </c>
      <c r="H102" s="68">
        <v>37</v>
      </c>
      <c r="I102" s="68">
        <v>24</v>
      </c>
      <c r="J102" s="68">
        <v>13</v>
      </c>
      <c r="K102" s="67">
        <v>48</v>
      </c>
      <c r="L102" s="79">
        <v>24</v>
      </c>
      <c r="M102" s="80">
        <v>24</v>
      </c>
    </row>
    <row r="103" spans="1:13">
      <c r="A103" s="27" t="s">
        <v>59</v>
      </c>
      <c r="B103" s="67">
        <v>-85</v>
      </c>
      <c r="C103" s="68">
        <v>-63</v>
      </c>
      <c r="D103" s="68">
        <v>-22</v>
      </c>
      <c r="E103" s="67">
        <v>71</v>
      </c>
      <c r="F103" s="68">
        <v>46</v>
      </c>
      <c r="G103" s="69">
        <v>25</v>
      </c>
      <c r="H103" s="68">
        <v>36</v>
      </c>
      <c r="I103" s="68">
        <v>16</v>
      </c>
      <c r="J103" s="68">
        <v>20</v>
      </c>
      <c r="K103" s="67">
        <v>50</v>
      </c>
      <c r="L103" s="79">
        <v>33</v>
      </c>
      <c r="M103" s="80">
        <v>17</v>
      </c>
    </row>
    <row r="104" spans="1:13">
      <c r="A104" s="27" t="s">
        <v>61</v>
      </c>
      <c r="B104" s="67">
        <v>-63</v>
      </c>
      <c r="C104" s="68">
        <v>-57</v>
      </c>
      <c r="D104" s="68">
        <v>-6</v>
      </c>
      <c r="E104" s="67">
        <v>67</v>
      </c>
      <c r="F104" s="68">
        <v>55</v>
      </c>
      <c r="G104" s="69">
        <v>12</v>
      </c>
      <c r="H104" s="68">
        <v>40</v>
      </c>
      <c r="I104" s="68">
        <v>15</v>
      </c>
      <c r="J104" s="68">
        <v>25</v>
      </c>
      <c r="K104" s="67">
        <v>36</v>
      </c>
      <c r="L104" s="79">
        <v>17</v>
      </c>
      <c r="M104" s="80">
        <v>19</v>
      </c>
    </row>
    <row r="105" spans="1:13" ht="21" customHeight="1">
      <c r="A105" s="38" t="s">
        <v>63</v>
      </c>
      <c r="B105" s="64">
        <v>-316</v>
      </c>
      <c r="C105" s="65">
        <v>-219</v>
      </c>
      <c r="D105" s="65">
        <v>-97</v>
      </c>
      <c r="E105" s="64">
        <v>278</v>
      </c>
      <c r="F105" s="65">
        <v>192</v>
      </c>
      <c r="G105" s="66">
        <v>86</v>
      </c>
      <c r="H105" s="65">
        <v>138</v>
      </c>
      <c r="I105" s="65">
        <v>64</v>
      </c>
      <c r="J105" s="65">
        <v>74</v>
      </c>
      <c r="K105" s="64">
        <v>176</v>
      </c>
      <c r="L105" s="77">
        <v>91</v>
      </c>
      <c r="M105" s="78">
        <v>85</v>
      </c>
    </row>
    <row r="106" spans="1:13">
      <c r="A106" s="27" t="s">
        <v>65</v>
      </c>
      <c r="B106" s="67">
        <v>-75</v>
      </c>
      <c r="C106" s="68">
        <v>-49</v>
      </c>
      <c r="D106" s="68">
        <v>-26</v>
      </c>
      <c r="E106" s="67">
        <v>57</v>
      </c>
      <c r="F106" s="68">
        <v>35</v>
      </c>
      <c r="G106" s="69">
        <v>22</v>
      </c>
      <c r="H106" s="68">
        <v>35</v>
      </c>
      <c r="I106" s="68">
        <v>15</v>
      </c>
      <c r="J106" s="68">
        <v>20</v>
      </c>
      <c r="K106" s="67">
        <v>53</v>
      </c>
      <c r="L106" s="79">
        <v>29</v>
      </c>
      <c r="M106" s="80">
        <v>24</v>
      </c>
    </row>
    <row r="107" spans="1:13">
      <c r="A107" s="27" t="s">
        <v>67</v>
      </c>
      <c r="B107" s="67">
        <v>-51</v>
      </c>
      <c r="C107" s="68">
        <v>-43</v>
      </c>
      <c r="D107" s="68">
        <v>-8</v>
      </c>
      <c r="E107" s="67">
        <v>50</v>
      </c>
      <c r="F107" s="68">
        <v>36</v>
      </c>
      <c r="G107" s="69">
        <v>14</v>
      </c>
      <c r="H107" s="68">
        <v>28</v>
      </c>
      <c r="I107" s="68">
        <v>9</v>
      </c>
      <c r="J107" s="68">
        <v>19</v>
      </c>
      <c r="K107" s="67">
        <v>29</v>
      </c>
      <c r="L107" s="79">
        <v>16</v>
      </c>
      <c r="M107" s="80">
        <v>13</v>
      </c>
    </row>
    <row r="108" spans="1:13">
      <c r="A108" s="27" t="s">
        <v>69</v>
      </c>
      <c r="B108" s="67">
        <v>-41</v>
      </c>
      <c r="C108" s="68">
        <v>-30</v>
      </c>
      <c r="D108" s="68">
        <v>-11</v>
      </c>
      <c r="E108" s="67">
        <v>46</v>
      </c>
      <c r="F108" s="68">
        <v>33</v>
      </c>
      <c r="G108" s="69">
        <v>13</v>
      </c>
      <c r="H108" s="68">
        <v>22</v>
      </c>
      <c r="I108" s="68">
        <v>14</v>
      </c>
      <c r="J108" s="68">
        <v>8</v>
      </c>
      <c r="K108" s="67">
        <v>17</v>
      </c>
      <c r="L108" s="79">
        <v>11</v>
      </c>
      <c r="M108" s="80">
        <v>6</v>
      </c>
    </row>
    <row r="109" spans="1:13">
      <c r="A109" s="27" t="s">
        <v>71</v>
      </c>
      <c r="B109" s="67">
        <v>-76</v>
      </c>
      <c r="C109" s="68">
        <v>-42</v>
      </c>
      <c r="D109" s="68">
        <v>-34</v>
      </c>
      <c r="E109" s="67">
        <v>57</v>
      </c>
      <c r="F109" s="68">
        <v>37</v>
      </c>
      <c r="G109" s="69">
        <v>20</v>
      </c>
      <c r="H109" s="68">
        <v>26</v>
      </c>
      <c r="I109" s="68">
        <v>17</v>
      </c>
      <c r="J109" s="68">
        <v>9</v>
      </c>
      <c r="K109" s="67">
        <v>45</v>
      </c>
      <c r="L109" s="79">
        <v>22</v>
      </c>
      <c r="M109" s="80">
        <v>23</v>
      </c>
    </row>
    <row r="110" spans="1:13">
      <c r="A110" s="27" t="s">
        <v>73</v>
      </c>
      <c r="B110" s="67">
        <v>-73</v>
      </c>
      <c r="C110" s="68">
        <v>-55</v>
      </c>
      <c r="D110" s="68">
        <v>-18</v>
      </c>
      <c r="E110" s="67">
        <v>68</v>
      </c>
      <c r="F110" s="68">
        <v>51</v>
      </c>
      <c r="G110" s="69">
        <v>17</v>
      </c>
      <c r="H110" s="68">
        <v>27</v>
      </c>
      <c r="I110" s="68">
        <v>9</v>
      </c>
      <c r="J110" s="68">
        <v>18</v>
      </c>
      <c r="K110" s="67">
        <v>32</v>
      </c>
      <c r="L110" s="79">
        <v>13</v>
      </c>
      <c r="M110" s="80">
        <v>19</v>
      </c>
    </row>
    <row r="111" spans="1:13" ht="21" customHeight="1">
      <c r="A111" s="38" t="s">
        <v>75</v>
      </c>
      <c r="B111" s="64">
        <v>-375</v>
      </c>
      <c r="C111" s="65">
        <v>-213</v>
      </c>
      <c r="D111" s="65">
        <v>-162</v>
      </c>
      <c r="E111" s="64">
        <v>344</v>
      </c>
      <c r="F111" s="65">
        <v>206</v>
      </c>
      <c r="G111" s="66">
        <v>138</v>
      </c>
      <c r="H111" s="65">
        <v>108</v>
      </c>
      <c r="I111" s="65">
        <v>49</v>
      </c>
      <c r="J111" s="65">
        <v>59</v>
      </c>
      <c r="K111" s="64">
        <v>139</v>
      </c>
      <c r="L111" s="77">
        <v>56</v>
      </c>
      <c r="M111" s="78">
        <v>83</v>
      </c>
    </row>
    <row r="112" spans="1:13">
      <c r="A112" s="27" t="s">
        <v>77</v>
      </c>
      <c r="B112" s="67">
        <v>-68</v>
      </c>
      <c r="C112" s="68">
        <v>-43</v>
      </c>
      <c r="D112" s="68">
        <v>-25</v>
      </c>
      <c r="E112" s="67">
        <v>61</v>
      </c>
      <c r="F112" s="68">
        <v>41</v>
      </c>
      <c r="G112" s="69">
        <v>20</v>
      </c>
      <c r="H112" s="68">
        <v>25</v>
      </c>
      <c r="I112" s="68">
        <v>12</v>
      </c>
      <c r="J112" s="68">
        <v>13</v>
      </c>
      <c r="K112" s="67">
        <v>32</v>
      </c>
      <c r="L112" s="79">
        <v>14</v>
      </c>
      <c r="M112" s="80">
        <v>18</v>
      </c>
    </row>
    <row r="113" spans="1:13">
      <c r="A113" s="27" t="s">
        <v>79</v>
      </c>
      <c r="B113" s="67">
        <v>-77</v>
      </c>
      <c r="C113" s="68">
        <v>-39</v>
      </c>
      <c r="D113" s="68">
        <v>-38</v>
      </c>
      <c r="E113" s="67">
        <v>68</v>
      </c>
      <c r="F113" s="68">
        <v>42</v>
      </c>
      <c r="G113" s="69">
        <v>26</v>
      </c>
      <c r="H113" s="68">
        <v>20</v>
      </c>
      <c r="I113" s="68">
        <v>13</v>
      </c>
      <c r="J113" s="68">
        <v>7</v>
      </c>
      <c r="K113" s="67">
        <v>29</v>
      </c>
      <c r="L113" s="79">
        <v>10</v>
      </c>
      <c r="M113" s="80">
        <v>19</v>
      </c>
    </row>
    <row r="114" spans="1:13">
      <c r="A114" s="27" t="s">
        <v>81</v>
      </c>
      <c r="B114" s="67">
        <v>-77</v>
      </c>
      <c r="C114" s="68">
        <v>-50</v>
      </c>
      <c r="D114" s="68">
        <v>-27</v>
      </c>
      <c r="E114" s="67">
        <v>69</v>
      </c>
      <c r="F114" s="68">
        <v>43</v>
      </c>
      <c r="G114" s="69">
        <v>26</v>
      </c>
      <c r="H114" s="68">
        <v>26</v>
      </c>
      <c r="I114" s="68">
        <v>9</v>
      </c>
      <c r="J114" s="68">
        <v>17</v>
      </c>
      <c r="K114" s="67">
        <v>34</v>
      </c>
      <c r="L114" s="79">
        <v>16</v>
      </c>
      <c r="M114" s="80">
        <v>18</v>
      </c>
    </row>
    <row r="115" spans="1:13">
      <c r="A115" s="27" t="s">
        <v>83</v>
      </c>
      <c r="B115" s="67">
        <v>-81</v>
      </c>
      <c r="C115" s="68">
        <v>-43</v>
      </c>
      <c r="D115" s="68">
        <v>-38</v>
      </c>
      <c r="E115" s="67">
        <v>78</v>
      </c>
      <c r="F115" s="68">
        <v>43</v>
      </c>
      <c r="G115" s="69">
        <v>35</v>
      </c>
      <c r="H115" s="68">
        <v>21</v>
      </c>
      <c r="I115" s="68">
        <v>9</v>
      </c>
      <c r="J115" s="68">
        <v>12</v>
      </c>
      <c r="K115" s="67">
        <v>24</v>
      </c>
      <c r="L115" s="79">
        <v>9</v>
      </c>
      <c r="M115" s="80">
        <v>15</v>
      </c>
    </row>
    <row r="116" spans="1:13">
      <c r="A116" s="27" t="s">
        <v>85</v>
      </c>
      <c r="B116" s="67">
        <v>-72</v>
      </c>
      <c r="C116" s="68">
        <v>-38</v>
      </c>
      <c r="D116" s="68">
        <v>-34</v>
      </c>
      <c r="E116" s="67">
        <v>68</v>
      </c>
      <c r="F116" s="68">
        <v>37</v>
      </c>
      <c r="G116" s="69">
        <v>31</v>
      </c>
      <c r="H116" s="68">
        <v>16</v>
      </c>
      <c r="I116" s="68">
        <v>6</v>
      </c>
      <c r="J116" s="68">
        <v>10</v>
      </c>
      <c r="K116" s="67">
        <v>20</v>
      </c>
      <c r="L116" s="79">
        <v>7</v>
      </c>
      <c r="M116" s="80">
        <v>13</v>
      </c>
    </row>
    <row r="117" spans="1:13" ht="21" customHeight="1">
      <c r="A117" s="38" t="s">
        <v>87</v>
      </c>
      <c r="B117" s="64">
        <v>-520</v>
      </c>
      <c r="C117" s="65">
        <v>-273</v>
      </c>
      <c r="D117" s="65">
        <v>-247</v>
      </c>
      <c r="E117" s="64">
        <v>501</v>
      </c>
      <c r="F117" s="65">
        <v>266</v>
      </c>
      <c r="G117" s="66">
        <v>235</v>
      </c>
      <c r="H117" s="65">
        <v>108</v>
      </c>
      <c r="I117" s="65">
        <v>37</v>
      </c>
      <c r="J117" s="65">
        <v>71</v>
      </c>
      <c r="K117" s="64">
        <v>127</v>
      </c>
      <c r="L117" s="77">
        <v>44</v>
      </c>
      <c r="M117" s="78">
        <v>83</v>
      </c>
    </row>
    <row r="118" spans="1:13">
      <c r="A118" s="27" t="s">
        <v>89</v>
      </c>
      <c r="B118" s="67">
        <v>-119</v>
      </c>
      <c r="C118" s="68">
        <v>-68</v>
      </c>
      <c r="D118" s="68">
        <v>-51</v>
      </c>
      <c r="E118" s="67">
        <v>114</v>
      </c>
      <c r="F118" s="68">
        <v>66</v>
      </c>
      <c r="G118" s="69">
        <v>48</v>
      </c>
      <c r="H118" s="68">
        <v>20</v>
      </c>
      <c r="I118" s="68">
        <v>5</v>
      </c>
      <c r="J118" s="68">
        <v>15</v>
      </c>
      <c r="K118" s="67">
        <v>25</v>
      </c>
      <c r="L118" s="79">
        <v>7</v>
      </c>
      <c r="M118" s="80">
        <v>18</v>
      </c>
    </row>
    <row r="119" spans="1:13">
      <c r="A119" s="27" t="s">
        <v>91</v>
      </c>
      <c r="B119" s="67">
        <v>-101</v>
      </c>
      <c r="C119" s="68">
        <v>-58</v>
      </c>
      <c r="D119" s="68">
        <v>-43</v>
      </c>
      <c r="E119" s="67">
        <v>88</v>
      </c>
      <c r="F119" s="68">
        <v>56</v>
      </c>
      <c r="G119" s="69">
        <v>32</v>
      </c>
      <c r="H119" s="68">
        <v>24</v>
      </c>
      <c r="I119" s="68">
        <v>6</v>
      </c>
      <c r="J119" s="68">
        <v>18</v>
      </c>
      <c r="K119" s="67">
        <v>37</v>
      </c>
      <c r="L119" s="79">
        <v>8</v>
      </c>
      <c r="M119" s="80">
        <v>29</v>
      </c>
    </row>
    <row r="120" spans="1:13">
      <c r="A120" s="27" t="s">
        <v>93</v>
      </c>
      <c r="B120" s="67">
        <v>-93</v>
      </c>
      <c r="C120" s="68">
        <v>-48</v>
      </c>
      <c r="D120" s="68">
        <v>-45</v>
      </c>
      <c r="E120" s="67">
        <v>91</v>
      </c>
      <c r="F120" s="68">
        <v>48</v>
      </c>
      <c r="G120" s="69">
        <v>43</v>
      </c>
      <c r="H120" s="68">
        <v>24</v>
      </c>
      <c r="I120" s="68">
        <v>14</v>
      </c>
      <c r="J120" s="68">
        <v>10</v>
      </c>
      <c r="K120" s="67">
        <v>26</v>
      </c>
      <c r="L120" s="79">
        <v>14</v>
      </c>
      <c r="M120" s="80">
        <v>12</v>
      </c>
    </row>
    <row r="121" spans="1:13">
      <c r="A121" s="27" t="s">
        <v>95</v>
      </c>
      <c r="B121" s="67">
        <v>-90</v>
      </c>
      <c r="C121" s="68">
        <v>-54</v>
      </c>
      <c r="D121" s="68">
        <v>-36</v>
      </c>
      <c r="E121" s="67">
        <v>89</v>
      </c>
      <c r="F121" s="68">
        <v>48</v>
      </c>
      <c r="G121" s="69">
        <v>41</v>
      </c>
      <c r="H121" s="68">
        <v>24</v>
      </c>
      <c r="I121" s="68">
        <v>4</v>
      </c>
      <c r="J121" s="68">
        <v>20</v>
      </c>
      <c r="K121" s="67">
        <v>25</v>
      </c>
      <c r="L121" s="79">
        <v>10</v>
      </c>
      <c r="M121" s="80">
        <v>15</v>
      </c>
    </row>
    <row r="122" spans="1:13">
      <c r="A122" s="27" t="s">
        <v>97</v>
      </c>
      <c r="B122" s="67">
        <v>-117</v>
      </c>
      <c r="C122" s="68">
        <v>-45</v>
      </c>
      <c r="D122" s="68">
        <v>-72</v>
      </c>
      <c r="E122" s="67">
        <v>119</v>
      </c>
      <c r="F122" s="68">
        <v>48</v>
      </c>
      <c r="G122" s="69">
        <v>71</v>
      </c>
      <c r="H122" s="68">
        <v>16</v>
      </c>
      <c r="I122" s="68">
        <v>8</v>
      </c>
      <c r="J122" s="68">
        <v>8</v>
      </c>
      <c r="K122" s="67">
        <v>14</v>
      </c>
      <c r="L122" s="79">
        <v>5</v>
      </c>
      <c r="M122" s="80">
        <v>9</v>
      </c>
    </row>
    <row r="123" spans="1:13" ht="21" customHeight="1">
      <c r="A123" s="38" t="s">
        <v>99</v>
      </c>
      <c r="B123" s="64">
        <v>-495</v>
      </c>
      <c r="C123" s="65">
        <v>-211</v>
      </c>
      <c r="D123" s="65">
        <v>-284</v>
      </c>
      <c r="E123" s="64">
        <v>471</v>
      </c>
      <c r="F123" s="65">
        <v>204</v>
      </c>
      <c r="G123" s="66">
        <v>267</v>
      </c>
      <c r="H123" s="65">
        <v>51</v>
      </c>
      <c r="I123" s="65">
        <v>9</v>
      </c>
      <c r="J123" s="65">
        <v>42</v>
      </c>
      <c r="K123" s="64">
        <v>75</v>
      </c>
      <c r="L123" s="77">
        <v>16</v>
      </c>
      <c r="M123" s="78">
        <v>59</v>
      </c>
    </row>
    <row r="124" spans="1:13">
      <c r="A124" s="27" t="s">
        <v>101</v>
      </c>
      <c r="B124" s="67">
        <v>-115</v>
      </c>
      <c r="C124" s="68">
        <v>-42</v>
      </c>
      <c r="D124" s="68">
        <v>-73</v>
      </c>
      <c r="E124" s="67">
        <v>104</v>
      </c>
      <c r="F124" s="68">
        <v>39</v>
      </c>
      <c r="G124" s="69">
        <v>65</v>
      </c>
      <c r="H124" s="68">
        <v>8</v>
      </c>
      <c r="I124" s="68">
        <v>1</v>
      </c>
      <c r="J124" s="68">
        <v>7</v>
      </c>
      <c r="K124" s="67">
        <v>19</v>
      </c>
      <c r="L124" s="79">
        <v>4</v>
      </c>
      <c r="M124" s="80">
        <v>15</v>
      </c>
    </row>
    <row r="125" spans="1:13">
      <c r="A125" s="27" t="s">
        <v>103</v>
      </c>
      <c r="B125" s="67">
        <v>-109</v>
      </c>
      <c r="C125" s="68">
        <v>-55</v>
      </c>
      <c r="D125" s="68">
        <v>-54</v>
      </c>
      <c r="E125" s="67">
        <v>104</v>
      </c>
      <c r="F125" s="68">
        <v>54</v>
      </c>
      <c r="G125" s="69">
        <v>50</v>
      </c>
      <c r="H125" s="68">
        <v>11</v>
      </c>
      <c r="I125" s="68">
        <v>0</v>
      </c>
      <c r="J125" s="68">
        <v>11</v>
      </c>
      <c r="K125" s="67">
        <v>16</v>
      </c>
      <c r="L125" s="79">
        <v>1</v>
      </c>
      <c r="M125" s="80">
        <v>15</v>
      </c>
    </row>
    <row r="126" spans="1:13">
      <c r="A126" s="27" t="s">
        <v>105</v>
      </c>
      <c r="B126" s="67">
        <v>-93</v>
      </c>
      <c r="C126" s="68">
        <v>-44</v>
      </c>
      <c r="D126" s="68">
        <v>-49</v>
      </c>
      <c r="E126" s="67">
        <v>91</v>
      </c>
      <c r="F126" s="68">
        <v>45</v>
      </c>
      <c r="G126" s="69">
        <v>46</v>
      </c>
      <c r="H126" s="68">
        <v>15</v>
      </c>
      <c r="I126" s="68">
        <v>5</v>
      </c>
      <c r="J126" s="68">
        <v>10</v>
      </c>
      <c r="K126" s="67">
        <v>17</v>
      </c>
      <c r="L126" s="79">
        <v>4</v>
      </c>
      <c r="M126" s="80">
        <v>13</v>
      </c>
    </row>
    <row r="127" spans="1:13">
      <c r="A127" s="27" t="s">
        <v>107</v>
      </c>
      <c r="B127" s="67">
        <v>-92</v>
      </c>
      <c r="C127" s="68">
        <v>-35</v>
      </c>
      <c r="D127" s="68">
        <v>-57</v>
      </c>
      <c r="E127" s="67">
        <v>93</v>
      </c>
      <c r="F127" s="68">
        <v>35</v>
      </c>
      <c r="G127" s="69">
        <v>58</v>
      </c>
      <c r="H127" s="68">
        <v>13</v>
      </c>
      <c r="I127" s="68">
        <v>3</v>
      </c>
      <c r="J127" s="68">
        <v>10</v>
      </c>
      <c r="K127" s="67">
        <v>12</v>
      </c>
      <c r="L127" s="79">
        <v>3</v>
      </c>
      <c r="M127" s="80">
        <v>9</v>
      </c>
    </row>
    <row r="128" spans="1:13">
      <c r="A128" s="27" t="s">
        <v>109</v>
      </c>
      <c r="B128" s="67">
        <v>-86</v>
      </c>
      <c r="C128" s="68">
        <v>-35</v>
      </c>
      <c r="D128" s="68">
        <v>-51</v>
      </c>
      <c r="E128" s="67">
        <v>79</v>
      </c>
      <c r="F128" s="68">
        <v>31</v>
      </c>
      <c r="G128" s="69">
        <v>48</v>
      </c>
      <c r="H128" s="68">
        <v>4</v>
      </c>
      <c r="I128" s="68">
        <v>0</v>
      </c>
      <c r="J128" s="68">
        <v>4</v>
      </c>
      <c r="K128" s="67">
        <v>11</v>
      </c>
      <c r="L128" s="79">
        <v>4</v>
      </c>
      <c r="M128" s="80">
        <v>7</v>
      </c>
    </row>
    <row r="129" spans="1:14" ht="21" customHeight="1">
      <c r="A129" s="38" t="s">
        <v>111</v>
      </c>
      <c r="B129" s="64">
        <v>-246</v>
      </c>
      <c r="C129" s="65">
        <v>-75</v>
      </c>
      <c r="D129" s="65">
        <v>-171</v>
      </c>
      <c r="E129" s="64">
        <v>243</v>
      </c>
      <c r="F129" s="65">
        <v>76</v>
      </c>
      <c r="G129" s="66">
        <v>167</v>
      </c>
      <c r="H129" s="65">
        <v>17</v>
      </c>
      <c r="I129" s="65">
        <v>4</v>
      </c>
      <c r="J129" s="65">
        <v>13</v>
      </c>
      <c r="K129" s="64">
        <v>20</v>
      </c>
      <c r="L129" s="77">
        <v>3</v>
      </c>
      <c r="M129" s="78">
        <v>17</v>
      </c>
    </row>
    <row r="130" spans="1:14">
      <c r="A130" s="27" t="s">
        <v>113</v>
      </c>
      <c r="B130" s="67">
        <v>-72</v>
      </c>
      <c r="C130" s="68">
        <v>-25</v>
      </c>
      <c r="D130" s="68">
        <v>-47</v>
      </c>
      <c r="E130" s="67">
        <v>76</v>
      </c>
      <c r="F130" s="68">
        <v>27</v>
      </c>
      <c r="G130" s="69">
        <v>49</v>
      </c>
      <c r="H130" s="68">
        <v>10</v>
      </c>
      <c r="I130" s="68">
        <v>2</v>
      </c>
      <c r="J130" s="68">
        <v>8</v>
      </c>
      <c r="K130" s="67">
        <v>6</v>
      </c>
      <c r="L130" s="79">
        <v>0</v>
      </c>
      <c r="M130" s="80">
        <v>6</v>
      </c>
    </row>
    <row r="131" spans="1:14">
      <c r="A131" s="27" t="s">
        <v>115</v>
      </c>
      <c r="B131" s="67">
        <v>-50</v>
      </c>
      <c r="C131" s="68">
        <v>-17</v>
      </c>
      <c r="D131" s="68">
        <v>-33</v>
      </c>
      <c r="E131" s="67">
        <v>49</v>
      </c>
      <c r="F131" s="68">
        <v>18</v>
      </c>
      <c r="G131" s="69">
        <v>31</v>
      </c>
      <c r="H131" s="68">
        <v>5</v>
      </c>
      <c r="I131" s="68">
        <v>2</v>
      </c>
      <c r="J131" s="68">
        <v>3</v>
      </c>
      <c r="K131" s="67">
        <v>6</v>
      </c>
      <c r="L131" s="79">
        <v>1</v>
      </c>
      <c r="M131" s="80">
        <v>5</v>
      </c>
    </row>
    <row r="132" spans="1:14">
      <c r="A132" s="27" t="s">
        <v>117</v>
      </c>
      <c r="B132" s="67">
        <v>-47</v>
      </c>
      <c r="C132" s="68">
        <v>-16</v>
      </c>
      <c r="D132" s="68">
        <v>-31</v>
      </c>
      <c r="E132" s="67">
        <v>44</v>
      </c>
      <c r="F132" s="68">
        <v>15</v>
      </c>
      <c r="G132" s="69">
        <v>29</v>
      </c>
      <c r="H132" s="68">
        <v>1</v>
      </c>
      <c r="I132" s="68">
        <v>0</v>
      </c>
      <c r="J132" s="68">
        <v>1</v>
      </c>
      <c r="K132" s="67">
        <v>4</v>
      </c>
      <c r="L132" s="79">
        <v>1</v>
      </c>
      <c r="M132" s="80">
        <v>3</v>
      </c>
    </row>
    <row r="133" spans="1:14">
      <c r="A133" s="27" t="s">
        <v>119</v>
      </c>
      <c r="B133" s="67">
        <v>-50</v>
      </c>
      <c r="C133" s="68">
        <v>-9</v>
      </c>
      <c r="D133" s="68">
        <v>-41</v>
      </c>
      <c r="E133" s="67">
        <v>48</v>
      </c>
      <c r="F133" s="68">
        <v>9</v>
      </c>
      <c r="G133" s="69">
        <v>39</v>
      </c>
      <c r="H133" s="68">
        <v>0</v>
      </c>
      <c r="I133" s="68">
        <v>0</v>
      </c>
      <c r="J133" s="68">
        <v>0</v>
      </c>
      <c r="K133" s="67">
        <v>2</v>
      </c>
      <c r="L133" s="79">
        <v>0</v>
      </c>
      <c r="M133" s="80">
        <v>2</v>
      </c>
    </row>
    <row r="134" spans="1:14">
      <c r="A134" s="27" t="s">
        <v>121</v>
      </c>
      <c r="B134" s="67">
        <v>-27</v>
      </c>
      <c r="C134" s="68">
        <v>-8</v>
      </c>
      <c r="D134" s="68">
        <v>-19</v>
      </c>
      <c r="E134" s="67">
        <v>26</v>
      </c>
      <c r="F134" s="68">
        <v>7</v>
      </c>
      <c r="G134" s="69">
        <v>19</v>
      </c>
      <c r="H134" s="68">
        <v>1</v>
      </c>
      <c r="I134" s="68">
        <v>0</v>
      </c>
      <c r="J134" s="68">
        <v>1</v>
      </c>
      <c r="K134" s="67">
        <v>2</v>
      </c>
      <c r="L134" s="79">
        <v>1</v>
      </c>
      <c r="M134" s="80">
        <v>1</v>
      </c>
    </row>
    <row r="135" spans="1:14" ht="21" customHeight="1">
      <c r="A135" s="39" t="s">
        <v>122</v>
      </c>
      <c r="B135" s="42">
        <v>-49</v>
      </c>
      <c r="C135" s="40">
        <v>-8</v>
      </c>
      <c r="D135" s="40">
        <v>-41</v>
      </c>
      <c r="E135" s="42">
        <v>47</v>
      </c>
      <c r="F135" s="40">
        <v>7</v>
      </c>
      <c r="G135" s="43">
        <v>40</v>
      </c>
      <c r="H135" s="40">
        <v>1</v>
      </c>
      <c r="I135" s="40">
        <v>0</v>
      </c>
      <c r="J135" s="40">
        <v>1</v>
      </c>
      <c r="K135" s="42">
        <v>3</v>
      </c>
      <c r="L135" s="44">
        <v>1</v>
      </c>
      <c r="M135" s="85">
        <v>2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55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177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779</v>
      </c>
      <c r="C5" s="62">
        <v>-384</v>
      </c>
      <c r="D5" s="62">
        <v>-395</v>
      </c>
      <c r="E5" s="61">
        <v>2557</v>
      </c>
      <c r="F5" s="62">
        <v>1286</v>
      </c>
      <c r="G5" s="63">
        <v>1271</v>
      </c>
      <c r="H5" s="62">
        <v>11868</v>
      </c>
      <c r="I5" s="62">
        <v>6298</v>
      </c>
      <c r="J5" s="62">
        <v>5570</v>
      </c>
      <c r="K5" s="61">
        <v>11264</v>
      </c>
      <c r="L5" s="75">
        <v>5986</v>
      </c>
      <c r="M5" s="76">
        <v>5278</v>
      </c>
    </row>
    <row r="6" spans="1:13" ht="23.25" customHeight="1">
      <c r="A6" s="36" t="s">
        <v>2</v>
      </c>
      <c r="B6" s="64">
        <v>1246</v>
      </c>
      <c r="C6" s="65">
        <v>648</v>
      </c>
      <c r="D6" s="65">
        <v>598</v>
      </c>
      <c r="E6" s="64">
        <v>2</v>
      </c>
      <c r="F6" s="65">
        <v>0</v>
      </c>
      <c r="G6" s="66">
        <v>2</v>
      </c>
      <c r="H6" s="65">
        <v>549</v>
      </c>
      <c r="I6" s="65">
        <v>283</v>
      </c>
      <c r="J6" s="65">
        <v>266</v>
      </c>
      <c r="K6" s="64">
        <v>475</v>
      </c>
      <c r="L6" s="77">
        <v>225</v>
      </c>
      <c r="M6" s="78">
        <v>250</v>
      </c>
    </row>
    <row r="7" spans="1:13">
      <c r="A7" s="15" t="s">
        <v>4</v>
      </c>
      <c r="B7" s="67">
        <v>1198</v>
      </c>
      <c r="C7" s="68">
        <v>596</v>
      </c>
      <c r="D7" s="68">
        <v>602</v>
      </c>
      <c r="E7" s="67">
        <v>1</v>
      </c>
      <c r="F7" s="68">
        <v>0</v>
      </c>
      <c r="G7" s="69">
        <v>1</v>
      </c>
      <c r="H7" s="68">
        <v>92</v>
      </c>
      <c r="I7" s="68">
        <v>44</v>
      </c>
      <c r="J7" s="68">
        <v>48</v>
      </c>
      <c r="K7" s="67">
        <v>67</v>
      </c>
      <c r="L7" s="79">
        <v>38</v>
      </c>
      <c r="M7" s="80">
        <v>29</v>
      </c>
    </row>
    <row r="8" spans="1:13">
      <c r="A8" s="15" t="s">
        <v>6</v>
      </c>
      <c r="B8" s="67">
        <v>20</v>
      </c>
      <c r="C8" s="68">
        <v>19</v>
      </c>
      <c r="D8" s="68">
        <v>1</v>
      </c>
      <c r="E8" s="67">
        <v>0</v>
      </c>
      <c r="F8" s="68">
        <v>0</v>
      </c>
      <c r="G8" s="69">
        <v>0</v>
      </c>
      <c r="H8" s="68">
        <v>147</v>
      </c>
      <c r="I8" s="68">
        <v>74</v>
      </c>
      <c r="J8" s="68">
        <v>73</v>
      </c>
      <c r="K8" s="67">
        <v>127</v>
      </c>
      <c r="L8" s="79">
        <v>55</v>
      </c>
      <c r="M8" s="80">
        <v>72</v>
      </c>
    </row>
    <row r="9" spans="1:13">
      <c r="A9" s="15" t="s">
        <v>8</v>
      </c>
      <c r="B9" s="67">
        <v>15</v>
      </c>
      <c r="C9" s="68">
        <v>25</v>
      </c>
      <c r="D9" s="68">
        <v>-10</v>
      </c>
      <c r="E9" s="67">
        <v>0</v>
      </c>
      <c r="F9" s="68">
        <v>0</v>
      </c>
      <c r="G9" s="69">
        <v>0</v>
      </c>
      <c r="H9" s="68">
        <v>126</v>
      </c>
      <c r="I9" s="68">
        <v>78</v>
      </c>
      <c r="J9" s="68">
        <v>48</v>
      </c>
      <c r="K9" s="67">
        <v>111</v>
      </c>
      <c r="L9" s="79">
        <v>53</v>
      </c>
      <c r="M9" s="80">
        <v>58</v>
      </c>
    </row>
    <row r="10" spans="1:13">
      <c r="A10" s="15" t="s">
        <v>10</v>
      </c>
      <c r="B10" s="67">
        <v>20</v>
      </c>
      <c r="C10" s="68">
        <v>12</v>
      </c>
      <c r="D10" s="68">
        <v>8</v>
      </c>
      <c r="E10" s="67">
        <v>1</v>
      </c>
      <c r="F10" s="68">
        <v>0</v>
      </c>
      <c r="G10" s="69">
        <v>1</v>
      </c>
      <c r="H10" s="68">
        <v>103</v>
      </c>
      <c r="I10" s="68">
        <v>48</v>
      </c>
      <c r="J10" s="68">
        <v>55</v>
      </c>
      <c r="K10" s="67">
        <v>82</v>
      </c>
      <c r="L10" s="79">
        <v>36</v>
      </c>
      <c r="M10" s="80">
        <v>46</v>
      </c>
    </row>
    <row r="11" spans="1:13">
      <c r="A11" s="15" t="s">
        <v>12</v>
      </c>
      <c r="B11" s="67">
        <v>-7</v>
      </c>
      <c r="C11" s="68">
        <v>-4</v>
      </c>
      <c r="D11" s="68">
        <v>-3</v>
      </c>
      <c r="E11" s="67">
        <v>0</v>
      </c>
      <c r="F11" s="68">
        <v>0</v>
      </c>
      <c r="G11" s="69">
        <v>0</v>
      </c>
      <c r="H11" s="68">
        <v>81</v>
      </c>
      <c r="I11" s="68">
        <v>39</v>
      </c>
      <c r="J11" s="68">
        <v>42</v>
      </c>
      <c r="K11" s="67">
        <v>88</v>
      </c>
      <c r="L11" s="79">
        <v>43</v>
      </c>
      <c r="M11" s="80">
        <v>45</v>
      </c>
    </row>
    <row r="12" spans="1:13" ht="21" customHeight="1">
      <c r="A12" s="36" t="s">
        <v>14</v>
      </c>
      <c r="B12" s="64">
        <v>6</v>
      </c>
      <c r="C12" s="65">
        <v>10</v>
      </c>
      <c r="D12" s="65">
        <v>-4</v>
      </c>
      <c r="E12" s="64">
        <v>0</v>
      </c>
      <c r="F12" s="65">
        <v>0</v>
      </c>
      <c r="G12" s="66">
        <v>0</v>
      </c>
      <c r="H12" s="65">
        <v>284</v>
      </c>
      <c r="I12" s="65">
        <v>152</v>
      </c>
      <c r="J12" s="65">
        <v>132</v>
      </c>
      <c r="K12" s="64">
        <v>278</v>
      </c>
      <c r="L12" s="77">
        <v>142</v>
      </c>
      <c r="M12" s="78">
        <v>136</v>
      </c>
    </row>
    <row r="13" spans="1:13">
      <c r="A13" s="15" t="s">
        <v>16</v>
      </c>
      <c r="B13" s="67">
        <v>13</v>
      </c>
      <c r="C13" s="68">
        <v>7</v>
      </c>
      <c r="D13" s="68">
        <v>6</v>
      </c>
      <c r="E13" s="67">
        <v>0</v>
      </c>
      <c r="F13" s="68">
        <v>0</v>
      </c>
      <c r="G13" s="69">
        <v>0</v>
      </c>
      <c r="H13" s="68">
        <v>77</v>
      </c>
      <c r="I13" s="68">
        <v>34</v>
      </c>
      <c r="J13" s="68">
        <v>43</v>
      </c>
      <c r="K13" s="67">
        <v>64</v>
      </c>
      <c r="L13" s="79">
        <v>27</v>
      </c>
      <c r="M13" s="80">
        <v>37</v>
      </c>
    </row>
    <row r="14" spans="1:13">
      <c r="A14" s="15" t="s">
        <v>18</v>
      </c>
      <c r="B14" s="67">
        <v>-16</v>
      </c>
      <c r="C14" s="68">
        <v>-1</v>
      </c>
      <c r="D14" s="68">
        <v>-15</v>
      </c>
      <c r="E14" s="67">
        <v>0</v>
      </c>
      <c r="F14" s="68">
        <v>0</v>
      </c>
      <c r="G14" s="69">
        <v>0</v>
      </c>
      <c r="H14" s="68">
        <v>62</v>
      </c>
      <c r="I14" s="68">
        <v>39</v>
      </c>
      <c r="J14" s="68">
        <v>23</v>
      </c>
      <c r="K14" s="67">
        <v>78</v>
      </c>
      <c r="L14" s="79">
        <v>40</v>
      </c>
      <c r="M14" s="80">
        <v>38</v>
      </c>
    </row>
    <row r="15" spans="1:13">
      <c r="A15" s="15" t="s">
        <v>20</v>
      </c>
      <c r="B15" s="67">
        <v>-2</v>
      </c>
      <c r="C15" s="68">
        <v>-3</v>
      </c>
      <c r="D15" s="68">
        <v>1</v>
      </c>
      <c r="E15" s="67">
        <v>0</v>
      </c>
      <c r="F15" s="68">
        <v>0</v>
      </c>
      <c r="G15" s="69">
        <v>0</v>
      </c>
      <c r="H15" s="68">
        <v>60</v>
      </c>
      <c r="I15" s="68">
        <v>31</v>
      </c>
      <c r="J15" s="68">
        <v>29</v>
      </c>
      <c r="K15" s="67">
        <v>62</v>
      </c>
      <c r="L15" s="79">
        <v>34</v>
      </c>
      <c r="M15" s="80">
        <v>28</v>
      </c>
    </row>
    <row r="16" spans="1:13">
      <c r="A16" s="15" t="s">
        <v>22</v>
      </c>
      <c r="B16" s="67">
        <v>11</v>
      </c>
      <c r="C16" s="68">
        <v>3</v>
      </c>
      <c r="D16" s="68">
        <v>8</v>
      </c>
      <c r="E16" s="67">
        <v>0</v>
      </c>
      <c r="F16" s="68">
        <v>0</v>
      </c>
      <c r="G16" s="69">
        <v>0</v>
      </c>
      <c r="H16" s="68">
        <v>47</v>
      </c>
      <c r="I16" s="68">
        <v>26</v>
      </c>
      <c r="J16" s="68">
        <v>21</v>
      </c>
      <c r="K16" s="67">
        <v>36</v>
      </c>
      <c r="L16" s="79">
        <v>23</v>
      </c>
      <c r="M16" s="80">
        <v>13</v>
      </c>
    </row>
    <row r="17" spans="1:13">
      <c r="A17" s="15" t="s">
        <v>24</v>
      </c>
      <c r="B17" s="67">
        <v>0</v>
      </c>
      <c r="C17" s="68">
        <v>4</v>
      </c>
      <c r="D17" s="68">
        <v>-4</v>
      </c>
      <c r="E17" s="67">
        <v>0</v>
      </c>
      <c r="F17" s="68">
        <v>0</v>
      </c>
      <c r="G17" s="69">
        <v>0</v>
      </c>
      <c r="H17" s="68">
        <v>38</v>
      </c>
      <c r="I17" s="68">
        <v>22</v>
      </c>
      <c r="J17" s="68">
        <v>16</v>
      </c>
      <c r="K17" s="67">
        <v>38</v>
      </c>
      <c r="L17" s="79">
        <v>18</v>
      </c>
      <c r="M17" s="80">
        <v>20</v>
      </c>
    </row>
    <row r="18" spans="1:13" ht="21" customHeight="1">
      <c r="A18" s="36" t="s">
        <v>26</v>
      </c>
      <c r="B18" s="64">
        <v>19</v>
      </c>
      <c r="C18" s="65">
        <v>24</v>
      </c>
      <c r="D18" s="65">
        <v>-5</v>
      </c>
      <c r="E18" s="64">
        <v>0</v>
      </c>
      <c r="F18" s="65">
        <v>0</v>
      </c>
      <c r="G18" s="66">
        <v>0</v>
      </c>
      <c r="H18" s="65">
        <v>155</v>
      </c>
      <c r="I18" s="65">
        <v>98</v>
      </c>
      <c r="J18" s="65">
        <v>57</v>
      </c>
      <c r="K18" s="64">
        <v>136</v>
      </c>
      <c r="L18" s="77">
        <v>74</v>
      </c>
      <c r="M18" s="78">
        <v>62</v>
      </c>
    </row>
    <row r="19" spans="1:13">
      <c r="A19" s="15" t="s">
        <v>28</v>
      </c>
      <c r="B19" s="67">
        <v>10</v>
      </c>
      <c r="C19" s="68">
        <v>4</v>
      </c>
      <c r="D19" s="68">
        <v>6</v>
      </c>
      <c r="E19" s="67">
        <v>0</v>
      </c>
      <c r="F19" s="68">
        <v>0</v>
      </c>
      <c r="G19" s="69">
        <v>0</v>
      </c>
      <c r="H19" s="68">
        <v>35</v>
      </c>
      <c r="I19" s="68">
        <v>21</v>
      </c>
      <c r="J19" s="68">
        <v>14</v>
      </c>
      <c r="K19" s="67">
        <v>25</v>
      </c>
      <c r="L19" s="79">
        <v>17</v>
      </c>
      <c r="M19" s="80">
        <v>8</v>
      </c>
    </row>
    <row r="20" spans="1:13">
      <c r="A20" s="15" t="s">
        <v>30</v>
      </c>
      <c r="B20" s="67">
        <v>-1</v>
      </c>
      <c r="C20" s="68">
        <v>0</v>
      </c>
      <c r="D20" s="68">
        <v>-1</v>
      </c>
      <c r="E20" s="67">
        <v>0</v>
      </c>
      <c r="F20" s="68">
        <v>0</v>
      </c>
      <c r="G20" s="69">
        <v>0</v>
      </c>
      <c r="H20" s="68">
        <v>22</v>
      </c>
      <c r="I20" s="68">
        <v>14</v>
      </c>
      <c r="J20" s="68">
        <v>8</v>
      </c>
      <c r="K20" s="67">
        <v>23</v>
      </c>
      <c r="L20" s="79">
        <v>14</v>
      </c>
      <c r="M20" s="80">
        <v>9</v>
      </c>
    </row>
    <row r="21" spans="1:13">
      <c r="A21" s="15" t="s">
        <v>32</v>
      </c>
      <c r="B21" s="67">
        <v>6</v>
      </c>
      <c r="C21" s="68">
        <v>6</v>
      </c>
      <c r="D21" s="68">
        <v>0</v>
      </c>
      <c r="E21" s="67">
        <v>0</v>
      </c>
      <c r="F21" s="68">
        <v>0</v>
      </c>
      <c r="G21" s="69">
        <v>0</v>
      </c>
      <c r="H21" s="68">
        <v>36</v>
      </c>
      <c r="I21" s="68">
        <v>21</v>
      </c>
      <c r="J21" s="68">
        <v>15</v>
      </c>
      <c r="K21" s="67">
        <v>30</v>
      </c>
      <c r="L21" s="79">
        <v>15</v>
      </c>
      <c r="M21" s="80">
        <v>15</v>
      </c>
    </row>
    <row r="22" spans="1:13">
      <c r="A22" s="15" t="s">
        <v>34</v>
      </c>
      <c r="B22" s="67">
        <v>-2</v>
      </c>
      <c r="C22" s="68">
        <v>3</v>
      </c>
      <c r="D22" s="68">
        <v>-5</v>
      </c>
      <c r="E22" s="67">
        <v>0</v>
      </c>
      <c r="F22" s="68">
        <v>0</v>
      </c>
      <c r="G22" s="69">
        <v>0</v>
      </c>
      <c r="H22" s="68">
        <v>36</v>
      </c>
      <c r="I22" s="68">
        <v>21</v>
      </c>
      <c r="J22" s="68">
        <v>15</v>
      </c>
      <c r="K22" s="67">
        <v>38</v>
      </c>
      <c r="L22" s="79">
        <v>18</v>
      </c>
      <c r="M22" s="80">
        <v>20</v>
      </c>
    </row>
    <row r="23" spans="1:13">
      <c r="A23" s="15" t="s">
        <v>36</v>
      </c>
      <c r="B23" s="67">
        <v>6</v>
      </c>
      <c r="C23" s="68">
        <v>11</v>
      </c>
      <c r="D23" s="68">
        <v>-5</v>
      </c>
      <c r="E23" s="67">
        <v>0</v>
      </c>
      <c r="F23" s="68">
        <v>0</v>
      </c>
      <c r="G23" s="69">
        <v>0</v>
      </c>
      <c r="H23" s="68">
        <v>26</v>
      </c>
      <c r="I23" s="68">
        <v>21</v>
      </c>
      <c r="J23" s="68">
        <v>5</v>
      </c>
      <c r="K23" s="67">
        <v>20</v>
      </c>
      <c r="L23" s="79">
        <v>10</v>
      </c>
      <c r="M23" s="80">
        <v>10</v>
      </c>
    </row>
    <row r="24" spans="1:13" ht="21" customHeight="1">
      <c r="A24" s="36" t="s">
        <v>38</v>
      </c>
      <c r="B24" s="64">
        <v>240</v>
      </c>
      <c r="C24" s="65">
        <v>133</v>
      </c>
      <c r="D24" s="65">
        <v>107</v>
      </c>
      <c r="E24" s="64">
        <v>1</v>
      </c>
      <c r="F24" s="65">
        <v>1</v>
      </c>
      <c r="G24" s="66">
        <v>0</v>
      </c>
      <c r="H24" s="65">
        <v>512</v>
      </c>
      <c r="I24" s="65">
        <v>277</v>
      </c>
      <c r="J24" s="65">
        <v>235</v>
      </c>
      <c r="K24" s="64">
        <v>271</v>
      </c>
      <c r="L24" s="77">
        <v>143</v>
      </c>
      <c r="M24" s="78">
        <v>128</v>
      </c>
    </row>
    <row r="25" spans="1:13">
      <c r="A25" s="15" t="s">
        <v>40</v>
      </c>
      <c r="B25" s="67">
        <v>-7</v>
      </c>
      <c r="C25" s="68">
        <v>-3</v>
      </c>
      <c r="D25" s="68">
        <v>-4</v>
      </c>
      <c r="E25" s="67">
        <v>0</v>
      </c>
      <c r="F25" s="68">
        <v>0</v>
      </c>
      <c r="G25" s="69">
        <v>0</v>
      </c>
      <c r="H25" s="68">
        <v>27</v>
      </c>
      <c r="I25" s="68">
        <v>13</v>
      </c>
      <c r="J25" s="68">
        <v>14</v>
      </c>
      <c r="K25" s="67">
        <v>34</v>
      </c>
      <c r="L25" s="79">
        <v>16</v>
      </c>
      <c r="M25" s="80">
        <v>18</v>
      </c>
    </row>
    <row r="26" spans="1:13">
      <c r="A26" s="15" t="s">
        <v>42</v>
      </c>
      <c r="B26" s="67">
        <v>28</v>
      </c>
      <c r="C26" s="68">
        <v>13</v>
      </c>
      <c r="D26" s="68">
        <v>15</v>
      </c>
      <c r="E26" s="67">
        <v>0</v>
      </c>
      <c r="F26" s="68">
        <v>0</v>
      </c>
      <c r="G26" s="69">
        <v>0</v>
      </c>
      <c r="H26" s="68">
        <v>65</v>
      </c>
      <c r="I26" s="68">
        <v>28</v>
      </c>
      <c r="J26" s="68">
        <v>37</v>
      </c>
      <c r="K26" s="67">
        <v>37</v>
      </c>
      <c r="L26" s="79">
        <v>15</v>
      </c>
      <c r="M26" s="80">
        <v>22</v>
      </c>
    </row>
    <row r="27" spans="1:13">
      <c r="A27" s="15" t="s">
        <v>44</v>
      </c>
      <c r="B27" s="67">
        <v>12</v>
      </c>
      <c r="C27" s="68">
        <v>-1</v>
      </c>
      <c r="D27" s="68">
        <v>13</v>
      </c>
      <c r="E27" s="67">
        <v>0</v>
      </c>
      <c r="F27" s="68">
        <v>0</v>
      </c>
      <c r="G27" s="69">
        <v>0</v>
      </c>
      <c r="H27" s="68">
        <v>34</v>
      </c>
      <c r="I27" s="68">
        <v>11</v>
      </c>
      <c r="J27" s="68">
        <v>23</v>
      </c>
      <c r="K27" s="67">
        <v>22</v>
      </c>
      <c r="L27" s="79">
        <v>12</v>
      </c>
      <c r="M27" s="80">
        <v>10</v>
      </c>
    </row>
    <row r="28" spans="1:13">
      <c r="A28" s="15" t="s">
        <v>46</v>
      </c>
      <c r="B28" s="67">
        <v>59</v>
      </c>
      <c r="C28" s="68">
        <v>33</v>
      </c>
      <c r="D28" s="68">
        <v>26</v>
      </c>
      <c r="E28" s="67">
        <v>0</v>
      </c>
      <c r="F28" s="68">
        <v>0</v>
      </c>
      <c r="G28" s="69">
        <v>0</v>
      </c>
      <c r="H28" s="68">
        <v>109</v>
      </c>
      <c r="I28" s="68">
        <v>57</v>
      </c>
      <c r="J28" s="68">
        <v>52</v>
      </c>
      <c r="K28" s="67">
        <v>50</v>
      </c>
      <c r="L28" s="79">
        <v>24</v>
      </c>
      <c r="M28" s="80">
        <v>26</v>
      </c>
    </row>
    <row r="29" spans="1:13">
      <c r="A29" s="15" t="s">
        <v>48</v>
      </c>
      <c r="B29" s="67">
        <v>148</v>
      </c>
      <c r="C29" s="68">
        <v>91</v>
      </c>
      <c r="D29" s="68">
        <v>57</v>
      </c>
      <c r="E29" s="67">
        <v>1</v>
      </c>
      <c r="F29" s="68">
        <v>1</v>
      </c>
      <c r="G29" s="69">
        <v>0</v>
      </c>
      <c r="H29" s="68">
        <v>277</v>
      </c>
      <c r="I29" s="68">
        <v>168</v>
      </c>
      <c r="J29" s="68">
        <v>109</v>
      </c>
      <c r="K29" s="67">
        <v>128</v>
      </c>
      <c r="L29" s="79">
        <v>76</v>
      </c>
      <c r="M29" s="80">
        <v>52</v>
      </c>
    </row>
    <row r="30" spans="1:13" ht="21" customHeight="1">
      <c r="A30" s="36" t="s">
        <v>50</v>
      </c>
      <c r="B30" s="64">
        <v>475</v>
      </c>
      <c r="C30" s="65">
        <v>269</v>
      </c>
      <c r="D30" s="65">
        <v>206</v>
      </c>
      <c r="E30" s="64">
        <v>6</v>
      </c>
      <c r="F30" s="65">
        <v>4</v>
      </c>
      <c r="G30" s="66">
        <v>2</v>
      </c>
      <c r="H30" s="65">
        <v>2248</v>
      </c>
      <c r="I30" s="65">
        <v>1242</v>
      </c>
      <c r="J30" s="65">
        <v>1006</v>
      </c>
      <c r="K30" s="64">
        <v>1767</v>
      </c>
      <c r="L30" s="77">
        <v>969</v>
      </c>
      <c r="M30" s="78">
        <v>798</v>
      </c>
    </row>
    <row r="31" spans="1:13">
      <c r="A31" s="15" t="s">
        <v>52</v>
      </c>
      <c r="B31" s="67">
        <v>101</v>
      </c>
      <c r="C31" s="68">
        <v>81</v>
      </c>
      <c r="D31" s="68">
        <v>20</v>
      </c>
      <c r="E31" s="67">
        <v>1</v>
      </c>
      <c r="F31" s="68">
        <v>1</v>
      </c>
      <c r="G31" s="69">
        <v>0</v>
      </c>
      <c r="H31" s="68">
        <v>221</v>
      </c>
      <c r="I31" s="68">
        <v>138</v>
      </c>
      <c r="J31" s="68">
        <v>83</v>
      </c>
      <c r="K31" s="67">
        <v>119</v>
      </c>
      <c r="L31" s="79">
        <v>56</v>
      </c>
      <c r="M31" s="80">
        <v>63</v>
      </c>
    </row>
    <row r="32" spans="1:13">
      <c r="A32" s="15" t="s">
        <v>54</v>
      </c>
      <c r="B32" s="67">
        <v>128</v>
      </c>
      <c r="C32" s="68">
        <v>65</v>
      </c>
      <c r="D32" s="68">
        <v>63</v>
      </c>
      <c r="E32" s="67">
        <v>0</v>
      </c>
      <c r="F32" s="68">
        <v>0</v>
      </c>
      <c r="G32" s="69">
        <v>0</v>
      </c>
      <c r="H32" s="68">
        <v>350</v>
      </c>
      <c r="I32" s="68">
        <v>183</v>
      </c>
      <c r="J32" s="68">
        <v>167</v>
      </c>
      <c r="K32" s="67">
        <v>222</v>
      </c>
      <c r="L32" s="79">
        <v>118</v>
      </c>
      <c r="M32" s="80">
        <v>104</v>
      </c>
    </row>
    <row r="33" spans="1:13">
      <c r="A33" s="15" t="s">
        <v>56</v>
      </c>
      <c r="B33" s="67">
        <v>101</v>
      </c>
      <c r="C33" s="68">
        <v>58</v>
      </c>
      <c r="D33" s="68">
        <v>43</v>
      </c>
      <c r="E33" s="67">
        <v>1</v>
      </c>
      <c r="F33" s="68">
        <v>1</v>
      </c>
      <c r="G33" s="69">
        <v>0</v>
      </c>
      <c r="H33" s="68">
        <v>413</v>
      </c>
      <c r="I33" s="68">
        <v>227</v>
      </c>
      <c r="J33" s="68">
        <v>186</v>
      </c>
      <c r="K33" s="67">
        <v>311</v>
      </c>
      <c r="L33" s="79">
        <v>168</v>
      </c>
      <c r="M33" s="80">
        <v>143</v>
      </c>
    </row>
    <row r="34" spans="1:13">
      <c r="A34" s="15" t="s">
        <v>58</v>
      </c>
      <c r="B34" s="67">
        <v>160</v>
      </c>
      <c r="C34" s="68">
        <v>71</v>
      </c>
      <c r="D34" s="68">
        <v>89</v>
      </c>
      <c r="E34" s="67">
        <v>1</v>
      </c>
      <c r="F34" s="68">
        <v>1</v>
      </c>
      <c r="G34" s="69">
        <v>0</v>
      </c>
      <c r="H34" s="68">
        <v>671</v>
      </c>
      <c r="I34" s="68">
        <v>369</v>
      </c>
      <c r="J34" s="68">
        <v>302</v>
      </c>
      <c r="K34" s="67">
        <v>510</v>
      </c>
      <c r="L34" s="79">
        <v>297</v>
      </c>
      <c r="M34" s="80">
        <v>213</v>
      </c>
    </row>
    <row r="35" spans="1:13">
      <c r="A35" s="15" t="s">
        <v>60</v>
      </c>
      <c r="B35" s="67">
        <v>-15</v>
      </c>
      <c r="C35" s="68">
        <v>-6</v>
      </c>
      <c r="D35" s="68">
        <v>-9</v>
      </c>
      <c r="E35" s="67">
        <v>3</v>
      </c>
      <c r="F35" s="68">
        <v>1</v>
      </c>
      <c r="G35" s="69">
        <v>2</v>
      </c>
      <c r="H35" s="68">
        <v>593</v>
      </c>
      <c r="I35" s="68">
        <v>325</v>
      </c>
      <c r="J35" s="68">
        <v>268</v>
      </c>
      <c r="K35" s="67">
        <v>605</v>
      </c>
      <c r="L35" s="79">
        <v>330</v>
      </c>
      <c r="M35" s="80">
        <v>275</v>
      </c>
    </row>
    <row r="36" spans="1:13" ht="21" customHeight="1">
      <c r="A36" s="36" t="s">
        <v>62</v>
      </c>
      <c r="B36" s="64">
        <v>-145</v>
      </c>
      <c r="C36" s="65">
        <v>-68</v>
      </c>
      <c r="D36" s="65">
        <v>-77</v>
      </c>
      <c r="E36" s="64">
        <v>9</v>
      </c>
      <c r="F36" s="65">
        <v>7</v>
      </c>
      <c r="G36" s="66">
        <v>2</v>
      </c>
      <c r="H36" s="65">
        <v>2635</v>
      </c>
      <c r="I36" s="65">
        <v>1372</v>
      </c>
      <c r="J36" s="65">
        <v>1263</v>
      </c>
      <c r="K36" s="64">
        <v>2771</v>
      </c>
      <c r="L36" s="77">
        <v>1433</v>
      </c>
      <c r="M36" s="78">
        <v>1338</v>
      </c>
    </row>
    <row r="37" spans="1:13">
      <c r="A37" s="15" t="s">
        <v>64</v>
      </c>
      <c r="B37" s="67">
        <v>-6</v>
      </c>
      <c r="C37" s="68">
        <v>5</v>
      </c>
      <c r="D37" s="68">
        <v>-11</v>
      </c>
      <c r="E37" s="67">
        <v>2</v>
      </c>
      <c r="F37" s="68">
        <v>2</v>
      </c>
      <c r="G37" s="69">
        <v>0</v>
      </c>
      <c r="H37" s="68">
        <v>608</v>
      </c>
      <c r="I37" s="68">
        <v>329</v>
      </c>
      <c r="J37" s="68">
        <v>279</v>
      </c>
      <c r="K37" s="67">
        <v>612</v>
      </c>
      <c r="L37" s="79">
        <v>322</v>
      </c>
      <c r="M37" s="80">
        <v>290</v>
      </c>
    </row>
    <row r="38" spans="1:13">
      <c r="A38" s="15" t="s">
        <v>66</v>
      </c>
      <c r="B38" s="67">
        <v>-54</v>
      </c>
      <c r="C38" s="68">
        <v>-26</v>
      </c>
      <c r="D38" s="68">
        <v>-28</v>
      </c>
      <c r="E38" s="67">
        <v>0</v>
      </c>
      <c r="F38" s="68">
        <v>0</v>
      </c>
      <c r="G38" s="69">
        <v>0</v>
      </c>
      <c r="H38" s="68">
        <v>578</v>
      </c>
      <c r="I38" s="68">
        <v>297</v>
      </c>
      <c r="J38" s="68">
        <v>281</v>
      </c>
      <c r="K38" s="67">
        <v>632</v>
      </c>
      <c r="L38" s="79">
        <v>323</v>
      </c>
      <c r="M38" s="80">
        <v>309</v>
      </c>
    </row>
    <row r="39" spans="1:13">
      <c r="A39" s="15" t="s">
        <v>68</v>
      </c>
      <c r="B39" s="67">
        <v>-58</v>
      </c>
      <c r="C39" s="68">
        <v>-45</v>
      </c>
      <c r="D39" s="68">
        <v>-13</v>
      </c>
      <c r="E39" s="67">
        <v>1</v>
      </c>
      <c r="F39" s="68">
        <v>0</v>
      </c>
      <c r="G39" s="69">
        <v>1</v>
      </c>
      <c r="H39" s="68">
        <v>501</v>
      </c>
      <c r="I39" s="68">
        <v>260</v>
      </c>
      <c r="J39" s="68">
        <v>241</v>
      </c>
      <c r="K39" s="67">
        <v>558</v>
      </c>
      <c r="L39" s="79">
        <v>305</v>
      </c>
      <c r="M39" s="80">
        <v>253</v>
      </c>
    </row>
    <row r="40" spans="1:13">
      <c r="A40" s="15" t="s">
        <v>70</v>
      </c>
      <c r="B40" s="67">
        <v>-18</v>
      </c>
      <c r="C40" s="68">
        <v>-5</v>
      </c>
      <c r="D40" s="68">
        <v>-13</v>
      </c>
      <c r="E40" s="67">
        <v>4</v>
      </c>
      <c r="F40" s="68">
        <v>3</v>
      </c>
      <c r="G40" s="69">
        <v>1</v>
      </c>
      <c r="H40" s="68">
        <v>494</v>
      </c>
      <c r="I40" s="68">
        <v>257</v>
      </c>
      <c r="J40" s="68">
        <v>237</v>
      </c>
      <c r="K40" s="67">
        <v>508</v>
      </c>
      <c r="L40" s="79">
        <v>259</v>
      </c>
      <c r="M40" s="80">
        <v>249</v>
      </c>
    </row>
    <row r="41" spans="1:13">
      <c r="A41" s="15" t="s">
        <v>72</v>
      </c>
      <c r="B41" s="67">
        <v>-9</v>
      </c>
      <c r="C41" s="68">
        <v>3</v>
      </c>
      <c r="D41" s="68">
        <v>-12</v>
      </c>
      <c r="E41" s="67">
        <v>2</v>
      </c>
      <c r="F41" s="68">
        <v>2</v>
      </c>
      <c r="G41" s="69">
        <v>0</v>
      </c>
      <c r="H41" s="68">
        <v>454</v>
      </c>
      <c r="I41" s="68">
        <v>229</v>
      </c>
      <c r="J41" s="68">
        <v>225</v>
      </c>
      <c r="K41" s="67">
        <v>461</v>
      </c>
      <c r="L41" s="79">
        <v>224</v>
      </c>
      <c r="M41" s="80">
        <v>237</v>
      </c>
    </row>
    <row r="42" spans="1:13" ht="21" customHeight="1">
      <c r="A42" s="36" t="s">
        <v>74</v>
      </c>
      <c r="B42" s="64">
        <v>21</v>
      </c>
      <c r="C42" s="65">
        <v>-25</v>
      </c>
      <c r="D42" s="65">
        <v>46</v>
      </c>
      <c r="E42" s="64">
        <v>3</v>
      </c>
      <c r="F42" s="65">
        <v>1</v>
      </c>
      <c r="G42" s="66">
        <v>2</v>
      </c>
      <c r="H42" s="65">
        <v>1632</v>
      </c>
      <c r="I42" s="65">
        <v>861</v>
      </c>
      <c r="J42" s="65">
        <v>771</v>
      </c>
      <c r="K42" s="64">
        <v>1608</v>
      </c>
      <c r="L42" s="77">
        <v>885</v>
      </c>
      <c r="M42" s="78">
        <v>723</v>
      </c>
    </row>
    <row r="43" spans="1:13">
      <c r="A43" s="15" t="s">
        <v>76</v>
      </c>
      <c r="B43" s="67">
        <v>17</v>
      </c>
      <c r="C43" s="68">
        <v>9</v>
      </c>
      <c r="D43" s="68">
        <v>8</v>
      </c>
      <c r="E43" s="67">
        <v>1</v>
      </c>
      <c r="F43" s="68">
        <v>1</v>
      </c>
      <c r="G43" s="69">
        <v>0</v>
      </c>
      <c r="H43" s="68">
        <v>417</v>
      </c>
      <c r="I43" s="68">
        <v>229</v>
      </c>
      <c r="J43" s="68">
        <v>188</v>
      </c>
      <c r="K43" s="67">
        <v>399</v>
      </c>
      <c r="L43" s="79">
        <v>219</v>
      </c>
      <c r="M43" s="80">
        <v>180</v>
      </c>
    </row>
    <row r="44" spans="1:13">
      <c r="A44" s="15" t="s">
        <v>78</v>
      </c>
      <c r="B44" s="67">
        <v>-7</v>
      </c>
      <c r="C44" s="68">
        <v>-27</v>
      </c>
      <c r="D44" s="68">
        <v>20</v>
      </c>
      <c r="E44" s="67">
        <v>0</v>
      </c>
      <c r="F44" s="68">
        <v>0</v>
      </c>
      <c r="G44" s="69">
        <v>0</v>
      </c>
      <c r="H44" s="68">
        <v>365</v>
      </c>
      <c r="I44" s="68">
        <v>185</v>
      </c>
      <c r="J44" s="68">
        <v>180</v>
      </c>
      <c r="K44" s="67">
        <v>372</v>
      </c>
      <c r="L44" s="79">
        <v>212</v>
      </c>
      <c r="M44" s="80">
        <v>160</v>
      </c>
    </row>
    <row r="45" spans="1:13">
      <c r="A45" s="15" t="s">
        <v>80</v>
      </c>
      <c r="B45" s="67">
        <v>-17</v>
      </c>
      <c r="C45" s="68">
        <v>-5</v>
      </c>
      <c r="D45" s="68">
        <v>-12</v>
      </c>
      <c r="E45" s="67">
        <v>1</v>
      </c>
      <c r="F45" s="68">
        <v>0</v>
      </c>
      <c r="G45" s="69">
        <v>1</v>
      </c>
      <c r="H45" s="68">
        <v>315</v>
      </c>
      <c r="I45" s="68">
        <v>173</v>
      </c>
      <c r="J45" s="68">
        <v>142</v>
      </c>
      <c r="K45" s="67">
        <v>331</v>
      </c>
      <c r="L45" s="79">
        <v>178</v>
      </c>
      <c r="M45" s="80">
        <v>153</v>
      </c>
    </row>
    <row r="46" spans="1:13">
      <c r="A46" s="15" t="s">
        <v>82</v>
      </c>
      <c r="B46" s="67">
        <v>-4</v>
      </c>
      <c r="C46" s="68">
        <v>-22</v>
      </c>
      <c r="D46" s="68">
        <v>18</v>
      </c>
      <c r="E46" s="67">
        <v>0</v>
      </c>
      <c r="F46" s="68">
        <v>0</v>
      </c>
      <c r="G46" s="69">
        <v>0</v>
      </c>
      <c r="H46" s="68">
        <v>266</v>
      </c>
      <c r="I46" s="68">
        <v>129</v>
      </c>
      <c r="J46" s="68">
        <v>137</v>
      </c>
      <c r="K46" s="67">
        <v>270</v>
      </c>
      <c r="L46" s="79">
        <v>151</v>
      </c>
      <c r="M46" s="80">
        <v>119</v>
      </c>
    </row>
    <row r="47" spans="1:13">
      <c r="A47" s="15" t="s">
        <v>84</v>
      </c>
      <c r="B47" s="67">
        <v>32</v>
      </c>
      <c r="C47" s="68">
        <v>20</v>
      </c>
      <c r="D47" s="68">
        <v>12</v>
      </c>
      <c r="E47" s="67">
        <v>1</v>
      </c>
      <c r="F47" s="68">
        <v>0</v>
      </c>
      <c r="G47" s="69">
        <v>1</v>
      </c>
      <c r="H47" s="68">
        <v>269</v>
      </c>
      <c r="I47" s="68">
        <v>145</v>
      </c>
      <c r="J47" s="68">
        <v>124</v>
      </c>
      <c r="K47" s="67">
        <v>236</v>
      </c>
      <c r="L47" s="79">
        <v>125</v>
      </c>
      <c r="M47" s="80">
        <v>111</v>
      </c>
    </row>
    <row r="48" spans="1:13" ht="21" customHeight="1">
      <c r="A48" s="36" t="s">
        <v>86</v>
      </c>
      <c r="B48" s="64">
        <v>-32</v>
      </c>
      <c r="C48" s="65">
        <v>-16</v>
      </c>
      <c r="D48" s="65">
        <v>-16</v>
      </c>
      <c r="E48" s="64">
        <v>6</v>
      </c>
      <c r="F48" s="65">
        <v>3</v>
      </c>
      <c r="G48" s="66">
        <v>3</v>
      </c>
      <c r="H48" s="65">
        <v>957</v>
      </c>
      <c r="I48" s="65">
        <v>537</v>
      </c>
      <c r="J48" s="65">
        <v>420</v>
      </c>
      <c r="K48" s="64">
        <v>983</v>
      </c>
      <c r="L48" s="77">
        <v>550</v>
      </c>
      <c r="M48" s="78">
        <v>433</v>
      </c>
    </row>
    <row r="49" spans="1:13">
      <c r="A49" s="15" t="s">
        <v>88</v>
      </c>
      <c r="B49" s="67">
        <v>14</v>
      </c>
      <c r="C49" s="68">
        <v>-6</v>
      </c>
      <c r="D49" s="68">
        <v>20</v>
      </c>
      <c r="E49" s="67">
        <v>3</v>
      </c>
      <c r="F49" s="68">
        <v>2</v>
      </c>
      <c r="G49" s="69">
        <v>1</v>
      </c>
      <c r="H49" s="68">
        <v>243</v>
      </c>
      <c r="I49" s="68">
        <v>130</v>
      </c>
      <c r="J49" s="68">
        <v>113</v>
      </c>
      <c r="K49" s="67">
        <v>226</v>
      </c>
      <c r="L49" s="79">
        <v>134</v>
      </c>
      <c r="M49" s="80">
        <v>92</v>
      </c>
    </row>
    <row r="50" spans="1:13">
      <c r="A50" s="15" t="s">
        <v>90</v>
      </c>
      <c r="B50" s="67">
        <v>20</v>
      </c>
      <c r="C50" s="68">
        <v>3</v>
      </c>
      <c r="D50" s="68">
        <v>17</v>
      </c>
      <c r="E50" s="67">
        <v>1</v>
      </c>
      <c r="F50" s="68">
        <v>0</v>
      </c>
      <c r="G50" s="69">
        <v>1</v>
      </c>
      <c r="H50" s="68">
        <v>221</v>
      </c>
      <c r="I50" s="68">
        <v>116</v>
      </c>
      <c r="J50" s="68">
        <v>105</v>
      </c>
      <c r="K50" s="67">
        <v>200</v>
      </c>
      <c r="L50" s="79">
        <v>113</v>
      </c>
      <c r="M50" s="80">
        <v>87</v>
      </c>
    </row>
    <row r="51" spans="1:13">
      <c r="A51" s="15" t="s">
        <v>92</v>
      </c>
      <c r="B51" s="67">
        <v>-25</v>
      </c>
      <c r="C51" s="68">
        <v>0</v>
      </c>
      <c r="D51" s="68">
        <v>-25</v>
      </c>
      <c r="E51" s="67">
        <v>1</v>
      </c>
      <c r="F51" s="68">
        <v>1</v>
      </c>
      <c r="G51" s="69">
        <v>0</v>
      </c>
      <c r="H51" s="68">
        <v>169</v>
      </c>
      <c r="I51" s="68">
        <v>107</v>
      </c>
      <c r="J51" s="68">
        <v>62</v>
      </c>
      <c r="K51" s="67">
        <v>193</v>
      </c>
      <c r="L51" s="79">
        <v>106</v>
      </c>
      <c r="M51" s="80">
        <v>87</v>
      </c>
    </row>
    <row r="52" spans="1:13">
      <c r="A52" s="15" t="s">
        <v>94</v>
      </c>
      <c r="B52" s="67">
        <v>-20</v>
      </c>
      <c r="C52" s="68">
        <v>-5</v>
      </c>
      <c r="D52" s="68">
        <v>-15</v>
      </c>
      <c r="E52" s="67">
        <v>0</v>
      </c>
      <c r="F52" s="68">
        <v>0</v>
      </c>
      <c r="G52" s="69">
        <v>0</v>
      </c>
      <c r="H52" s="68">
        <v>179</v>
      </c>
      <c r="I52" s="68">
        <v>103</v>
      </c>
      <c r="J52" s="68">
        <v>76</v>
      </c>
      <c r="K52" s="67">
        <v>199</v>
      </c>
      <c r="L52" s="79">
        <v>108</v>
      </c>
      <c r="M52" s="80">
        <v>91</v>
      </c>
    </row>
    <row r="53" spans="1:13">
      <c r="A53" s="15" t="s">
        <v>96</v>
      </c>
      <c r="B53" s="67">
        <v>-21</v>
      </c>
      <c r="C53" s="68">
        <v>-8</v>
      </c>
      <c r="D53" s="68">
        <v>-13</v>
      </c>
      <c r="E53" s="67">
        <v>1</v>
      </c>
      <c r="F53" s="68">
        <v>0</v>
      </c>
      <c r="G53" s="69">
        <v>1</v>
      </c>
      <c r="H53" s="68">
        <v>145</v>
      </c>
      <c r="I53" s="68">
        <v>81</v>
      </c>
      <c r="J53" s="68">
        <v>64</v>
      </c>
      <c r="K53" s="67">
        <v>165</v>
      </c>
      <c r="L53" s="79">
        <v>89</v>
      </c>
      <c r="M53" s="80">
        <v>76</v>
      </c>
    </row>
    <row r="54" spans="1:13" ht="21" customHeight="1">
      <c r="A54" s="36" t="s">
        <v>98</v>
      </c>
      <c r="B54" s="64">
        <v>26</v>
      </c>
      <c r="C54" s="65">
        <v>-4</v>
      </c>
      <c r="D54" s="65">
        <v>30</v>
      </c>
      <c r="E54" s="64">
        <v>11</v>
      </c>
      <c r="F54" s="65">
        <v>9</v>
      </c>
      <c r="G54" s="66">
        <v>2</v>
      </c>
      <c r="H54" s="65">
        <v>640</v>
      </c>
      <c r="I54" s="65">
        <v>360</v>
      </c>
      <c r="J54" s="65">
        <v>280</v>
      </c>
      <c r="K54" s="64">
        <v>603</v>
      </c>
      <c r="L54" s="77">
        <v>355</v>
      </c>
      <c r="M54" s="78">
        <v>248</v>
      </c>
    </row>
    <row r="55" spans="1:13">
      <c r="A55" s="15" t="s">
        <v>100</v>
      </c>
      <c r="B55" s="67">
        <v>41</v>
      </c>
      <c r="C55" s="68">
        <v>23</v>
      </c>
      <c r="D55" s="68">
        <v>18</v>
      </c>
      <c r="E55" s="67">
        <v>2</v>
      </c>
      <c r="F55" s="68">
        <v>2</v>
      </c>
      <c r="G55" s="69">
        <v>0</v>
      </c>
      <c r="H55" s="68">
        <v>155</v>
      </c>
      <c r="I55" s="68">
        <v>85</v>
      </c>
      <c r="J55" s="68">
        <v>70</v>
      </c>
      <c r="K55" s="67">
        <v>112</v>
      </c>
      <c r="L55" s="79">
        <v>60</v>
      </c>
      <c r="M55" s="80">
        <v>52</v>
      </c>
    </row>
    <row r="56" spans="1:13">
      <c r="A56" s="15" t="s">
        <v>102</v>
      </c>
      <c r="B56" s="67">
        <v>-29</v>
      </c>
      <c r="C56" s="68">
        <v>-15</v>
      </c>
      <c r="D56" s="68">
        <v>-14</v>
      </c>
      <c r="E56" s="67">
        <v>1</v>
      </c>
      <c r="F56" s="68">
        <v>1</v>
      </c>
      <c r="G56" s="69">
        <v>0</v>
      </c>
      <c r="H56" s="68">
        <v>126</v>
      </c>
      <c r="I56" s="68">
        <v>71</v>
      </c>
      <c r="J56" s="68">
        <v>55</v>
      </c>
      <c r="K56" s="67">
        <v>154</v>
      </c>
      <c r="L56" s="79">
        <v>85</v>
      </c>
      <c r="M56" s="80">
        <v>69</v>
      </c>
    </row>
    <row r="57" spans="1:13">
      <c r="A57" s="15" t="s">
        <v>104</v>
      </c>
      <c r="B57" s="67">
        <v>-12</v>
      </c>
      <c r="C57" s="68">
        <v>-13</v>
      </c>
      <c r="D57" s="68">
        <v>1</v>
      </c>
      <c r="E57" s="67">
        <v>3</v>
      </c>
      <c r="F57" s="68">
        <v>2</v>
      </c>
      <c r="G57" s="69">
        <v>1</v>
      </c>
      <c r="H57" s="68">
        <v>113</v>
      </c>
      <c r="I57" s="68">
        <v>64</v>
      </c>
      <c r="J57" s="68">
        <v>49</v>
      </c>
      <c r="K57" s="67">
        <v>122</v>
      </c>
      <c r="L57" s="79">
        <v>75</v>
      </c>
      <c r="M57" s="80">
        <v>47</v>
      </c>
    </row>
    <row r="58" spans="1:13">
      <c r="A58" s="15" t="s">
        <v>106</v>
      </c>
      <c r="B58" s="67">
        <v>20</v>
      </c>
      <c r="C58" s="68">
        <v>-4</v>
      </c>
      <c r="D58" s="68">
        <v>24</v>
      </c>
      <c r="E58" s="67">
        <v>1</v>
      </c>
      <c r="F58" s="68">
        <v>1</v>
      </c>
      <c r="G58" s="69">
        <v>0</v>
      </c>
      <c r="H58" s="68">
        <v>135</v>
      </c>
      <c r="I58" s="68">
        <v>76</v>
      </c>
      <c r="J58" s="68">
        <v>59</v>
      </c>
      <c r="K58" s="67">
        <v>114</v>
      </c>
      <c r="L58" s="79">
        <v>79</v>
      </c>
      <c r="M58" s="80">
        <v>35</v>
      </c>
    </row>
    <row r="59" spans="1:13">
      <c r="A59" s="15" t="s">
        <v>108</v>
      </c>
      <c r="B59" s="67">
        <v>6</v>
      </c>
      <c r="C59" s="68">
        <v>5</v>
      </c>
      <c r="D59" s="68">
        <v>1</v>
      </c>
      <c r="E59" s="67">
        <v>4</v>
      </c>
      <c r="F59" s="68">
        <v>3</v>
      </c>
      <c r="G59" s="69">
        <v>1</v>
      </c>
      <c r="H59" s="68">
        <v>111</v>
      </c>
      <c r="I59" s="68">
        <v>64</v>
      </c>
      <c r="J59" s="68">
        <v>47</v>
      </c>
      <c r="K59" s="67">
        <v>101</v>
      </c>
      <c r="L59" s="79">
        <v>56</v>
      </c>
      <c r="M59" s="80">
        <v>45</v>
      </c>
    </row>
    <row r="60" spans="1:13" ht="21" customHeight="1">
      <c r="A60" s="36" t="s">
        <v>110</v>
      </c>
      <c r="B60" s="64">
        <v>-3</v>
      </c>
      <c r="C60" s="65">
        <v>-16</v>
      </c>
      <c r="D60" s="65">
        <v>13</v>
      </c>
      <c r="E60" s="64">
        <v>25</v>
      </c>
      <c r="F60" s="65">
        <v>15</v>
      </c>
      <c r="G60" s="66">
        <v>10</v>
      </c>
      <c r="H60" s="65">
        <v>494</v>
      </c>
      <c r="I60" s="65">
        <v>267</v>
      </c>
      <c r="J60" s="65">
        <v>227</v>
      </c>
      <c r="K60" s="64">
        <v>472</v>
      </c>
      <c r="L60" s="77">
        <v>268</v>
      </c>
      <c r="M60" s="78">
        <v>204</v>
      </c>
    </row>
    <row r="61" spans="1:13">
      <c r="A61" s="15" t="s">
        <v>112</v>
      </c>
      <c r="B61" s="67">
        <v>-16</v>
      </c>
      <c r="C61" s="68">
        <v>-22</v>
      </c>
      <c r="D61" s="68">
        <v>6</v>
      </c>
      <c r="E61" s="67">
        <v>1</v>
      </c>
      <c r="F61" s="68">
        <v>1</v>
      </c>
      <c r="G61" s="69">
        <v>0</v>
      </c>
      <c r="H61" s="68">
        <v>93</v>
      </c>
      <c r="I61" s="68">
        <v>50</v>
      </c>
      <c r="J61" s="68">
        <v>43</v>
      </c>
      <c r="K61" s="67">
        <v>108</v>
      </c>
      <c r="L61" s="79">
        <v>71</v>
      </c>
      <c r="M61" s="80">
        <v>37</v>
      </c>
    </row>
    <row r="62" spans="1:13">
      <c r="A62" s="15" t="s">
        <v>114</v>
      </c>
      <c r="B62" s="67">
        <v>9</v>
      </c>
      <c r="C62" s="68">
        <v>11</v>
      </c>
      <c r="D62" s="68">
        <v>-2</v>
      </c>
      <c r="E62" s="67">
        <v>6</v>
      </c>
      <c r="F62" s="68">
        <v>4</v>
      </c>
      <c r="G62" s="69">
        <v>2</v>
      </c>
      <c r="H62" s="68">
        <v>105</v>
      </c>
      <c r="I62" s="68">
        <v>57</v>
      </c>
      <c r="J62" s="68">
        <v>48</v>
      </c>
      <c r="K62" s="67">
        <v>90</v>
      </c>
      <c r="L62" s="79">
        <v>42</v>
      </c>
      <c r="M62" s="80">
        <v>48</v>
      </c>
    </row>
    <row r="63" spans="1:13">
      <c r="A63" s="15" t="s">
        <v>116</v>
      </c>
      <c r="B63" s="67">
        <v>1</v>
      </c>
      <c r="C63" s="68">
        <v>-1</v>
      </c>
      <c r="D63" s="68">
        <v>2</v>
      </c>
      <c r="E63" s="67">
        <v>6</v>
      </c>
      <c r="F63" s="68">
        <v>4</v>
      </c>
      <c r="G63" s="69">
        <v>2</v>
      </c>
      <c r="H63" s="68">
        <v>92</v>
      </c>
      <c r="I63" s="68">
        <v>54</v>
      </c>
      <c r="J63" s="68">
        <v>38</v>
      </c>
      <c r="K63" s="67">
        <v>85</v>
      </c>
      <c r="L63" s="79">
        <v>51</v>
      </c>
      <c r="M63" s="80">
        <v>34</v>
      </c>
    </row>
    <row r="64" spans="1:13">
      <c r="A64" s="15" t="s">
        <v>118</v>
      </c>
      <c r="B64" s="67">
        <v>3</v>
      </c>
      <c r="C64" s="68">
        <v>1</v>
      </c>
      <c r="D64" s="68">
        <v>2</v>
      </c>
      <c r="E64" s="67">
        <v>7</v>
      </c>
      <c r="F64" s="68">
        <v>5</v>
      </c>
      <c r="G64" s="69">
        <v>2</v>
      </c>
      <c r="H64" s="68">
        <v>104</v>
      </c>
      <c r="I64" s="68">
        <v>55</v>
      </c>
      <c r="J64" s="68">
        <v>49</v>
      </c>
      <c r="K64" s="67">
        <v>94</v>
      </c>
      <c r="L64" s="79">
        <v>49</v>
      </c>
      <c r="M64" s="80">
        <v>45</v>
      </c>
    </row>
    <row r="65" spans="1:13">
      <c r="A65" s="19" t="s">
        <v>120</v>
      </c>
      <c r="B65" s="70">
        <v>0</v>
      </c>
      <c r="C65" s="71">
        <v>-5</v>
      </c>
      <c r="D65" s="71">
        <v>5</v>
      </c>
      <c r="E65" s="70">
        <v>5</v>
      </c>
      <c r="F65" s="71">
        <v>1</v>
      </c>
      <c r="G65" s="72">
        <v>4</v>
      </c>
      <c r="H65" s="71">
        <v>100</v>
      </c>
      <c r="I65" s="71">
        <v>51</v>
      </c>
      <c r="J65" s="71">
        <v>49</v>
      </c>
      <c r="K65" s="70">
        <v>95</v>
      </c>
      <c r="L65" s="81">
        <v>55</v>
      </c>
      <c r="M65" s="82">
        <v>40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1174</v>
      </c>
      <c r="C69" s="50">
        <v>590</v>
      </c>
      <c r="D69" s="84">
        <v>584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4" t="s">
        <v>155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177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-46</v>
      </c>
      <c r="C75" s="65">
        <v>-31</v>
      </c>
      <c r="D75" s="65">
        <v>-15</v>
      </c>
      <c r="E75" s="64">
        <v>29</v>
      </c>
      <c r="F75" s="65">
        <v>19</v>
      </c>
      <c r="G75" s="66">
        <v>10</v>
      </c>
      <c r="H75" s="65">
        <v>431</v>
      </c>
      <c r="I75" s="65">
        <v>240</v>
      </c>
      <c r="J75" s="65">
        <v>191</v>
      </c>
      <c r="K75" s="64">
        <v>448</v>
      </c>
      <c r="L75" s="77">
        <v>252</v>
      </c>
      <c r="M75" s="78">
        <v>196</v>
      </c>
    </row>
    <row r="76" spans="1:13">
      <c r="A76" s="27" t="s">
        <v>5</v>
      </c>
      <c r="B76" s="67">
        <v>-13</v>
      </c>
      <c r="C76" s="68">
        <v>-4</v>
      </c>
      <c r="D76" s="68">
        <v>-9</v>
      </c>
      <c r="E76" s="67">
        <v>4</v>
      </c>
      <c r="F76" s="68">
        <v>3</v>
      </c>
      <c r="G76" s="69">
        <v>1</v>
      </c>
      <c r="H76" s="68">
        <v>88</v>
      </c>
      <c r="I76" s="68">
        <v>52</v>
      </c>
      <c r="J76" s="68">
        <v>36</v>
      </c>
      <c r="K76" s="67">
        <v>97</v>
      </c>
      <c r="L76" s="79">
        <v>53</v>
      </c>
      <c r="M76" s="80">
        <v>44</v>
      </c>
    </row>
    <row r="77" spans="1:13">
      <c r="A77" s="27" t="s">
        <v>7</v>
      </c>
      <c r="B77" s="67">
        <v>-18</v>
      </c>
      <c r="C77" s="68">
        <v>-14</v>
      </c>
      <c r="D77" s="68">
        <v>-4</v>
      </c>
      <c r="E77" s="67">
        <v>6</v>
      </c>
      <c r="F77" s="68">
        <v>4</v>
      </c>
      <c r="G77" s="69">
        <v>2</v>
      </c>
      <c r="H77" s="68">
        <v>94</v>
      </c>
      <c r="I77" s="68">
        <v>52</v>
      </c>
      <c r="J77" s="68">
        <v>42</v>
      </c>
      <c r="K77" s="67">
        <v>106</v>
      </c>
      <c r="L77" s="79">
        <v>62</v>
      </c>
      <c r="M77" s="80">
        <v>44</v>
      </c>
    </row>
    <row r="78" spans="1:13">
      <c r="A78" s="27" t="s">
        <v>9</v>
      </c>
      <c r="B78" s="67">
        <v>-15</v>
      </c>
      <c r="C78" s="68">
        <v>-6</v>
      </c>
      <c r="D78" s="68">
        <v>-9</v>
      </c>
      <c r="E78" s="67">
        <v>5</v>
      </c>
      <c r="F78" s="68">
        <v>4</v>
      </c>
      <c r="G78" s="69">
        <v>1</v>
      </c>
      <c r="H78" s="68">
        <v>77</v>
      </c>
      <c r="I78" s="68">
        <v>42</v>
      </c>
      <c r="J78" s="68">
        <v>35</v>
      </c>
      <c r="K78" s="67">
        <v>87</v>
      </c>
      <c r="L78" s="79">
        <v>44</v>
      </c>
      <c r="M78" s="80">
        <v>43</v>
      </c>
    </row>
    <row r="79" spans="1:13">
      <c r="A79" s="27" t="s">
        <v>11</v>
      </c>
      <c r="B79" s="67">
        <v>4</v>
      </c>
      <c r="C79" s="68">
        <v>0</v>
      </c>
      <c r="D79" s="68">
        <v>4</v>
      </c>
      <c r="E79" s="67">
        <v>7</v>
      </c>
      <c r="F79" s="68">
        <v>4</v>
      </c>
      <c r="G79" s="69">
        <v>3</v>
      </c>
      <c r="H79" s="68">
        <v>82</v>
      </c>
      <c r="I79" s="68">
        <v>46</v>
      </c>
      <c r="J79" s="68">
        <v>36</v>
      </c>
      <c r="K79" s="67">
        <v>71</v>
      </c>
      <c r="L79" s="79">
        <v>42</v>
      </c>
      <c r="M79" s="80">
        <v>29</v>
      </c>
    </row>
    <row r="80" spans="1:13">
      <c r="A80" s="27" t="s">
        <v>13</v>
      </c>
      <c r="B80" s="67">
        <v>-4</v>
      </c>
      <c r="C80" s="68">
        <v>-7</v>
      </c>
      <c r="D80" s="68">
        <v>3</v>
      </c>
      <c r="E80" s="67">
        <v>7</v>
      </c>
      <c r="F80" s="68">
        <v>4</v>
      </c>
      <c r="G80" s="69">
        <v>3</v>
      </c>
      <c r="H80" s="68">
        <v>90</v>
      </c>
      <c r="I80" s="68">
        <v>48</v>
      </c>
      <c r="J80" s="68">
        <v>42</v>
      </c>
      <c r="K80" s="67">
        <v>87</v>
      </c>
      <c r="L80" s="79">
        <v>51</v>
      </c>
      <c r="M80" s="80">
        <v>36</v>
      </c>
    </row>
    <row r="81" spans="1:13" ht="21" customHeight="1">
      <c r="A81" s="38" t="s">
        <v>15</v>
      </c>
      <c r="B81" s="64">
        <v>-118</v>
      </c>
      <c r="C81" s="65">
        <v>-79</v>
      </c>
      <c r="D81" s="65">
        <v>-39</v>
      </c>
      <c r="E81" s="64">
        <v>53</v>
      </c>
      <c r="F81" s="65">
        <v>31</v>
      </c>
      <c r="G81" s="66">
        <v>22</v>
      </c>
      <c r="H81" s="65">
        <v>309</v>
      </c>
      <c r="I81" s="65">
        <v>170</v>
      </c>
      <c r="J81" s="65">
        <v>139</v>
      </c>
      <c r="K81" s="64">
        <v>374</v>
      </c>
      <c r="L81" s="77">
        <v>218</v>
      </c>
      <c r="M81" s="78">
        <v>156</v>
      </c>
    </row>
    <row r="82" spans="1:13">
      <c r="A82" s="27" t="s">
        <v>17</v>
      </c>
      <c r="B82" s="67">
        <v>-21</v>
      </c>
      <c r="C82" s="68">
        <v>-5</v>
      </c>
      <c r="D82" s="68">
        <v>-16</v>
      </c>
      <c r="E82" s="67">
        <v>11</v>
      </c>
      <c r="F82" s="68">
        <v>6</v>
      </c>
      <c r="G82" s="69">
        <v>5</v>
      </c>
      <c r="H82" s="68">
        <v>82</v>
      </c>
      <c r="I82" s="68">
        <v>51</v>
      </c>
      <c r="J82" s="68">
        <v>31</v>
      </c>
      <c r="K82" s="67">
        <v>92</v>
      </c>
      <c r="L82" s="79">
        <v>50</v>
      </c>
      <c r="M82" s="80">
        <v>42</v>
      </c>
    </row>
    <row r="83" spans="1:13">
      <c r="A83" s="27" t="s">
        <v>19</v>
      </c>
      <c r="B83" s="67">
        <v>-11</v>
      </c>
      <c r="C83" s="68">
        <v>-9</v>
      </c>
      <c r="D83" s="68">
        <v>-2</v>
      </c>
      <c r="E83" s="67">
        <v>6</v>
      </c>
      <c r="F83" s="68">
        <v>4</v>
      </c>
      <c r="G83" s="69">
        <v>2</v>
      </c>
      <c r="H83" s="68">
        <v>60</v>
      </c>
      <c r="I83" s="68">
        <v>30</v>
      </c>
      <c r="J83" s="68">
        <v>30</v>
      </c>
      <c r="K83" s="67">
        <v>65</v>
      </c>
      <c r="L83" s="79">
        <v>35</v>
      </c>
      <c r="M83" s="80">
        <v>30</v>
      </c>
    </row>
    <row r="84" spans="1:13">
      <c r="A84" s="27" t="s">
        <v>21</v>
      </c>
      <c r="B84" s="67">
        <v>-32</v>
      </c>
      <c r="C84" s="68">
        <v>-24</v>
      </c>
      <c r="D84" s="68">
        <v>-8</v>
      </c>
      <c r="E84" s="67">
        <v>12</v>
      </c>
      <c r="F84" s="68">
        <v>9</v>
      </c>
      <c r="G84" s="69">
        <v>3</v>
      </c>
      <c r="H84" s="68">
        <v>65</v>
      </c>
      <c r="I84" s="68">
        <v>37</v>
      </c>
      <c r="J84" s="68">
        <v>28</v>
      </c>
      <c r="K84" s="67">
        <v>85</v>
      </c>
      <c r="L84" s="79">
        <v>52</v>
      </c>
      <c r="M84" s="80">
        <v>33</v>
      </c>
    </row>
    <row r="85" spans="1:13">
      <c r="A85" s="27" t="s">
        <v>23</v>
      </c>
      <c r="B85" s="67">
        <v>-27</v>
      </c>
      <c r="C85" s="68">
        <v>-21</v>
      </c>
      <c r="D85" s="68">
        <v>-6</v>
      </c>
      <c r="E85" s="67">
        <v>8</v>
      </c>
      <c r="F85" s="68">
        <v>4</v>
      </c>
      <c r="G85" s="69">
        <v>4</v>
      </c>
      <c r="H85" s="68">
        <v>58</v>
      </c>
      <c r="I85" s="68">
        <v>32</v>
      </c>
      <c r="J85" s="68">
        <v>26</v>
      </c>
      <c r="K85" s="67">
        <v>77</v>
      </c>
      <c r="L85" s="79">
        <v>49</v>
      </c>
      <c r="M85" s="80">
        <v>28</v>
      </c>
    </row>
    <row r="86" spans="1:13">
      <c r="A86" s="27" t="s">
        <v>25</v>
      </c>
      <c r="B86" s="67">
        <v>-27</v>
      </c>
      <c r="C86" s="68">
        <v>-20</v>
      </c>
      <c r="D86" s="68">
        <v>-7</v>
      </c>
      <c r="E86" s="67">
        <v>16</v>
      </c>
      <c r="F86" s="68">
        <v>8</v>
      </c>
      <c r="G86" s="69">
        <v>8</v>
      </c>
      <c r="H86" s="68">
        <v>44</v>
      </c>
      <c r="I86" s="68">
        <v>20</v>
      </c>
      <c r="J86" s="68">
        <v>24</v>
      </c>
      <c r="K86" s="67">
        <v>55</v>
      </c>
      <c r="L86" s="79">
        <v>32</v>
      </c>
      <c r="M86" s="80">
        <v>23</v>
      </c>
    </row>
    <row r="87" spans="1:13" ht="21" customHeight="1">
      <c r="A87" s="38" t="s">
        <v>27</v>
      </c>
      <c r="B87" s="64">
        <v>-122</v>
      </c>
      <c r="C87" s="65">
        <v>-70</v>
      </c>
      <c r="D87" s="65">
        <v>-52</v>
      </c>
      <c r="E87" s="64">
        <v>71</v>
      </c>
      <c r="F87" s="65">
        <v>49</v>
      </c>
      <c r="G87" s="66">
        <v>22</v>
      </c>
      <c r="H87" s="65">
        <v>202</v>
      </c>
      <c r="I87" s="65">
        <v>115</v>
      </c>
      <c r="J87" s="65">
        <v>87</v>
      </c>
      <c r="K87" s="64">
        <v>253</v>
      </c>
      <c r="L87" s="77">
        <v>136</v>
      </c>
      <c r="M87" s="78">
        <v>117</v>
      </c>
    </row>
    <row r="88" spans="1:13">
      <c r="A88" s="27" t="s">
        <v>29</v>
      </c>
      <c r="B88" s="67">
        <v>-26</v>
      </c>
      <c r="C88" s="68">
        <v>-17</v>
      </c>
      <c r="D88" s="68">
        <v>-9</v>
      </c>
      <c r="E88" s="67">
        <v>14</v>
      </c>
      <c r="F88" s="68">
        <v>10</v>
      </c>
      <c r="G88" s="69">
        <v>4</v>
      </c>
      <c r="H88" s="68">
        <v>56</v>
      </c>
      <c r="I88" s="68">
        <v>33</v>
      </c>
      <c r="J88" s="68">
        <v>23</v>
      </c>
      <c r="K88" s="67">
        <v>68</v>
      </c>
      <c r="L88" s="79">
        <v>40</v>
      </c>
      <c r="M88" s="80">
        <v>28</v>
      </c>
    </row>
    <row r="89" spans="1:13">
      <c r="A89" s="27" t="s">
        <v>31</v>
      </c>
      <c r="B89" s="67">
        <v>-13</v>
      </c>
      <c r="C89" s="68">
        <v>-7</v>
      </c>
      <c r="D89" s="68">
        <v>-6</v>
      </c>
      <c r="E89" s="67">
        <v>12</v>
      </c>
      <c r="F89" s="68">
        <v>8</v>
      </c>
      <c r="G89" s="69">
        <v>4</v>
      </c>
      <c r="H89" s="68">
        <v>51</v>
      </c>
      <c r="I89" s="68">
        <v>30</v>
      </c>
      <c r="J89" s="68">
        <v>21</v>
      </c>
      <c r="K89" s="67">
        <v>52</v>
      </c>
      <c r="L89" s="79">
        <v>29</v>
      </c>
      <c r="M89" s="80">
        <v>23</v>
      </c>
    </row>
    <row r="90" spans="1:13">
      <c r="A90" s="27" t="s">
        <v>33</v>
      </c>
      <c r="B90" s="67">
        <v>-25</v>
      </c>
      <c r="C90" s="68">
        <v>-15</v>
      </c>
      <c r="D90" s="68">
        <v>-10</v>
      </c>
      <c r="E90" s="67">
        <v>17</v>
      </c>
      <c r="F90" s="68">
        <v>11</v>
      </c>
      <c r="G90" s="69">
        <v>6</v>
      </c>
      <c r="H90" s="68">
        <v>33</v>
      </c>
      <c r="I90" s="68">
        <v>19</v>
      </c>
      <c r="J90" s="68">
        <v>14</v>
      </c>
      <c r="K90" s="67">
        <v>41</v>
      </c>
      <c r="L90" s="79">
        <v>23</v>
      </c>
      <c r="M90" s="80">
        <v>18</v>
      </c>
    </row>
    <row r="91" spans="1:13">
      <c r="A91" s="27" t="s">
        <v>35</v>
      </c>
      <c r="B91" s="67">
        <v>-23</v>
      </c>
      <c r="C91" s="68">
        <v>-16</v>
      </c>
      <c r="D91" s="68">
        <v>-7</v>
      </c>
      <c r="E91" s="67">
        <v>14</v>
      </c>
      <c r="F91" s="68">
        <v>9</v>
      </c>
      <c r="G91" s="69">
        <v>5</v>
      </c>
      <c r="H91" s="68">
        <v>34</v>
      </c>
      <c r="I91" s="68">
        <v>15</v>
      </c>
      <c r="J91" s="68">
        <v>19</v>
      </c>
      <c r="K91" s="67">
        <v>43</v>
      </c>
      <c r="L91" s="79">
        <v>22</v>
      </c>
      <c r="M91" s="80">
        <v>21</v>
      </c>
    </row>
    <row r="92" spans="1:13">
      <c r="A92" s="27" t="s">
        <v>37</v>
      </c>
      <c r="B92" s="67">
        <v>-35</v>
      </c>
      <c r="C92" s="68">
        <v>-15</v>
      </c>
      <c r="D92" s="68">
        <v>-20</v>
      </c>
      <c r="E92" s="67">
        <v>14</v>
      </c>
      <c r="F92" s="68">
        <v>11</v>
      </c>
      <c r="G92" s="69">
        <v>3</v>
      </c>
      <c r="H92" s="68">
        <v>28</v>
      </c>
      <c r="I92" s="68">
        <v>18</v>
      </c>
      <c r="J92" s="68">
        <v>10</v>
      </c>
      <c r="K92" s="67">
        <v>49</v>
      </c>
      <c r="L92" s="79">
        <v>22</v>
      </c>
      <c r="M92" s="80">
        <v>27</v>
      </c>
    </row>
    <row r="93" spans="1:13" ht="21" customHeight="1">
      <c r="A93" s="38" t="s">
        <v>39</v>
      </c>
      <c r="B93" s="64">
        <v>-98</v>
      </c>
      <c r="C93" s="65">
        <v>-76</v>
      </c>
      <c r="D93" s="65">
        <v>-22</v>
      </c>
      <c r="E93" s="64">
        <v>79</v>
      </c>
      <c r="F93" s="65">
        <v>58</v>
      </c>
      <c r="G93" s="66">
        <v>21</v>
      </c>
      <c r="H93" s="65">
        <v>159</v>
      </c>
      <c r="I93" s="65">
        <v>77</v>
      </c>
      <c r="J93" s="65">
        <v>82</v>
      </c>
      <c r="K93" s="64">
        <v>178</v>
      </c>
      <c r="L93" s="77">
        <v>95</v>
      </c>
      <c r="M93" s="78">
        <v>83</v>
      </c>
    </row>
    <row r="94" spans="1:13">
      <c r="A94" s="27" t="s">
        <v>41</v>
      </c>
      <c r="B94" s="67">
        <v>-25</v>
      </c>
      <c r="C94" s="68">
        <v>-19</v>
      </c>
      <c r="D94" s="68">
        <v>-6</v>
      </c>
      <c r="E94" s="67">
        <v>14</v>
      </c>
      <c r="F94" s="68">
        <v>10</v>
      </c>
      <c r="G94" s="69">
        <v>4</v>
      </c>
      <c r="H94" s="68">
        <v>39</v>
      </c>
      <c r="I94" s="68">
        <v>20</v>
      </c>
      <c r="J94" s="68">
        <v>19</v>
      </c>
      <c r="K94" s="67">
        <v>50</v>
      </c>
      <c r="L94" s="79">
        <v>29</v>
      </c>
      <c r="M94" s="80">
        <v>21</v>
      </c>
    </row>
    <row r="95" spans="1:13">
      <c r="A95" s="27" t="s">
        <v>43</v>
      </c>
      <c r="B95" s="67">
        <v>-22</v>
      </c>
      <c r="C95" s="68">
        <v>-12</v>
      </c>
      <c r="D95" s="68">
        <v>-10</v>
      </c>
      <c r="E95" s="67">
        <v>11</v>
      </c>
      <c r="F95" s="68">
        <v>8</v>
      </c>
      <c r="G95" s="69">
        <v>3</v>
      </c>
      <c r="H95" s="68">
        <v>23</v>
      </c>
      <c r="I95" s="68">
        <v>16</v>
      </c>
      <c r="J95" s="68">
        <v>7</v>
      </c>
      <c r="K95" s="67">
        <v>34</v>
      </c>
      <c r="L95" s="79">
        <v>20</v>
      </c>
      <c r="M95" s="80">
        <v>14</v>
      </c>
    </row>
    <row r="96" spans="1:13">
      <c r="A96" s="27" t="s">
        <v>45</v>
      </c>
      <c r="B96" s="67">
        <v>-18</v>
      </c>
      <c r="C96" s="68">
        <v>-14</v>
      </c>
      <c r="D96" s="68">
        <v>-4</v>
      </c>
      <c r="E96" s="67">
        <v>17</v>
      </c>
      <c r="F96" s="68">
        <v>14</v>
      </c>
      <c r="G96" s="69">
        <v>3</v>
      </c>
      <c r="H96" s="68">
        <v>34</v>
      </c>
      <c r="I96" s="68">
        <v>14</v>
      </c>
      <c r="J96" s="68">
        <v>20</v>
      </c>
      <c r="K96" s="67">
        <v>35</v>
      </c>
      <c r="L96" s="79">
        <v>14</v>
      </c>
      <c r="M96" s="80">
        <v>21</v>
      </c>
    </row>
    <row r="97" spans="1:13">
      <c r="A97" s="27" t="s">
        <v>47</v>
      </c>
      <c r="B97" s="67">
        <v>-11</v>
      </c>
      <c r="C97" s="68">
        <v>-6</v>
      </c>
      <c r="D97" s="68">
        <v>-5</v>
      </c>
      <c r="E97" s="67">
        <v>18</v>
      </c>
      <c r="F97" s="68">
        <v>12</v>
      </c>
      <c r="G97" s="69">
        <v>6</v>
      </c>
      <c r="H97" s="68">
        <v>36</v>
      </c>
      <c r="I97" s="68">
        <v>19</v>
      </c>
      <c r="J97" s="68">
        <v>17</v>
      </c>
      <c r="K97" s="67">
        <v>29</v>
      </c>
      <c r="L97" s="79">
        <v>13</v>
      </c>
      <c r="M97" s="80">
        <v>16</v>
      </c>
    </row>
    <row r="98" spans="1:13">
      <c r="A98" s="27" t="s">
        <v>49</v>
      </c>
      <c r="B98" s="67">
        <v>-22</v>
      </c>
      <c r="C98" s="68">
        <v>-25</v>
      </c>
      <c r="D98" s="68">
        <v>3</v>
      </c>
      <c r="E98" s="67">
        <v>19</v>
      </c>
      <c r="F98" s="68">
        <v>14</v>
      </c>
      <c r="G98" s="69">
        <v>5</v>
      </c>
      <c r="H98" s="68">
        <v>27</v>
      </c>
      <c r="I98" s="68">
        <v>8</v>
      </c>
      <c r="J98" s="68">
        <v>19</v>
      </c>
      <c r="K98" s="67">
        <v>30</v>
      </c>
      <c r="L98" s="79">
        <v>19</v>
      </c>
      <c r="M98" s="80">
        <v>11</v>
      </c>
    </row>
    <row r="99" spans="1:13" ht="21" customHeight="1">
      <c r="A99" s="38" t="s">
        <v>51</v>
      </c>
      <c r="B99" s="64">
        <v>-239</v>
      </c>
      <c r="C99" s="65">
        <v>-163</v>
      </c>
      <c r="D99" s="65">
        <v>-76</v>
      </c>
      <c r="E99" s="64">
        <v>211</v>
      </c>
      <c r="F99" s="65">
        <v>139</v>
      </c>
      <c r="G99" s="66">
        <v>72</v>
      </c>
      <c r="H99" s="65">
        <v>163</v>
      </c>
      <c r="I99" s="65">
        <v>68</v>
      </c>
      <c r="J99" s="65">
        <v>95</v>
      </c>
      <c r="K99" s="64">
        <v>191</v>
      </c>
      <c r="L99" s="77">
        <v>92</v>
      </c>
      <c r="M99" s="78">
        <v>99</v>
      </c>
    </row>
    <row r="100" spans="1:13">
      <c r="A100" s="27" t="s">
        <v>53</v>
      </c>
      <c r="B100" s="67">
        <v>-44</v>
      </c>
      <c r="C100" s="68">
        <v>-30</v>
      </c>
      <c r="D100" s="68">
        <v>-14</v>
      </c>
      <c r="E100" s="67">
        <v>29</v>
      </c>
      <c r="F100" s="68">
        <v>20</v>
      </c>
      <c r="G100" s="69">
        <v>9</v>
      </c>
      <c r="H100" s="68">
        <v>24</v>
      </c>
      <c r="I100" s="68">
        <v>9</v>
      </c>
      <c r="J100" s="68">
        <v>15</v>
      </c>
      <c r="K100" s="67">
        <v>39</v>
      </c>
      <c r="L100" s="79">
        <v>19</v>
      </c>
      <c r="M100" s="80">
        <v>20</v>
      </c>
    </row>
    <row r="101" spans="1:13">
      <c r="A101" s="27" t="s">
        <v>55</v>
      </c>
      <c r="B101" s="67">
        <v>-43</v>
      </c>
      <c r="C101" s="68">
        <v>-25</v>
      </c>
      <c r="D101" s="68">
        <v>-18</v>
      </c>
      <c r="E101" s="67">
        <v>34</v>
      </c>
      <c r="F101" s="68">
        <v>19</v>
      </c>
      <c r="G101" s="69">
        <v>15</v>
      </c>
      <c r="H101" s="68">
        <v>28</v>
      </c>
      <c r="I101" s="68">
        <v>12</v>
      </c>
      <c r="J101" s="68">
        <v>16</v>
      </c>
      <c r="K101" s="67">
        <v>37</v>
      </c>
      <c r="L101" s="79">
        <v>18</v>
      </c>
      <c r="M101" s="80">
        <v>19</v>
      </c>
    </row>
    <row r="102" spans="1:13">
      <c r="A102" s="27" t="s">
        <v>57</v>
      </c>
      <c r="B102" s="67">
        <v>-33</v>
      </c>
      <c r="C102" s="68">
        <v>-22</v>
      </c>
      <c r="D102" s="68">
        <v>-11</v>
      </c>
      <c r="E102" s="67">
        <v>43</v>
      </c>
      <c r="F102" s="68">
        <v>25</v>
      </c>
      <c r="G102" s="69">
        <v>18</v>
      </c>
      <c r="H102" s="68">
        <v>39</v>
      </c>
      <c r="I102" s="68">
        <v>18</v>
      </c>
      <c r="J102" s="68">
        <v>21</v>
      </c>
      <c r="K102" s="67">
        <v>29</v>
      </c>
      <c r="L102" s="79">
        <v>15</v>
      </c>
      <c r="M102" s="80">
        <v>14</v>
      </c>
    </row>
    <row r="103" spans="1:13">
      <c r="A103" s="27" t="s">
        <v>59</v>
      </c>
      <c r="B103" s="67">
        <v>-63</v>
      </c>
      <c r="C103" s="68">
        <v>-50</v>
      </c>
      <c r="D103" s="68">
        <v>-13</v>
      </c>
      <c r="E103" s="67">
        <v>47</v>
      </c>
      <c r="F103" s="68">
        <v>36</v>
      </c>
      <c r="G103" s="69">
        <v>11</v>
      </c>
      <c r="H103" s="68">
        <v>37</v>
      </c>
      <c r="I103" s="68">
        <v>14</v>
      </c>
      <c r="J103" s="68">
        <v>23</v>
      </c>
      <c r="K103" s="67">
        <v>53</v>
      </c>
      <c r="L103" s="79">
        <v>28</v>
      </c>
      <c r="M103" s="80">
        <v>25</v>
      </c>
    </row>
    <row r="104" spans="1:13">
      <c r="A104" s="27" t="s">
        <v>61</v>
      </c>
      <c r="B104" s="67">
        <v>-56</v>
      </c>
      <c r="C104" s="68">
        <v>-36</v>
      </c>
      <c r="D104" s="68">
        <v>-20</v>
      </c>
      <c r="E104" s="67">
        <v>58</v>
      </c>
      <c r="F104" s="68">
        <v>39</v>
      </c>
      <c r="G104" s="69">
        <v>19</v>
      </c>
      <c r="H104" s="68">
        <v>35</v>
      </c>
      <c r="I104" s="68">
        <v>15</v>
      </c>
      <c r="J104" s="68">
        <v>20</v>
      </c>
      <c r="K104" s="67">
        <v>33</v>
      </c>
      <c r="L104" s="79">
        <v>12</v>
      </c>
      <c r="M104" s="80">
        <v>21</v>
      </c>
    </row>
    <row r="105" spans="1:13" ht="21" customHeight="1">
      <c r="A105" s="38" t="s">
        <v>63</v>
      </c>
      <c r="B105" s="64">
        <v>-257</v>
      </c>
      <c r="C105" s="65">
        <v>-155</v>
      </c>
      <c r="D105" s="65">
        <v>-102</v>
      </c>
      <c r="E105" s="64">
        <v>273</v>
      </c>
      <c r="F105" s="65">
        <v>177</v>
      </c>
      <c r="G105" s="66">
        <v>96</v>
      </c>
      <c r="H105" s="65">
        <v>152</v>
      </c>
      <c r="I105" s="65">
        <v>71</v>
      </c>
      <c r="J105" s="65">
        <v>81</v>
      </c>
      <c r="K105" s="64">
        <v>136</v>
      </c>
      <c r="L105" s="77">
        <v>49</v>
      </c>
      <c r="M105" s="78">
        <v>87</v>
      </c>
    </row>
    <row r="106" spans="1:13">
      <c r="A106" s="27" t="s">
        <v>65</v>
      </c>
      <c r="B106" s="67">
        <v>-63</v>
      </c>
      <c r="C106" s="68">
        <v>-36</v>
      </c>
      <c r="D106" s="68">
        <v>-27</v>
      </c>
      <c r="E106" s="67">
        <v>69</v>
      </c>
      <c r="F106" s="68">
        <v>42</v>
      </c>
      <c r="G106" s="69">
        <v>27</v>
      </c>
      <c r="H106" s="68">
        <v>51</v>
      </c>
      <c r="I106" s="68">
        <v>28</v>
      </c>
      <c r="J106" s="68">
        <v>23</v>
      </c>
      <c r="K106" s="67">
        <v>45</v>
      </c>
      <c r="L106" s="79">
        <v>22</v>
      </c>
      <c r="M106" s="80">
        <v>23</v>
      </c>
    </row>
    <row r="107" spans="1:13">
      <c r="A107" s="27" t="s">
        <v>67</v>
      </c>
      <c r="B107" s="67">
        <v>-29</v>
      </c>
      <c r="C107" s="68">
        <v>-19</v>
      </c>
      <c r="D107" s="68">
        <v>-10</v>
      </c>
      <c r="E107" s="67">
        <v>41</v>
      </c>
      <c r="F107" s="68">
        <v>23</v>
      </c>
      <c r="G107" s="69">
        <v>18</v>
      </c>
      <c r="H107" s="68">
        <v>28</v>
      </c>
      <c r="I107" s="68">
        <v>12</v>
      </c>
      <c r="J107" s="68">
        <v>16</v>
      </c>
      <c r="K107" s="67">
        <v>16</v>
      </c>
      <c r="L107" s="79">
        <v>8</v>
      </c>
      <c r="M107" s="80">
        <v>8</v>
      </c>
    </row>
    <row r="108" spans="1:13">
      <c r="A108" s="27" t="s">
        <v>69</v>
      </c>
      <c r="B108" s="67">
        <v>-28</v>
      </c>
      <c r="C108" s="68">
        <v>-14</v>
      </c>
      <c r="D108" s="68">
        <v>-14</v>
      </c>
      <c r="E108" s="67">
        <v>29</v>
      </c>
      <c r="F108" s="68">
        <v>19</v>
      </c>
      <c r="G108" s="69">
        <v>10</v>
      </c>
      <c r="H108" s="68">
        <v>21</v>
      </c>
      <c r="I108" s="68">
        <v>8</v>
      </c>
      <c r="J108" s="68">
        <v>13</v>
      </c>
      <c r="K108" s="67">
        <v>20</v>
      </c>
      <c r="L108" s="79">
        <v>3</v>
      </c>
      <c r="M108" s="80">
        <v>17</v>
      </c>
    </row>
    <row r="109" spans="1:13">
      <c r="A109" s="27" t="s">
        <v>71</v>
      </c>
      <c r="B109" s="67">
        <v>-67</v>
      </c>
      <c r="C109" s="68">
        <v>-37</v>
      </c>
      <c r="D109" s="68">
        <v>-30</v>
      </c>
      <c r="E109" s="67">
        <v>65</v>
      </c>
      <c r="F109" s="68">
        <v>42</v>
      </c>
      <c r="G109" s="69">
        <v>23</v>
      </c>
      <c r="H109" s="68">
        <v>28</v>
      </c>
      <c r="I109" s="68">
        <v>11</v>
      </c>
      <c r="J109" s="68">
        <v>17</v>
      </c>
      <c r="K109" s="67">
        <v>30</v>
      </c>
      <c r="L109" s="79">
        <v>6</v>
      </c>
      <c r="M109" s="80">
        <v>24</v>
      </c>
    </row>
    <row r="110" spans="1:13">
      <c r="A110" s="27" t="s">
        <v>73</v>
      </c>
      <c r="B110" s="67">
        <v>-70</v>
      </c>
      <c r="C110" s="68">
        <v>-49</v>
      </c>
      <c r="D110" s="68">
        <v>-21</v>
      </c>
      <c r="E110" s="67">
        <v>69</v>
      </c>
      <c r="F110" s="68">
        <v>51</v>
      </c>
      <c r="G110" s="69">
        <v>18</v>
      </c>
      <c r="H110" s="68">
        <v>24</v>
      </c>
      <c r="I110" s="68">
        <v>12</v>
      </c>
      <c r="J110" s="68">
        <v>12</v>
      </c>
      <c r="K110" s="67">
        <v>25</v>
      </c>
      <c r="L110" s="79">
        <v>10</v>
      </c>
      <c r="M110" s="80">
        <v>15</v>
      </c>
    </row>
    <row r="111" spans="1:13" ht="21" customHeight="1">
      <c r="A111" s="38" t="s">
        <v>75</v>
      </c>
      <c r="B111" s="64">
        <v>-391</v>
      </c>
      <c r="C111" s="65">
        <v>-235</v>
      </c>
      <c r="D111" s="65">
        <v>-156</v>
      </c>
      <c r="E111" s="64">
        <v>410</v>
      </c>
      <c r="F111" s="65">
        <v>242</v>
      </c>
      <c r="G111" s="66">
        <v>168</v>
      </c>
      <c r="H111" s="65">
        <v>137</v>
      </c>
      <c r="I111" s="65">
        <v>50</v>
      </c>
      <c r="J111" s="65">
        <v>87</v>
      </c>
      <c r="K111" s="64">
        <v>118</v>
      </c>
      <c r="L111" s="77">
        <v>43</v>
      </c>
      <c r="M111" s="78">
        <v>75</v>
      </c>
    </row>
    <row r="112" spans="1:13">
      <c r="A112" s="27" t="s">
        <v>77</v>
      </c>
      <c r="B112" s="67">
        <v>-71</v>
      </c>
      <c r="C112" s="68">
        <v>-46</v>
      </c>
      <c r="D112" s="68">
        <v>-25</v>
      </c>
      <c r="E112" s="67">
        <v>78</v>
      </c>
      <c r="F112" s="68">
        <v>49</v>
      </c>
      <c r="G112" s="69">
        <v>29</v>
      </c>
      <c r="H112" s="68">
        <v>37</v>
      </c>
      <c r="I112" s="68">
        <v>16</v>
      </c>
      <c r="J112" s="68">
        <v>21</v>
      </c>
      <c r="K112" s="67">
        <v>30</v>
      </c>
      <c r="L112" s="79">
        <v>13</v>
      </c>
      <c r="M112" s="80">
        <v>17</v>
      </c>
    </row>
    <row r="113" spans="1:13">
      <c r="A113" s="27" t="s">
        <v>79</v>
      </c>
      <c r="B113" s="67">
        <v>-64</v>
      </c>
      <c r="C113" s="68">
        <v>-40</v>
      </c>
      <c r="D113" s="68">
        <v>-24</v>
      </c>
      <c r="E113" s="67">
        <v>76</v>
      </c>
      <c r="F113" s="68">
        <v>45</v>
      </c>
      <c r="G113" s="69">
        <v>31</v>
      </c>
      <c r="H113" s="68">
        <v>29</v>
      </c>
      <c r="I113" s="68">
        <v>8</v>
      </c>
      <c r="J113" s="68">
        <v>21</v>
      </c>
      <c r="K113" s="67">
        <v>17</v>
      </c>
      <c r="L113" s="79">
        <v>3</v>
      </c>
      <c r="M113" s="80">
        <v>14</v>
      </c>
    </row>
    <row r="114" spans="1:13">
      <c r="A114" s="27" t="s">
        <v>81</v>
      </c>
      <c r="B114" s="67">
        <v>-85</v>
      </c>
      <c r="C114" s="68">
        <v>-45</v>
      </c>
      <c r="D114" s="68">
        <v>-40</v>
      </c>
      <c r="E114" s="67">
        <v>91</v>
      </c>
      <c r="F114" s="68">
        <v>48</v>
      </c>
      <c r="G114" s="69">
        <v>43</v>
      </c>
      <c r="H114" s="68">
        <v>30</v>
      </c>
      <c r="I114" s="68">
        <v>12</v>
      </c>
      <c r="J114" s="68">
        <v>18</v>
      </c>
      <c r="K114" s="67">
        <v>24</v>
      </c>
      <c r="L114" s="79">
        <v>9</v>
      </c>
      <c r="M114" s="80">
        <v>15</v>
      </c>
    </row>
    <row r="115" spans="1:13">
      <c r="A115" s="27" t="s">
        <v>83</v>
      </c>
      <c r="B115" s="67">
        <v>-80</v>
      </c>
      <c r="C115" s="68">
        <v>-48</v>
      </c>
      <c r="D115" s="68">
        <v>-32</v>
      </c>
      <c r="E115" s="67">
        <v>80</v>
      </c>
      <c r="F115" s="68">
        <v>45</v>
      </c>
      <c r="G115" s="69">
        <v>35</v>
      </c>
      <c r="H115" s="68">
        <v>22</v>
      </c>
      <c r="I115" s="68">
        <v>6</v>
      </c>
      <c r="J115" s="68">
        <v>16</v>
      </c>
      <c r="K115" s="67">
        <v>22</v>
      </c>
      <c r="L115" s="79">
        <v>9</v>
      </c>
      <c r="M115" s="80">
        <v>13</v>
      </c>
    </row>
    <row r="116" spans="1:13">
      <c r="A116" s="27" t="s">
        <v>85</v>
      </c>
      <c r="B116" s="67">
        <v>-91</v>
      </c>
      <c r="C116" s="68">
        <v>-56</v>
      </c>
      <c r="D116" s="68">
        <v>-35</v>
      </c>
      <c r="E116" s="67">
        <v>85</v>
      </c>
      <c r="F116" s="68">
        <v>55</v>
      </c>
      <c r="G116" s="69">
        <v>30</v>
      </c>
      <c r="H116" s="68">
        <v>19</v>
      </c>
      <c r="I116" s="68">
        <v>8</v>
      </c>
      <c r="J116" s="68">
        <v>11</v>
      </c>
      <c r="K116" s="67">
        <v>25</v>
      </c>
      <c r="L116" s="79">
        <v>9</v>
      </c>
      <c r="M116" s="80">
        <v>16</v>
      </c>
    </row>
    <row r="117" spans="1:13" ht="21" customHeight="1">
      <c r="A117" s="38" t="s">
        <v>87</v>
      </c>
      <c r="B117" s="64">
        <v>-548</v>
      </c>
      <c r="C117" s="65">
        <v>-264</v>
      </c>
      <c r="D117" s="65">
        <v>-284</v>
      </c>
      <c r="E117" s="64">
        <v>537</v>
      </c>
      <c r="F117" s="65">
        <v>263</v>
      </c>
      <c r="G117" s="66">
        <v>274</v>
      </c>
      <c r="H117" s="65">
        <v>122</v>
      </c>
      <c r="I117" s="65">
        <v>39</v>
      </c>
      <c r="J117" s="65">
        <v>83</v>
      </c>
      <c r="K117" s="64">
        <v>133</v>
      </c>
      <c r="L117" s="77">
        <v>40</v>
      </c>
      <c r="M117" s="78">
        <v>93</v>
      </c>
    </row>
    <row r="118" spans="1:13">
      <c r="A118" s="27" t="s">
        <v>89</v>
      </c>
      <c r="B118" s="67">
        <v>-114</v>
      </c>
      <c r="C118" s="68">
        <v>-52</v>
      </c>
      <c r="D118" s="68">
        <v>-62</v>
      </c>
      <c r="E118" s="67">
        <v>108</v>
      </c>
      <c r="F118" s="68">
        <v>55</v>
      </c>
      <c r="G118" s="69">
        <v>53</v>
      </c>
      <c r="H118" s="68">
        <v>24</v>
      </c>
      <c r="I118" s="68">
        <v>10</v>
      </c>
      <c r="J118" s="68">
        <v>14</v>
      </c>
      <c r="K118" s="67">
        <v>30</v>
      </c>
      <c r="L118" s="79">
        <v>7</v>
      </c>
      <c r="M118" s="80">
        <v>23</v>
      </c>
    </row>
    <row r="119" spans="1:13">
      <c r="A119" s="27" t="s">
        <v>91</v>
      </c>
      <c r="B119" s="67">
        <v>-109</v>
      </c>
      <c r="C119" s="68">
        <v>-60</v>
      </c>
      <c r="D119" s="68">
        <v>-49</v>
      </c>
      <c r="E119" s="67">
        <v>107</v>
      </c>
      <c r="F119" s="68">
        <v>54</v>
      </c>
      <c r="G119" s="69">
        <v>53</v>
      </c>
      <c r="H119" s="68">
        <v>25</v>
      </c>
      <c r="I119" s="68">
        <v>8</v>
      </c>
      <c r="J119" s="68">
        <v>17</v>
      </c>
      <c r="K119" s="67">
        <v>27</v>
      </c>
      <c r="L119" s="79">
        <v>14</v>
      </c>
      <c r="M119" s="80">
        <v>13</v>
      </c>
    </row>
    <row r="120" spans="1:13">
      <c r="A120" s="27" t="s">
        <v>93</v>
      </c>
      <c r="B120" s="67">
        <v>-101</v>
      </c>
      <c r="C120" s="68">
        <v>-55</v>
      </c>
      <c r="D120" s="68">
        <v>-46</v>
      </c>
      <c r="E120" s="67">
        <v>105</v>
      </c>
      <c r="F120" s="68">
        <v>53</v>
      </c>
      <c r="G120" s="69">
        <v>52</v>
      </c>
      <c r="H120" s="68">
        <v>28</v>
      </c>
      <c r="I120" s="68">
        <v>3</v>
      </c>
      <c r="J120" s="68">
        <v>25</v>
      </c>
      <c r="K120" s="67">
        <v>24</v>
      </c>
      <c r="L120" s="79">
        <v>5</v>
      </c>
      <c r="M120" s="80">
        <v>19</v>
      </c>
    </row>
    <row r="121" spans="1:13">
      <c r="A121" s="27" t="s">
        <v>95</v>
      </c>
      <c r="B121" s="67">
        <v>-97</v>
      </c>
      <c r="C121" s="68">
        <v>-51</v>
      </c>
      <c r="D121" s="68">
        <v>-46</v>
      </c>
      <c r="E121" s="67">
        <v>102</v>
      </c>
      <c r="F121" s="68">
        <v>52</v>
      </c>
      <c r="G121" s="69">
        <v>50</v>
      </c>
      <c r="H121" s="68">
        <v>25</v>
      </c>
      <c r="I121" s="68">
        <v>6</v>
      </c>
      <c r="J121" s="68">
        <v>19</v>
      </c>
      <c r="K121" s="67">
        <v>20</v>
      </c>
      <c r="L121" s="79">
        <v>5</v>
      </c>
      <c r="M121" s="80">
        <v>15</v>
      </c>
    </row>
    <row r="122" spans="1:13">
      <c r="A122" s="27" t="s">
        <v>97</v>
      </c>
      <c r="B122" s="67">
        <v>-127</v>
      </c>
      <c r="C122" s="68">
        <v>-46</v>
      </c>
      <c r="D122" s="68">
        <v>-81</v>
      </c>
      <c r="E122" s="67">
        <v>115</v>
      </c>
      <c r="F122" s="68">
        <v>49</v>
      </c>
      <c r="G122" s="69">
        <v>66</v>
      </c>
      <c r="H122" s="68">
        <v>20</v>
      </c>
      <c r="I122" s="68">
        <v>12</v>
      </c>
      <c r="J122" s="68">
        <v>8</v>
      </c>
      <c r="K122" s="67">
        <v>32</v>
      </c>
      <c r="L122" s="79">
        <v>9</v>
      </c>
      <c r="M122" s="80">
        <v>23</v>
      </c>
    </row>
    <row r="123" spans="1:13" ht="21" customHeight="1">
      <c r="A123" s="38" t="s">
        <v>99</v>
      </c>
      <c r="B123" s="64">
        <v>-512</v>
      </c>
      <c r="C123" s="65">
        <v>-193</v>
      </c>
      <c r="D123" s="65">
        <v>-319</v>
      </c>
      <c r="E123" s="64">
        <v>520</v>
      </c>
      <c r="F123" s="65">
        <v>193</v>
      </c>
      <c r="G123" s="66">
        <v>327</v>
      </c>
      <c r="H123" s="65">
        <v>65</v>
      </c>
      <c r="I123" s="65">
        <v>16</v>
      </c>
      <c r="J123" s="65">
        <v>49</v>
      </c>
      <c r="K123" s="64">
        <v>57</v>
      </c>
      <c r="L123" s="77">
        <v>16</v>
      </c>
      <c r="M123" s="78">
        <v>41</v>
      </c>
    </row>
    <row r="124" spans="1:13">
      <c r="A124" s="27" t="s">
        <v>101</v>
      </c>
      <c r="B124" s="67">
        <v>-118</v>
      </c>
      <c r="C124" s="68">
        <v>-52</v>
      </c>
      <c r="D124" s="68">
        <v>-66</v>
      </c>
      <c r="E124" s="67">
        <v>118</v>
      </c>
      <c r="F124" s="68">
        <v>51</v>
      </c>
      <c r="G124" s="69">
        <v>67</v>
      </c>
      <c r="H124" s="68">
        <v>15</v>
      </c>
      <c r="I124" s="68">
        <v>5</v>
      </c>
      <c r="J124" s="68">
        <v>10</v>
      </c>
      <c r="K124" s="67">
        <v>15</v>
      </c>
      <c r="L124" s="79">
        <v>6</v>
      </c>
      <c r="M124" s="80">
        <v>9</v>
      </c>
    </row>
    <row r="125" spans="1:13">
      <c r="A125" s="27" t="s">
        <v>103</v>
      </c>
      <c r="B125" s="67">
        <v>-121</v>
      </c>
      <c r="C125" s="68">
        <v>-45</v>
      </c>
      <c r="D125" s="68">
        <v>-76</v>
      </c>
      <c r="E125" s="67">
        <v>127</v>
      </c>
      <c r="F125" s="68">
        <v>46</v>
      </c>
      <c r="G125" s="69">
        <v>81</v>
      </c>
      <c r="H125" s="68">
        <v>18</v>
      </c>
      <c r="I125" s="68">
        <v>4</v>
      </c>
      <c r="J125" s="68">
        <v>14</v>
      </c>
      <c r="K125" s="67">
        <v>12</v>
      </c>
      <c r="L125" s="79">
        <v>3</v>
      </c>
      <c r="M125" s="80">
        <v>9</v>
      </c>
    </row>
    <row r="126" spans="1:13">
      <c r="A126" s="27" t="s">
        <v>105</v>
      </c>
      <c r="B126" s="67">
        <v>-100</v>
      </c>
      <c r="C126" s="68">
        <v>-43</v>
      </c>
      <c r="D126" s="68">
        <v>-57</v>
      </c>
      <c r="E126" s="67">
        <v>100</v>
      </c>
      <c r="F126" s="68">
        <v>43</v>
      </c>
      <c r="G126" s="69">
        <v>57</v>
      </c>
      <c r="H126" s="68">
        <v>13</v>
      </c>
      <c r="I126" s="68">
        <v>2</v>
      </c>
      <c r="J126" s="68">
        <v>11</v>
      </c>
      <c r="K126" s="67">
        <v>13</v>
      </c>
      <c r="L126" s="79">
        <v>2</v>
      </c>
      <c r="M126" s="80">
        <v>11</v>
      </c>
    </row>
    <row r="127" spans="1:13">
      <c r="A127" s="27" t="s">
        <v>107</v>
      </c>
      <c r="B127" s="67">
        <v>-95</v>
      </c>
      <c r="C127" s="68">
        <v>-25</v>
      </c>
      <c r="D127" s="68">
        <v>-70</v>
      </c>
      <c r="E127" s="67">
        <v>92</v>
      </c>
      <c r="F127" s="68">
        <v>25</v>
      </c>
      <c r="G127" s="69">
        <v>67</v>
      </c>
      <c r="H127" s="68">
        <v>10</v>
      </c>
      <c r="I127" s="68">
        <v>3</v>
      </c>
      <c r="J127" s="68">
        <v>7</v>
      </c>
      <c r="K127" s="67">
        <v>13</v>
      </c>
      <c r="L127" s="79">
        <v>3</v>
      </c>
      <c r="M127" s="80">
        <v>10</v>
      </c>
    </row>
    <row r="128" spans="1:13">
      <c r="A128" s="27" t="s">
        <v>109</v>
      </c>
      <c r="B128" s="67">
        <v>-78</v>
      </c>
      <c r="C128" s="68">
        <v>-28</v>
      </c>
      <c r="D128" s="68">
        <v>-50</v>
      </c>
      <c r="E128" s="67">
        <v>83</v>
      </c>
      <c r="F128" s="68">
        <v>28</v>
      </c>
      <c r="G128" s="69">
        <v>55</v>
      </c>
      <c r="H128" s="68">
        <v>9</v>
      </c>
      <c r="I128" s="68">
        <v>2</v>
      </c>
      <c r="J128" s="68">
        <v>7</v>
      </c>
      <c r="K128" s="67">
        <v>4</v>
      </c>
      <c r="L128" s="79">
        <v>2</v>
      </c>
      <c r="M128" s="80">
        <v>2</v>
      </c>
    </row>
    <row r="129" spans="1:14" ht="21" customHeight="1">
      <c r="A129" s="38" t="s">
        <v>111</v>
      </c>
      <c r="B129" s="64">
        <v>-247</v>
      </c>
      <c r="C129" s="65">
        <v>-66</v>
      </c>
      <c r="D129" s="65">
        <v>-181</v>
      </c>
      <c r="E129" s="64">
        <v>256</v>
      </c>
      <c r="F129" s="65">
        <v>68</v>
      </c>
      <c r="G129" s="66">
        <v>188</v>
      </c>
      <c r="H129" s="65">
        <v>20</v>
      </c>
      <c r="I129" s="65">
        <v>3</v>
      </c>
      <c r="J129" s="65">
        <v>17</v>
      </c>
      <c r="K129" s="64">
        <v>11</v>
      </c>
      <c r="L129" s="77">
        <v>1</v>
      </c>
      <c r="M129" s="78">
        <v>10</v>
      </c>
    </row>
    <row r="130" spans="1:14">
      <c r="A130" s="27" t="s">
        <v>113</v>
      </c>
      <c r="B130" s="67">
        <v>-50</v>
      </c>
      <c r="C130" s="68">
        <v>-17</v>
      </c>
      <c r="D130" s="68">
        <v>-33</v>
      </c>
      <c r="E130" s="67">
        <v>58</v>
      </c>
      <c r="F130" s="68">
        <v>19</v>
      </c>
      <c r="G130" s="69">
        <v>39</v>
      </c>
      <c r="H130" s="68">
        <v>11</v>
      </c>
      <c r="I130" s="68">
        <v>2</v>
      </c>
      <c r="J130" s="68">
        <v>9</v>
      </c>
      <c r="K130" s="67">
        <v>3</v>
      </c>
      <c r="L130" s="79">
        <v>0</v>
      </c>
      <c r="M130" s="80">
        <v>3</v>
      </c>
    </row>
    <row r="131" spans="1:14">
      <c r="A131" s="27" t="s">
        <v>115</v>
      </c>
      <c r="B131" s="67">
        <v>-63</v>
      </c>
      <c r="C131" s="68">
        <v>-24</v>
      </c>
      <c r="D131" s="68">
        <v>-39</v>
      </c>
      <c r="E131" s="67">
        <v>63</v>
      </c>
      <c r="F131" s="68">
        <v>25</v>
      </c>
      <c r="G131" s="69">
        <v>38</v>
      </c>
      <c r="H131" s="68">
        <v>5</v>
      </c>
      <c r="I131" s="68">
        <v>1</v>
      </c>
      <c r="J131" s="68">
        <v>4</v>
      </c>
      <c r="K131" s="67">
        <v>5</v>
      </c>
      <c r="L131" s="79">
        <v>0</v>
      </c>
      <c r="M131" s="80">
        <v>5</v>
      </c>
    </row>
    <row r="132" spans="1:14">
      <c r="A132" s="27" t="s">
        <v>117</v>
      </c>
      <c r="B132" s="67">
        <v>-62</v>
      </c>
      <c r="C132" s="68">
        <v>-15</v>
      </c>
      <c r="D132" s="68">
        <v>-47</v>
      </c>
      <c r="E132" s="67">
        <v>62</v>
      </c>
      <c r="F132" s="68">
        <v>14</v>
      </c>
      <c r="G132" s="69">
        <v>48</v>
      </c>
      <c r="H132" s="68">
        <v>2</v>
      </c>
      <c r="I132" s="68">
        <v>0</v>
      </c>
      <c r="J132" s="68">
        <v>2</v>
      </c>
      <c r="K132" s="67">
        <v>2</v>
      </c>
      <c r="L132" s="79">
        <v>1</v>
      </c>
      <c r="M132" s="80">
        <v>1</v>
      </c>
    </row>
    <row r="133" spans="1:14">
      <c r="A133" s="27" t="s">
        <v>119</v>
      </c>
      <c r="B133" s="67">
        <v>-35</v>
      </c>
      <c r="C133" s="68">
        <v>-7</v>
      </c>
      <c r="D133" s="68">
        <v>-28</v>
      </c>
      <c r="E133" s="67">
        <v>36</v>
      </c>
      <c r="F133" s="68">
        <v>7</v>
      </c>
      <c r="G133" s="69">
        <v>29</v>
      </c>
      <c r="H133" s="68">
        <v>1</v>
      </c>
      <c r="I133" s="68">
        <v>0</v>
      </c>
      <c r="J133" s="68">
        <v>1</v>
      </c>
      <c r="K133" s="67">
        <v>0</v>
      </c>
      <c r="L133" s="79">
        <v>0</v>
      </c>
      <c r="M133" s="80">
        <v>0</v>
      </c>
    </row>
    <row r="134" spans="1:14">
      <c r="A134" s="27" t="s">
        <v>121</v>
      </c>
      <c r="B134" s="67">
        <v>-37</v>
      </c>
      <c r="C134" s="68">
        <v>-3</v>
      </c>
      <c r="D134" s="68">
        <v>-34</v>
      </c>
      <c r="E134" s="67">
        <v>37</v>
      </c>
      <c r="F134" s="68">
        <v>3</v>
      </c>
      <c r="G134" s="69">
        <v>34</v>
      </c>
      <c r="H134" s="68">
        <v>1</v>
      </c>
      <c r="I134" s="68">
        <v>0</v>
      </c>
      <c r="J134" s="68">
        <v>1</v>
      </c>
      <c r="K134" s="67">
        <v>1</v>
      </c>
      <c r="L134" s="79">
        <v>0</v>
      </c>
      <c r="M134" s="80">
        <v>1</v>
      </c>
    </row>
    <row r="135" spans="1:14" ht="21" customHeight="1">
      <c r="A135" s="39" t="s">
        <v>122</v>
      </c>
      <c r="B135" s="42">
        <v>-54</v>
      </c>
      <c r="C135" s="40">
        <v>-7</v>
      </c>
      <c r="D135" s="40">
        <v>-47</v>
      </c>
      <c r="E135" s="42">
        <v>55</v>
      </c>
      <c r="F135" s="40">
        <v>7</v>
      </c>
      <c r="G135" s="43">
        <v>48</v>
      </c>
      <c r="H135" s="40">
        <v>2</v>
      </c>
      <c r="I135" s="40">
        <v>0</v>
      </c>
      <c r="J135" s="40">
        <v>2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137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28" t="s">
        <v>154</v>
      </c>
      <c r="B2" s="5"/>
      <c r="C2" s="5"/>
      <c r="D2" s="5"/>
      <c r="E2" s="5"/>
      <c r="F2" s="5"/>
      <c r="G2" s="5"/>
      <c r="H2" s="5"/>
      <c r="I2" s="5"/>
      <c r="J2" s="5"/>
      <c r="K2" s="34" t="s">
        <v>234</v>
      </c>
      <c r="M2" s="6"/>
    </row>
    <row r="3" spans="1:13" ht="15" customHeight="1">
      <c r="A3" s="7" t="s">
        <v>0</v>
      </c>
      <c r="B3" s="53" t="s">
        <v>219</v>
      </c>
      <c r="C3" s="54"/>
      <c r="D3" s="55"/>
      <c r="E3" s="53" t="s">
        <v>220</v>
      </c>
      <c r="F3" s="54"/>
      <c r="G3" s="55"/>
      <c r="H3" s="53" t="s">
        <v>222</v>
      </c>
      <c r="I3" s="54"/>
      <c r="J3" s="55"/>
      <c r="K3" s="53" t="s">
        <v>225</v>
      </c>
      <c r="L3" s="54"/>
      <c r="M3" s="55"/>
    </row>
    <row r="4" spans="1:13" ht="15" customHeight="1">
      <c r="A4" s="8" t="s">
        <v>141</v>
      </c>
      <c r="B4" s="9" t="s">
        <v>131</v>
      </c>
      <c r="C4" s="10" t="s">
        <v>133</v>
      </c>
      <c r="D4" s="9" t="s">
        <v>135</v>
      </c>
      <c r="E4" s="9" t="s">
        <v>136</v>
      </c>
      <c r="F4" s="9" t="s">
        <v>133</v>
      </c>
      <c r="G4" s="9" t="s">
        <v>135</v>
      </c>
      <c r="H4" s="9" t="s">
        <v>131</v>
      </c>
      <c r="I4" s="9" t="s">
        <v>133</v>
      </c>
      <c r="J4" s="9" t="s">
        <v>135</v>
      </c>
      <c r="K4" s="9" t="s">
        <v>131</v>
      </c>
      <c r="L4" s="9" t="s">
        <v>133</v>
      </c>
      <c r="M4" s="11" t="s">
        <v>135</v>
      </c>
    </row>
    <row r="5" spans="1:13" s="33" customFormat="1" ht="22.5" customHeight="1">
      <c r="A5" s="35" t="s">
        <v>1</v>
      </c>
      <c r="B5" s="64">
        <v>-810</v>
      </c>
      <c r="C5" s="62">
        <v>-374</v>
      </c>
      <c r="D5" s="62">
        <v>-436</v>
      </c>
      <c r="E5" s="61">
        <v>1917</v>
      </c>
      <c r="F5" s="62">
        <v>1008</v>
      </c>
      <c r="G5" s="63">
        <v>909</v>
      </c>
      <c r="H5" s="62">
        <v>8918</v>
      </c>
      <c r="I5" s="62">
        <v>4857</v>
      </c>
      <c r="J5" s="62">
        <v>4061</v>
      </c>
      <c r="K5" s="61">
        <v>8788</v>
      </c>
      <c r="L5" s="75">
        <v>4718</v>
      </c>
      <c r="M5" s="76">
        <v>4070</v>
      </c>
    </row>
    <row r="6" spans="1:13" ht="23.25" customHeight="1">
      <c r="A6" s="36" t="s">
        <v>2</v>
      </c>
      <c r="B6" s="64">
        <v>940</v>
      </c>
      <c r="C6" s="65">
        <v>476</v>
      </c>
      <c r="D6" s="65">
        <v>464</v>
      </c>
      <c r="E6" s="64">
        <v>0</v>
      </c>
      <c r="F6" s="65">
        <v>0</v>
      </c>
      <c r="G6" s="66">
        <v>0</v>
      </c>
      <c r="H6" s="65">
        <v>425</v>
      </c>
      <c r="I6" s="65">
        <v>221</v>
      </c>
      <c r="J6" s="65">
        <v>204</v>
      </c>
      <c r="K6" s="64">
        <v>462</v>
      </c>
      <c r="L6" s="77">
        <v>240</v>
      </c>
      <c r="M6" s="78">
        <v>222</v>
      </c>
    </row>
    <row r="7" spans="1:13">
      <c r="A7" s="15" t="s">
        <v>4</v>
      </c>
      <c r="B7" s="67">
        <v>987</v>
      </c>
      <c r="C7" s="68">
        <v>503</v>
      </c>
      <c r="D7" s="68">
        <v>484</v>
      </c>
      <c r="E7" s="67">
        <v>0</v>
      </c>
      <c r="F7" s="68">
        <v>0</v>
      </c>
      <c r="G7" s="69">
        <v>0</v>
      </c>
      <c r="H7" s="68">
        <v>67</v>
      </c>
      <c r="I7" s="68">
        <v>37</v>
      </c>
      <c r="J7" s="68">
        <v>30</v>
      </c>
      <c r="K7" s="67">
        <v>57</v>
      </c>
      <c r="L7" s="79">
        <v>29</v>
      </c>
      <c r="M7" s="80">
        <v>28</v>
      </c>
    </row>
    <row r="8" spans="1:13">
      <c r="A8" s="15" t="s">
        <v>6</v>
      </c>
      <c r="B8" s="67">
        <v>-15</v>
      </c>
      <c r="C8" s="68">
        <v>-19</v>
      </c>
      <c r="D8" s="68">
        <v>4</v>
      </c>
      <c r="E8" s="67">
        <v>0</v>
      </c>
      <c r="F8" s="68">
        <v>0</v>
      </c>
      <c r="G8" s="69">
        <v>0</v>
      </c>
      <c r="H8" s="68">
        <v>110</v>
      </c>
      <c r="I8" s="68">
        <v>48</v>
      </c>
      <c r="J8" s="68">
        <v>62</v>
      </c>
      <c r="K8" s="67">
        <v>125</v>
      </c>
      <c r="L8" s="79">
        <v>67</v>
      </c>
      <c r="M8" s="80">
        <v>58</v>
      </c>
    </row>
    <row r="9" spans="1:13">
      <c r="A9" s="15" t="s">
        <v>8</v>
      </c>
      <c r="B9" s="67">
        <v>-6</v>
      </c>
      <c r="C9" s="68">
        <v>-2</v>
      </c>
      <c r="D9" s="68">
        <v>-4</v>
      </c>
      <c r="E9" s="67">
        <v>0</v>
      </c>
      <c r="F9" s="68">
        <v>0</v>
      </c>
      <c r="G9" s="69">
        <v>0</v>
      </c>
      <c r="H9" s="68">
        <v>92</v>
      </c>
      <c r="I9" s="68">
        <v>52</v>
      </c>
      <c r="J9" s="68">
        <v>40</v>
      </c>
      <c r="K9" s="67">
        <v>98</v>
      </c>
      <c r="L9" s="79">
        <v>54</v>
      </c>
      <c r="M9" s="80">
        <v>44</v>
      </c>
    </row>
    <row r="10" spans="1:13">
      <c r="A10" s="15" t="s">
        <v>10</v>
      </c>
      <c r="B10" s="67">
        <v>-7</v>
      </c>
      <c r="C10" s="68">
        <v>4</v>
      </c>
      <c r="D10" s="68">
        <v>-11</v>
      </c>
      <c r="E10" s="67">
        <v>0</v>
      </c>
      <c r="F10" s="68">
        <v>0</v>
      </c>
      <c r="G10" s="69">
        <v>0</v>
      </c>
      <c r="H10" s="68">
        <v>82</v>
      </c>
      <c r="I10" s="68">
        <v>48</v>
      </c>
      <c r="J10" s="68">
        <v>34</v>
      </c>
      <c r="K10" s="67">
        <v>89</v>
      </c>
      <c r="L10" s="79">
        <v>44</v>
      </c>
      <c r="M10" s="80">
        <v>45</v>
      </c>
    </row>
    <row r="11" spans="1:13">
      <c r="A11" s="15" t="s">
        <v>12</v>
      </c>
      <c r="B11" s="67">
        <v>-19</v>
      </c>
      <c r="C11" s="68">
        <v>-10</v>
      </c>
      <c r="D11" s="68">
        <v>-9</v>
      </c>
      <c r="E11" s="67">
        <v>0</v>
      </c>
      <c r="F11" s="68">
        <v>0</v>
      </c>
      <c r="G11" s="69">
        <v>0</v>
      </c>
      <c r="H11" s="68">
        <v>74</v>
      </c>
      <c r="I11" s="68">
        <v>36</v>
      </c>
      <c r="J11" s="68">
        <v>38</v>
      </c>
      <c r="K11" s="67">
        <v>93</v>
      </c>
      <c r="L11" s="79">
        <v>46</v>
      </c>
      <c r="M11" s="80">
        <v>47</v>
      </c>
    </row>
    <row r="12" spans="1:13" ht="21" customHeight="1">
      <c r="A12" s="36" t="s">
        <v>14</v>
      </c>
      <c r="B12" s="64">
        <v>-10</v>
      </c>
      <c r="C12" s="65">
        <v>8</v>
      </c>
      <c r="D12" s="65">
        <v>-18</v>
      </c>
      <c r="E12" s="64">
        <v>0</v>
      </c>
      <c r="F12" s="65">
        <v>0</v>
      </c>
      <c r="G12" s="66">
        <v>0</v>
      </c>
      <c r="H12" s="65">
        <v>260</v>
      </c>
      <c r="I12" s="65">
        <v>139</v>
      </c>
      <c r="J12" s="65">
        <v>121</v>
      </c>
      <c r="K12" s="64">
        <v>270</v>
      </c>
      <c r="L12" s="77">
        <v>131</v>
      </c>
      <c r="M12" s="78">
        <v>139</v>
      </c>
    </row>
    <row r="13" spans="1:13">
      <c r="A13" s="15" t="s">
        <v>16</v>
      </c>
      <c r="B13" s="67">
        <v>-4</v>
      </c>
      <c r="C13" s="68">
        <v>1</v>
      </c>
      <c r="D13" s="68">
        <v>-5</v>
      </c>
      <c r="E13" s="67">
        <v>0</v>
      </c>
      <c r="F13" s="68">
        <v>0</v>
      </c>
      <c r="G13" s="69">
        <v>0</v>
      </c>
      <c r="H13" s="68">
        <v>65</v>
      </c>
      <c r="I13" s="68">
        <v>34</v>
      </c>
      <c r="J13" s="68">
        <v>31</v>
      </c>
      <c r="K13" s="67">
        <v>69</v>
      </c>
      <c r="L13" s="79">
        <v>33</v>
      </c>
      <c r="M13" s="80">
        <v>36</v>
      </c>
    </row>
    <row r="14" spans="1:13">
      <c r="A14" s="15" t="s">
        <v>18</v>
      </c>
      <c r="B14" s="67">
        <v>-10</v>
      </c>
      <c r="C14" s="68">
        <v>-3</v>
      </c>
      <c r="D14" s="68">
        <v>-7</v>
      </c>
      <c r="E14" s="67">
        <v>0</v>
      </c>
      <c r="F14" s="68">
        <v>0</v>
      </c>
      <c r="G14" s="69">
        <v>0</v>
      </c>
      <c r="H14" s="68">
        <v>55</v>
      </c>
      <c r="I14" s="68">
        <v>29</v>
      </c>
      <c r="J14" s="68">
        <v>26</v>
      </c>
      <c r="K14" s="67">
        <v>65</v>
      </c>
      <c r="L14" s="79">
        <v>32</v>
      </c>
      <c r="M14" s="80">
        <v>33</v>
      </c>
    </row>
    <row r="15" spans="1:13">
      <c r="A15" s="15" t="s">
        <v>20</v>
      </c>
      <c r="B15" s="67">
        <v>6</v>
      </c>
      <c r="C15" s="68">
        <v>2</v>
      </c>
      <c r="D15" s="68">
        <v>4</v>
      </c>
      <c r="E15" s="67">
        <v>0</v>
      </c>
      <c r="F15" s="68">
        <v>0</v>
      </c>
      <c r="G15" s="69">
        <v>0</v>
      </c>
      <c r="H15" s="68">
        <v>56</v>
      </c>
      <c r="I15" s="68">
        <v>28</v>
      </c>
      <c r="J15" s="68">
        <v>28</v>
      </c>
      <c r="K15" s="67">
        <v>50</v>
      </c>
      <c r="L15" s="79">
        <v>26</v>
      </c>
      <c r="M15" s="80">
        <v>24</v>
      </c>
    </row>
    <row r="16" spans="1:13">
      <c r="A16" s="15" t="s">
        <v>22</v>
      </c>
      <c r="B16" s="67">
        <v>-6</v>
      </c>
      <c r="C16" s="68">
        <v>2</v>
      </c>
      <c r="D16" s="68">
        <v>-8</v>
      </c>
      <c r="E16" s="67">
        <v>0</v>
      </c>
      <c r="F16" s="68">
        <v>0</v>
      </c>
      <c r="G16" s="69">
        <v>0</v>
      </c>
      <c r="H16" s="68">
        <v>34</v>
      </c>
      <c r="I16" s="68">
        <v>20</v>
      </c>
      <c r="J16" s="68">
        <v>14</v>
      </c>
      <c r="K16" s="67">
        <v>40</v>
      </c>
      <c r="L16" s="79">
        <v>18</v>
      </c>
      <c r="M16" s="80">
        <v>22</v>
      </c>
    </row>
    <row r="17" spans="1:13">
      <c r="A17" s="15" t="s">
        <v>24</v>
      </c>
      <c r="B17" s="67">
        <v>4</v>
      </c>
      <c r="C17" s="68">
        <v>6</v>
      </c>
      <c r="D17" s="68">
        <v>-2</v>
      </c>
      <c r="E17" s="67">
        <v>0</v>
      </c>
      <c r="F17" s="68">
        <v>0</v>
      </c>
      <c r="G17" s="69">
        <v>0</v>
      </c>
      <c r="H17" s="68">
        <v>50</v>
      </c>
      <c r="I17" s="68">
        <v>28</v>
      </c>
      <c r="J17" s="68">
        <v>22</v>
      </c>
      <c r="K17" s="67">
        <v>46</v>
      </c>
      <c r="L17" s="79">
        <v>22</v>
      </c>
      <c r="M17" s="80">
        <v>24</v>
      </c>
    </row>
    <row r="18" spans="1:13" ht="21" customHeight="1">
      <c r="A18" s="36" t="s">
        <v>26</v>
      </c>
      <c r="B18" s="64">
        <v>41</v>
      </c>
      <c r="C18" s="65">
        <v>17</v>
      </c>
      <c r="D18" s="65">
        <v>24</v>
      </c>
      <c r="E18" s="64">
        <v>0</v>
      </c>
      <c r="F18" s="65">
        <v>0</v>
      </c>
      <c r="G18" s="66">
        <v>0</v>
      </c>
      <c r="H18" s="65">
        <v>162</v>
      </c>
      <c r="I18" s="65">
        <v>78</v>
      </c>
      <c r="J18" s="65">
        <v>84</v>
      </c>
      <c r="K18" s="64">
        <v>121</v>
      </c>
      <c r="L18" s="77">
        <v>61</v>
      </c>
      <c r="M18" s="78">
        <v>60</v>
      </c>
    </row>
    <row r="19" spans="1:13">
      <c r="A19" s="15" t="s">
        <v>28</v>
      </c>
      <c r="B19" s="67">
        <v>22</v>
      </c>
      <c r="C19" s="68">
        <v>10</v>
      </c>
      <c r="D19" s="68">
        <v>12</v>
      </c>
      <c r="E19" s="67">
        <v>0</v>
      </c>
      <c r="F19" s="68">
        <v>0</v>
      </c>
      <c r="G19" s="69">
        <v>0</v>
      </c>
      <c r="H19" s="68">
        <v>46</v>
      </c>
      <c r="I19" s="68">
        <v>23</v>
      </c>
      <c r="J19" s="68">
        <v>23</v>
      </c>
      <c r="K19" s="67">
        <v>24</v>
      </c>
      <c r="L19" s="79">
        <v>13</v>
      </c>
      <c r="M19" s="80">
        <v>11</v>
      </c>
    </row>
    <row r="20" spans="1:13">
      <c r="A20" s="15" t="s">
        <v>30</v>
      </c>
      <c r="B20" s="67">
        <v>2</v>
      </c>
      <c r="C20" s="68">
        <v>-1</v>
      </c>
      <c r="D20" s="68">
        <v>3</v>
      </c>
      <c r="E20" s="67">
        <v>0</v>
      </c>
      <c r="F20" s="68">
        <v>0</v>
      </c>
      <c r="G20" s="69">
        <v>0</v>
      </c>
      <c r="H20" s="68">
        <v>23</v>
      </c>
      <c r="I20" s="68">
        <v>10</v>
      </c>
      <c r="J20" s="68">
        <v>13</v>
      </c>
      <c r="K20" s="67">
        <v>21</v>
      </c>
      <c r="L20" s="79">
        <v>11</v>
      </c>
      <c r="M20" s="80">
        <v>10</v>
      </c>
    </row>
    <row r="21" spans="1:13">
      <c r="A21" s="15" t="s">
        <v>32</v>
      </c>
      <c r="B21" s="67">
        <v>8</v>
      </c>
      <c r="C21" s="68">
        <v>4</v>
      </c>
      <c r="D21" s="68">
        <v>4</v>
      </c>
      <c r="E21" s="67">
        <v>0</v>
      </c>
      <c r="F21" s="68">
        <v>0</v>
      </c>
      <c r="G21" s="69">
        <v>0</v>
      </c>
      <c r="H21" s="68">
        <v>31</v>
      </c>
      <c r="I21" s="68">
        <v>15</v>
      </c>
      <c r="J21" s="68">
        <v>16</v>
      </c>
      <c r="K21" s="67">
        <v>23</v>
      </c>
      <c r="L21" s="79">
        <v>11</v>
      </c>
      <c r="M21" s="80">
        <v>12</v>
      </c>
    </row>
    <row r="22" spans="1:13">
      <c r="A22" s="15" t="s">
        <v>34</v>
      </c>
      <c r="B22" s="67">
        <v>8</v>
      </c>
      <c r="C22" s="68">
        <v>0</v>
      </c>
      <c r="D22" s="68">
        <v>8</v>
      </c>
      <c r="E22" s="67">
        <v>0</v>
      </c>
      <c r="F22" s="68">
        <v>0</v>
      </c>
      <c r="G22" s="69">
        <v>0</v>
      </c>
      <c r="H22" s="68">
        <v>40</v>
      </c>
      <c r="I22" s="68">
        <v>17</v>
      </c>
      <c r="J22" s="68">
        <v>23</v>
      </c>
      <c r="K22" s="67">
        <v>32</v>
      </c>
      <c r="L22" s="79">
        <v>17</v>
      </c>
      <c r="M22" s="80">
        <v>15</v>
      </c>
    </row>
    <row r="23" spans="1:13">
      <c r="A23" s="15" t="s">
        <v>36</v>
      </c>
      <c r="B23" s="67">
        <v>1</v>
      </c>
      <c r="C23" s="68">
        <v>4</v>
      </c>
      <c r="D23" s="68">
        <v>-3</v>
      </c>
      <c r="E23" s="67">
        <v>0</v>
      </c>
      <c r="F23" s="68">
        <v>0</v>
      </c>
      <c r="G23" s="69">
        <v>0</v>
      </c>
      <c r="H23" s="68">
        <v>22</v>
      </c>
      <c r="I23" s="68">
        <v>13</v>
      </c>
      <c r="J23" s="68">
        <v>9</v>
      </c>
      <c r="K23" s="67">
        <v>21</v>
      </c>
      <c r="L23" s="79">
        <v>9</v>
      </c>
      <c r="M23" s="80">
        <v>12</v>
      </c>
    </row>
    <row r="24" spans="1:13" ht="21" customHeight="1">
      <c r="A24" s="36" t="s">
        <v>38</v>
      </c>
      <c r="B24" s="64">
        <v>89</v>
      </c>
      <c r="C24" s="65">
        <v>67</v>
      </c>
      <c r="D24" s="65">
        <v>22</v>
      </c>
      <c r="E24" s="64">
        <v>3</v>
      </c>
      <c r="F24" s="65">
        <v>0</v>
      </c>
      <c r="G24" s="66">
        <v>3</v>
      </c>
      <c r="H24" s="65">
        <v>333</v>
      </c>
      <c r="I24" s="65">
        <v>198</v>
      </c>
      <c r="J24" s="65">
        <v>135</v>
      </c>
      <c r="K24" s="64">
        <v>241</v>
      </c>
      <c r="L24" s="77">
        <v>131</v>
      </c>
      <c r="M24" s="78">
        <v>110</v>
      </c>
    </row>
    <row r="25" spans="1:13">
      <c r="A25" s="15" t="s">
        <v>40</v>
      </c>
      <c r="B25" s="67">
        <v>11</v>
      </c>
      <c r="C25" s="68">
        <v>1</v>
      </c>
      <c r="D25" s="68">
        <v>10</v>
      </c>
      <c r="E25" s="67">
        <v>1</v>
      </c>
      <c r="F25" s="68">
        <v>0</v>
      </c>
      <c r="G25" s="69">
        <v>1</v>
      </c>
      <c r="H25" s="68">
        <v>33</v>
      </c>
      <c r="I25" s="68">
        <v>15</v>
      </c>
      <c r="J25" s="68">
        <v>18</v>
      </c>
      <c r="K25" s="67">
        <v>21</v>
      </c>
      <c r="L25" s="79">
        <v>14</v>
      </c>
      <c r="M25" s="80">
        <v>7</v>
      </c>
    </row>
    <row r="26" spans="1:13">
      <c r="A26" s="15" t="s">
        <v>42</v>
      </c>
      <c r="B26" s="67">
        <v>4</v>
      </c>
      <c r="C26" s="68">
        <v>3</v>
      </c>
      <c r="D26" s="68">
        <v>1</v>
      </c>
      <c r="E26" s="67">
        <v>0</v>
      </c>
      <c r="F26" s="68">
        <v>0</v>
      </c>
      <c r="G26" s="69">
        <v>0</v>
      </c>
      <c r="H26" s="68">
        <v>40</v>
      </c>
      <c r="I26" s="68">
        <v>24</v>
      </c>
      <c r="J26" s="68">
        <v>16</v>
      </c>
      <c r="K26" s="67">
        <v>36</v>
      </c>
      <c r="L26" s="79">
        <v>21</v>
      </c>
      <c r="M26" s="80">
        <v>15</v>
      </c>
    </row>
    <row r="27" spans="1:13">
      <c r="A27" s="15" t="s">
        <v>44</v>
      </c>
      <c r="B27" s="67">
        <v>3</v>
      </c>
      <c r="C27" s="68">
        <v>1</v>
      </c>
      <c r="D27" s="68">
        <v>2</v>
      </c>
      <c r="E27" s="67">
        <v>1</v>
      </c>
      <c r="F27" s="68">
        <v>0</v>
      </c>
      <c r="G27" s="69">
        <v>1</v>
      </c>
      <c r="H27" s="68">
        <v>33</v>
      </c>
      <c r="I27" s="68">
        <v>20</v>
      </c>
      <c r="J27" s="68">
        <v>13</v>
      </c>
      <c r="K27" s="67">
        <v>29</v>
      </c>
      <c r="L27" s="79">
        <v>19</v>
      </c>
      <c r="M27" s="80">
        <v>10</v>
      </c>
    </row>
    <row r="28" spans="1:13">
      <c r="A28" s="15" t="s">
        <v>46</v>
      </c>
      <c r="B28" s="67">
        <v>13</v>
      </c>
      <c r="C28" s="68">
        <v>13</v>
      </c>
      <c r="D28" s="68">
        <v>0</v>
      </c>
      <c r="E28" s="67">
        <v>1</v>
      </c>
      <c r="F28" s="68">
        <v>0</v>
      </c>
      <c r="G28" s="69">
        <v>1</v>
      </c>
      <c r="H28" s="68">
        <v>59</v>
      </c>
      <c r="I28" s="68">
        <v>39</v>
      </c>
      <c r="J28" s="68">
        <v>20</v>
      </c>
      <c r="K28" s="67">
        <v>45</v>
      </c>
      <c r="L28" s="79">
        <v>26</v>
      </c>
      <c r="M28" s="80">
        <v>19</v>
      </c>
    </row>
    <row r="29" spans="1:13">
      <c r="A29" s="15" t="s">
        <v>48</v>
      </c>
      <c r="B29" s="67">
        <v>58</v>
      </c>
      <c r="C29" s="68">
        <v>49</v>
      </c>
      <c r="D29" s="68">
        <v>9</v>
      </c>
      <c r="E29" s="67">
        <v>0</v>
      </c>
      <c r="F29" s="68">
        <v>0</v>
      </c>
      <c r="G29" s="69">
        <v>0</v>
      </c>
      <c r="H29" s="68">
        <v>168</v>
      </c>
      <c r="I29" s="68">
        <v>100</v>
      </c>
      <c r="J29" s="68">
        <v>68</v>
      </c>
      <c r="K29" s="67">
        <v>110</v>
      </c>
      <c r="L29" s="79">
        <v>51</v>
      </c>
      <c r="M29" s="80">
        <v>59</v>
      </c>
    </row>
    <row r="30" spans="1:13" ht="21" customHeight="1">
      <c r="A30" s="36" t="s">
        <v>50</v>
      </c>
      <c r="B30" s="64">
        <v>152</v>
      </c>
      <c r="C30" s="65">
        <v>102</v>
      </c>
      <c r="D30" s="65">
        <v>50</v>
      </c>
      <c r="E30" s="64">
        <v>0</v>
      </c>
      <c r="F30" s="65">
        <v>0</v>
      </c>
      <c r="G30" s="66">
        <v>0</v>
      </c>
      <c r="H30" s="65">
        <v>1295</v>
      </c>
      <c r="I30" s="65">
        <v>732</v>
      </c>
      <c r="J30" s="65">
        <v>563</v>
      </c>
      <c r="K30" s="64">
        <v>1143</v>
      </c>
      <c r="L30" s="77">
        <v>630</v>
      </c>
      <c r="M30" s="78">
        <v>513</v>
      </c>
    </row>
    <row r="31" spans="1:13">
      <c r="A31" s="15" t="s">
        <v>52</v>
      </c>
      <c r="B31" s="67">
        <v>11</v>
      </c>
      <c r="C31" s="68">
        <v>3</v>
      </c>
      <c r="D31" s="68">
        <v>8</v>
      </c>
      <c r="E31" s="67">
        <v>0</v>
      </c>
      <c r="F31" s="68">
        <v>0</v>
      </c>
      <c r="G31" s="69">
        <v>0</v>
      </c>
      <c r="H31" s="68">
        <v>114</v>
      </c>
      <c r="I31" s="68">
        <v>69</v>
      </c>
      <c r="J31" s="68">
        <v>45</v>
      </c>
      <c r="K31" s="67">
        <v>103</v>
      </c>
      <c r="L31" s="79">
        <v>66</v>
      </c>
      <c r="M31" s="80">
        <v>37</v>
      </c>
    </row>
    <row r="32" spans="1:13">
      <c r="A32" s="15" t="s">
        <v>54</v>
      </c>
      <c r="B32" s="67">
        <v>13</v>
      </c>
      <c r="C32" s="68">
        <v>20</v>
      </c>
      <c r="D32" s="68">
        <v>-7</v>
      </c>
      <c r="E32" s="67">
        <v>0</v>
      </c>
      <c r="F32" s="68">
        <v>0</v>
      </c>
      <c r="G32" s="69">
        <v>0</v>
      </c>
      <c r="H32" s="68">
        <v>178</v>
      </c>
      <c r="I32" s="68">
        <v>111</v>
      </c>
      <c r="J32" s="68">
        <v>67</v>
      </c>
      <c r="K32" s="67">
        <v>165</v>
      </c>
      <c r="L32" s="79">
        <v>91</v>
      </c>
      <c r="M32" s="80">
        <v>74</v>
      </c>
    </row>
    <row r="33" spans="1:13">
      <c r="A33" s="15" t="s">
        <v>56</v>
      </c>
      <c r="B33" s="67">
        <v>17</v>
      </c>
      <c r="C33" s="68">
        <v>-8</v>
      </c>
      <c r="D33" s="68">
        <v>25</v>
      </c>
      <c r="E33" s="67">
        <v>0</v>
      </c>
      <c r="F33" s="68">
        <v>0</v>
      </c>
      <c r="G33" s="69">
        <v>0</v>
      </c>
      <c r="H33" s="68">
        <v>229</v>
      </c>
      <c r="I33" s="68">
        <v>117</v>
      </c>
      <c r="J33" s="68">
        <v>112</v>
      </c>
      <c r="K33" s="67">
        <v>212</v>
      </c>
      <c r="L33" s="79">
        <v>125</v>
      </c>
      <c r="M33" s="80">
        <v>87</v>
      </c>
    </row>
    <row r="34" spans="1:13">
      <c r="A34" s="15" t="s">
        <v>58</v>
      </c>
      <c r="B34" s="67">
        <v>60</v>
      </c>
      <c r="C34" s="68">
        <v>49</v>
      </c>
      <c r="D34" s="68">
        <v>11</v>
      </c>
      <c r="E34" s="67">
        <v>0</v>
      </c>
      <c r="F34" s="68">
        <v>0</v>
      </c>
      <c r="G34" s="69">
        <v>0</v>
      </c>
      <c r="H34" s="68">
        <v>413</v>
      </c>
      <c r="I34" s="68">
        <v>227</v>
      </c>
      <c r="J34" s="68">
        <v>186</v>
      </c>
      <c r="K34" s="67">
        <v>353</v>
      </c>
      <c r="L34" s="79">
        <v>178</v>
      </c>
      <c r="M34" s="80">
        <v>175</v>
      </c>
    </row>
    <row r="35" spans="1:13">
      <c r="A35" s="15" t="s">
        <v>60</v>
      </c>
      <c r="B35" s="67">
        <v>51</v>
      </c>
      <c r="C35" s="68">
        <v>38</v>
      </c>
      <c r="D35" s="68">
        <v>13</v>
      </c>
      <c r="E35" s="67">
        <v>0</v>
      </c>
      <c r="F35" s="68">
        <v>0</v>
      </c>
      <c r="G35" s="69">
        <v>0</v>
      </c>
      <c r="H35" s="68">
        <v>361</v>
      </c>
      <c r="I35" s="68">
        <v>208</v>
      </c>
      <c r="J35" s="68">
        <v>153</v>
      </c>
      <c r="K35" s="67">
        <v>310</v>
      </c>
      <c r="L35" s="79">
        <v>170</v>
      </c>
      <c r="M35" s="80">
        <v>140</v>
      </c>
    </row>
    <row r="36" spans="1:13" ht="21" customHeight="1">
      <c r="A36" s="36" t="s">
        <v>62</v>
      </c>
      <c r="B36" s="64">
        <v>-70</v>
      </c>
      <c r="C36" s="65">
        <v>-32</v>
      </c>
      <c r="D36" s="65">
        <v>-38</v>
      </c>
      <c r="E36" s="64">
        <v>4</v>
      </c>
      <c r="F36" s="65">
        <v>3</v>
      </c>
      <c r="G36" s="66">
        <v>1</v>
      </c>
      <c r="H36" s="65">
        <v>1766</v>
      </c>
      <c r="I36" s="65">
        <v>939</v>
      </c>
      <c r="J36" s="65">
        <v>827</v>
      </c>
      <c r="K36" s="64">
        <v>1832</v>
      </c>
      <c r="L36" s="77">
        <v>968</v>
      </c>
      <c r="M36" s="78">
        <v>864</v>
      </c>
    </row>
    <row r="37" spans="1:13">
      <c r="A37" s="15" t="s">
        <v>64</v>
      </c>
      <c r="B37" s="67">
        <v>8</v>
      </c>
      <c r="C37" s="68">
        <v>16</v>
      </c>
      <c r="D37" s="68">
        <v>-8</v>
      </c>
      <c r="E37" s="67">
        <v>1</v>
      </c>
      <c r="F37" s="68">
        <v>1</v>
      </c>
      <c r="G37" s="69">
        <v>0</v>
      </c>
      <c r="H37" s="68">
        <v>373</v>
      </c>
      <c r="I37" s="68">
        <v>212</v>
      </c>
      <c r="J37" s="68">
        <v>161</v>
      </c>
      <c r="K37" s="67">
        <v>364</v>
      </c>
      <c r="L37" s="79">
        <v>195</v>
      </c>
      <c r="M37" s="80">
        <v>169</v>
      </c>
    </row>
    <row r="38" spans="1:13">
      <c r="A38" s="15" t="s">
        <v>66</v>
      </c>
      <c r="B38" s="67">
        <v>-28</v>
      </c>
      <c r="C38" s="68">
        <v>-4</v>
      </c>
      <c r="D38" s="68">
        <v>-24</v>
      </c>
      <c r="E38" s="67">
        <v>1</v>
      </c>
      <c r="F38" s="68">
        <v>0</v>
      </c>
      <c r="G38" s="69">
        <v>1</v>
      </c>
      <c r="H38" s="68">
        <v>357</v>
      </c>
      <c r="I38" s="68">
        <v>199</v>
      </c>
      <c r="J38" s="68">
        <v>158</v>
      </c>
      <c r="K38" s="67">
        <v>384</v>
      </c>
      <c r="L38" s="79">
        <v>203</v>
      </c>
      <c r="M38" s="80">
        <v>181</v>
      </c>
    </row>
    <row r="39" spans="1:13">
      <c r="A39" s="15" t="s">
        <v>68</v>
      </c>
      <c r="B39" s="67">
        <v>-21</v>
      </c>
      <c r="C39" s="68">
        <v>1</v>
      </c>
      <c r="D39" s="68">
        <v>-22</v>
      </c>
      <c r="E39" s="67">
        <v>0</v>
      </c>
      <c r="F39" s="68">
        <v>0</v>
      </c>
      <c r="G39" s="69">
        <v>0</v>
      </c>
      <c r="H39" s="68">
        <v>337</v>
      </c>
      <c r="I39" s="68">
        <v>186</v>
      </c>
      <c r="J39" s="68">
        <v>151</v>
      </c>
      <c r="K39" s="67">
        <v>358</v>
      </c>
      <c r="L39" s="79">
        <v>185</v>
      </c>
      <c r="M39" s="80">
        <v>173</v>
      </c>
    </row>
    <row r="40" spans="1:13">
      <c r="A40" s="15" t="s">
        <v>70</v>
      </c>
      <c r="B40" s="67">
        <v>19</v>
      </c>
      <c r="C40" s="68">
        <v>-5</v>
      </c>
      <c r="D40" s="68">
        <v>24</v>
      </c>
      <c r="E40" s="67">
        <v>1</v>
      </c>
      <c r="F40" s="68">
        <v>1</v>
      </c>
      <c r="G40" s="69">
        <v>0</v>
      </c>
      <c r="H40" s="68">
        <v>391</v>
      </c>
      <c r="I40" s="68">
        <v>194</v>
      </c>
      <c r="J40" s="68">
        <v>197</v>
      </c>
      <c r="K40" s="67">
        <v>371</v>
      </c>
      <c r="L40" s="79">
        <v>198</v>
      </c>
      <c r="M40" s="80">
        <v>173</v>
      </c>
    </row>
    <row r="41" spans="1:13">
      <c r="A41" s="15" t="s">
        <v>72</v>
      </c>
      <c r="B41" s="67">
        <v>-48</v>
      </c>
      <c r="C41" s="68">
        <v>-40</v>
      </c>
      <c r="D41" s="68">
        <v>-8</v>
      </c>
      <c r="E41" s="67">
        <v>1</v>
      </c>
      <c r="F41" s="68">
        <v>1</v>
      </c>
      <c r="G41" s="69">
        <v>0</v>
      </c>
      <c r="H41" s="68">
        <v>308</v>
      </c>
      <c r="I41" s="68">
        <v>148</v>
      </c>
      <c r="J41" s="68">
        <v>160</v>
      </c>
      <c r="K41" s="67">
        <v>355</v>
      </c>
      <c r="L41" s="79">
        <v>187</v>
      </c>
      <c r="M41" s="80">
        <v>168</v>
      </c>
    </row>
    <row r="42" spans="1:13" ht="21" customHeight="1">
      <c r="A42" s="36" t="s">
        <v>74</v>
      </c>
      <c r="B42" s="64">
        <v>-97</v>
      </c>
      <c r="C42" s="65">
        <v>-47</v>
      </c>
      <c r="D42" s="65">
        <v>-50</v>
      </c>
      <c r="E42" s="64">
        <v>2</v>
      </c>
      <c r="F42" s="65">
        <v>1</v>
      </c>
      <c r="G42" s="66">
        <v>1</v>
      </c>
      <c r="H42" s="65">
        <v>1195</v>
      </c>
      <c r="I42" s="65">
        <v>649</v>
      </c>
      <c r="J42" s="65">
        <v>546</v>
      </c>
      <c r="K42" s="64">
        <v>1290</v>
      </c>
      <c r="L42" s="77">
        <v>695</v>
      </c>
      <c r="M42" s="78">
        <v>595</v>
      </c>
    </row>
    <row r="43" spans="1:13">
      <c r="A43" s="15" t="s">
        <v>76</v>
      </c>
      <c r="B43" s="67">
        <v>-57</v>
      </c>
      <c r="C43" s="68">
        <v>-13</v>
      </c>
      <c r="D43" s="68">
        <v>-44</v>
      </c>
      <c r="E43" s="67">
        <v>0</v>
      </c>
      <c r="F43" s="68">
        <v>0</v>
      </c>
      <c r="G43" s="69">
        <v>0</v>
      </c>
      <c r="H43" s="68">
        <v>266</v>
      </c>
      <c r="I43" s="68">
        <v>152</v>
      </c>
      <c r="J43" s="68">
        <v>114</v>
      </c>
      <c r="K43" s="67">
        <v>323</v>
      </c>
      <c r="L43" s="79">
        <v>165</v>
      </c>
      <c r="M43" s="80">
        <v>158</v>
      </c>
    </row>
    <row r="44" spans="1:13">
      <c r="A44" s="15" t="s">
        <v>78</v>
      </c>
      <c r="B44" s="67">
        <v>-15</v>
      </c>
      <c r="C44" s="68">
        <v>-11</v>
      </c>
      <c r="D44" s="68">
        <v>-4</v>
      </c>
      <c r="E44" s="67">
        <v>0</v>
      </c>
      <c r="F44" s="68">
        <v>0</v>
      </c>
      <c r="G44" s="69">
        <v>0</v>
      </c>
      <c r="H44" s="68">
        <v>277</v>
      </c>
      <c r="I44" s="68">
        <v>151</v>
      </c>
      <c r="J44" s="68">
        <v>126</v>
      </c>
      <c r="K44" s="67">
        <v>292</v>
      </c>
      <c r="L44" s="79">
        <v>162</v>
      </c>
      <c r="M44" s="80">
        <v>130</v>
      </c>
    </row>
    <row r="45" spans="1:13">
      <c r="A45" s="15" t="s">
        <v>80</v>
      </c>
      <c r="B45" s="67">
        <v>5</v>
      </c>
      <c r="C45" s="68">
        <v>-8</v>
      </c>
      <c r="D45" s="68">
        <v>13</v>
      </c>
      <c r="E45" s="67">
        <v>0</v>
      </c>
      <c r="F45" s="68">
        <v>0</v>
      </c>
      <c r="G45" s="69">
        <v>0</v>
      </c>
      <c r="H45" s="68">
        <v>248</v>
      </c>
      <c r="I45" s="68">
        <v>130</v>
      </c>
      <c r="J45" s="68">
        <v>118</v>
      </c>
      <c r="K45" s="67">
        <v>243</v>
      </c>
      <c r="L45" s="79">
        <v>138</v>
      </c>
      <c r="M45" s="80">
        <v>105</v>
      </c>
    </row>
    <row r="46" spans="1:13">
      <c r="A46" s="15" t="s">
        <v>82</v>
      </c>
      <c r="B46" s="67">
        <v>-20</v>
      </c>
      <c r="C46" s="68">
        <v>-8</v>
      </c>
      <c r="D46" s="68">
        <v>-12</v>
      </c>
      <c r="E46" s="67">
        <v>0</v>
      </c>
      <c r="F46" s="68">
        <v>0</v>
      </c>
      <c r="G46" s="69">
        <v>0</v>
      </c>
      <c r="H46" s="68">
        <v>214</v>
      </c>
      <c r="I46" s="68">
        <v>118</v>
      </c>
      <c r="J46" s="68">
        <v>96</v>
      </c>
      <c r="K46" s="67">
        <v>234</v>
      </c>
      <c r="L46" s="79">
        <v>126</v>
      </c>
      <c r="M46" s="80">
        <v>108</v>
      </c>
    </row>
    <row r="47" spans="1:13">
      <c r="A47" s="15" t="s">
        <v>84</v>
      </c>
      <c r="B47" s="67">
        <v>-10</v>
      </c>
      <c r="C47" s="68">
        <v>-7</v>
      </c>
      <c r="D47" s="68">
        <v>-3</v>
      </c>
      <c r="E47" s="67">
        <v>2</v>
      </c>
      <c r="F47" s="68">
        <v>1</v>
      </c>
      <c r="G47" s="69">
        <v>1</v>
      </c>
      <c r="H47" s="68">
        <v>190</v>
      </c>
      <c r="I47" s="68">
        <v>98</v>
      </c>
      <c r="J47" s="68">
        <v>92</v>
      </c>
      <c r="K47" s="67">
        <v>198</v>
      </c>
      <c r="L47" s="79">
        <v>104</v>
      </c>
      <c r="M47" s="80">
        <v>94</v>
      </c>
    </row>
    <row r="48" spans="1:13" ht="21" customHeight="1">
      <c r="A48" s="36" t="s">
        <v>86</v>
      </c>
      <c r="B48" s="64">
        <v>45</v>
      </c>
      <c r="C48" s="65">
        <v>35</v>
      </c>
      <c r="D48" s="65">
        <v>10</v>
      </c>
      <c r="E48" s="64">
        <v>7</v>
      </c>
      <c r="F48" s="65">
        <v>5</v>
      </c>
      <c r="G48" s="66">
        <v>2</v>
      </c>
      <c r="H48" s="65">
        <v>840</v>
      </c>
      <c r="I48" s="65">
        <v>486</v>
      </c>
      <c r="J48" s="65">
        <v>354</v>
      </c>
      <c r="K48" s="64">
        <v>788</v>
      </c>
      <c r="L48" s="77">
        <v>446</v>
      </c>
      <c r="M48" s="78">
        <v>342</v>
      </c>
    </row>
    <row r="49" spans="1:13">
      <c r="A49" s="15" t="s">
        <v>88</v>
      </c>
      <c r="B49" s="67">
        <v>-12</v>
      </c>
      <c r="C49" s="68">
        <v>-22</v>
      </c>
      <c r="D49" s="68">
        <v>10</v>
      </c>
      <c r="E49" s="67">
        <v>1</v>
      </c>
      <c r="F49" s="68">
        <v>1</v>
      </c>
      <c r="G49" s="69">
        <v>0</v>
      </c>
      <c r="H49" s="68">
        <v>197</v>
      </c>
      <c r="I49" s="68">
        <v>106</v>
      </c>
      <c r="J49" s="68">
        <v>91</v>
      </c>
      <c r="K49" s="67">
        <v>208</v>
      </c>
      <c r="L49" s="79">
        <v>127</v>
      </c>
      <c r="M49" s="80">
        <v>81</v>
      </c>
    </row>
    <row r="50" spans="1:13">
      <c r="A50" s="15" t="s">
        <v>90</v>
      </c>
      <c r="B50" s="67">
        <v>32</v>
      </c>
      <c r="C50" s="68">
        <v>12</v>
      </c>
      <c r="D50" s="68">
        <v>20</v>
      </c>
      <c r="E50" s="67">
        <v>1</v>
      </c>
      <c r="F50" s="68">
        <v>1</v>
      </c>
      <c r="G50" s="69">
        <v>0</v>
      </c>
      <c r="H50" s="68">
        <v>188</v>
      </c>
      <c r="I50" s="68">
        <v>101</v>
      </c>
      <c r="J50" s="68">
        <v>87</v>
      </c>
      <c r="K50" s="67">
        <v>155</v>
      </c>
      <c r="L50" s="79">
        <v>88</v>
      </c>
      <c r="M50" s="80">
        <v>67</v>
      </c>
    </row>
    <row r="51" spans="1:13">
      <c r="A51" s="15" t="s">
        <v>92</v>
      </c>
      <c r="B51" s="67">
        <v>-10</v>
      </c>
      <c r="C51" s="68">
        <v>-1</v>
      </c>
      <c r="D51" s="68">
        <v>-9</v>
      </c>
      <c r="E51" s="67">
        <v>0</v>
      </c>
      <c r="F51" s="68">
        <v>0</v>
      </c>
      <c r="G51" s="69">
        <v>0</v>
      </c>
      <c r="H51" s="68">
        <v>145</v>
      </c>
      <c r="I51" s="68">
        <v>86</v>
      </c>
      <c r="J51" s="68">
        <v>59</v>
      </c>
      <c r="K51" s="67">
        <v>155</v>
      </c>
      <c r="L51" s="79">
        <v>87</v>
      </c>
      <c r="M51" s="80">
        <v>68</v>
      </c>
    </row>
    <row r="52" spans="1:13">
      <c r="A52" s="15" t="s">
        <v>94</v>
      </c>
      <c r="B52" s="67">
        <v>18</v>
      </c>
      <c r="C52" s="68">
        <v>15</v>
      </c>
      <c r="D52" s="68">
        <v>3</v>
      </c>
      <c r="E52" s="67">
        <v>4</v>
      </c>
      <c r="F52" s="68">
        <v>3</v>
      </c>
      <c r="G52" s="69">
        <v>1</v>
      </c>
      <c r="H52" s="68">
        <v>162</v>
      </c>
      <c r="I52" s="68">
        <v>97</v>
      </c>
      <c r="J52" s="68">
        <v>65</v>
      </c>
      <c r="K52" s="67">
        <v>140</v>
      </c>
      <c r="L52" s="79">
        <v>79</v>
      </c>
      <c r="M52" s="80">
        <v>61</v>
      </c>
    </row>
    <row r="53" spans="1:13">
      <c r="A53" s="15" t="s">
        <v>96</v>
      </c>
      <c r="B53" s="67">
        <v>17</v>
      </c>
      <c r="C53" s="68">
        <v>31</v>
      </c>
      <c r="D53" s="68">
        <v>-14</v>
      </c>
      <c r="E53" s="67">
        <v>1</v>
      </c>
      <c r="F53" s="68">
        <v>0</v>
      </c>
      <c r="G53" s="69">
        <v>1</v>
      </c>
      <c r="H53" s="68">
        <v>148</v>
      </c>
      <c r="I53" s="68">
        <v>96</v>
      </c>
      <c r="J53" s="68">
        <v>52</v>
      </c>
      <c r="K53" s="67">
        <v>130</v>
      </c>
      <c r="L53" s="79">
        <v>65</v>
      </c>
      <c r="M53" s="80">
        <v>65</v>
      </c>
    </row>
    <row r="54" spans="1:13" ht="21" customHeight="1">
      <c r="A54" s="36" t="s">
        <v>98</v>
      </c>
      <c r="B54" s="64">
        <v>44</v>
      </c>
      <c r="C54" s="65">
        <v>36</v>
      </c>
      <c r="D54" s="65">
        <v>8</v>
      </c>
      <c r="E54" s="64">
        <v>13</v>
      </c>
      <c r="F54" s="65">
        <v>11</v>
      </c>
      <c r="G54" s="66">
        <v>2</v>
      </c>
      <c r="H54" s="65">
        <v>551</v>
      </c>
      <c r="I54" s="65">
        <v>322</v>
      </c>
      <c r="J54" s="65">
        <v>229</v>
      </c>
      <c r="K54" s="64">
        <v>494</v>
      </c>
      <c r="L54" s="77">
        <v>275</v>
      </c>
      <c r="M54" s="78">
        <v>219</v>
      </c>
    </row>
    <row r="55" spans="1:13">
      <c r="A55" s="15" t="s">
        <v>100</v>
      </c>
      <c r="B55" s="67">
        <v>-21</v>
      </c>
      <c r="C55" s="68">
        <v>-10</v>
      </c>
      <c r="D55" s="68">
        <v>-11</v>
      </c>
      <c r="E55" s="67">
        <v>4</v>
      </c>
      <c r="F55" s="68">
        <v>3</v>
      </c>
      <c r="G55" s="69">
        <v>1</v>
      </c>
      <c r="H55" s="68">
        <v>110</v>
      </c>
      <c r="I55" s="68">
        <v>62</v>
      </c>
      <c r="J55" s="68">
        <v>48</v>
      </c>
      <c r="K55" s="67">
        <v>127</v>
      </c>
      <c r="L55" s="79">
        <v>69</v>
      </c>
      <c r="M55" s="80">
        <v>58</v>
      </c>
    </row>
    <row r="56" spans="1:13">
      <c r="A56" s="15" t="s">
        <v>102</v>
      </c>
      <c r="B56" s="67">
        <v>4</v>
      </c>
      <c r="C56" s="68">
        <v>-2</v>
      </c>
      <c r="D56" s="68">
        <v>6</v>
      </c>
      <c r="E56" s="67">
        <v>3</v>
      </c>
      <c r="F56" s="68">
        <v>2</v>
      </c>
      <c r="G56" s="69">
        <v>1</v>
      </c>
      <c r="H56" s="68">
        <v>125</v>
      </c>
      <c r="I56" s="68">
        <v>66</v>
      </c>
      <c r="J56" s="68">
        <v>59</v>
      </c>
      <c r="K56" s="67">
        <v>118</v>
      </c>
      <c r="L56" s="79">
        <v>66</v>
      </c>
      <c r="M56" s="80">
        <v>52</v>
      </c>
    </row>
    <row r="57" spans="1:13">
      <c r="A57" s="15" t="s">
        <v>104</v>
      </c>
      <c r="B57" s="67">
        <v>3</v>
      </c>
      <c r="C57" s="68">
        <v>1</v>
      </c>
      <c r="D57" s="68">
        <v>2</v>
      </c>
      <c r="E57" s="67">
        <v>0</v>
      </c>
      <c r="F57" s="68">
        <v>0</v>
      </c>
      <c r="G57" s="69">
        <v>0</v>
      </c>
      <c r="H57" s="68">
        <v>106</v>
      </c>
      <c r="I57" s="68">
        <v>60</v>
      </c>
      <c r="J57" s="68">
        <v>46</v>
      </c>
      <c r="K57" s="67">
        <v>103</v>
      </c>
      <c r="L57" s="79">
        <v>59</v>
      </c>
      <c r="M57" s="80">
        <v>44</v>
      </c>
    </row>
    <row r="58" spans="1:13">
      <c r="A58" s="15" t="s">
        <v>106</v>
      </c>
      <c r="B58" s="67">
        <v>37</v>
      </c>
      <c r="C58" s="68">
        <v>33</v>
      </c>
      <c r="D58" s="68">
        <v>4</v>
      </c>
      <c r="E58" s="67">
        <v>2</v>
      </c>
      <c r="F58" s="68">
        <v>2</v>
      </c>
      <c r="G58" s="69">
        <v>0</v>
      </c>
      <c r="H58" s="68">
        <v>111</v>
      </c>
      <c r="I58" s="68">
        <v>71</v>
      </c>
      <c r="J58" s="68">
        <v>40</v>
      </c>
      <c r="K58" s="67">
        <v>72</v>
      </c>
      <c r="L58" s="79">
        <v>36</v>
      </c>
      <c r="M58" s="80">
        <v>36</v>
      </c>
    </row>
    <row r="59" spans="1:13">
      <c r="A59" s="15" t="s">
        <v>108</v>
      </c>
      <c r="B59" s="67">
        <v>21</v>
      </c>
      <c r="C59" s="68">
        <v>14</v>
      </c>
      <c r="D59" s="68">
        <v>7</v>
      </c>
      <c r="E59" s="67">
        <v>4</v>
      </c>
      <c r="F59" s="68">
        <v>4</v>
      </c>
      <c r="G59" s="69">
        <v>0</v>
      </c>
      <c r="H59" s="68">
        <v>99</v>
      </c>
      <c r="I59" s="68">
        <v>63</v>
      </c>
      <c r="J59" s="68">
        <v>36</v>
      </c>
      <c r="K59" s="67">
        <v>74</v>
      </c>
      <c r="L59" s="79">
        <v>45</v>
      </c>
      <c r="M59" s="80">
        <v>29</v>
      </c>
    </row>
    <row r="60" spans="1:13" ht="21" customHeight="1">
      <c r="A60" s="36" t="s">
        <v>110</v>
      </c>
      <c r="B60" s="64">
        <v>-23</v>
      </c>
      <c r="C60" s="65">
        <v>-19</v>
      </c>
      <c r="D60" s="65">
        <v>-4</v>
      </c>
      <c r="E60" s="64">
        <v>19</v>
      </c>
      <c r="F60" s="65">
        <v>12</v>
      </c>
      <c r="G60" s="66">
        <v>7</v>
      </c>
      <c r="H60" s="65">
        <v>442</v>
      </c>
      <c r="I60" s="65">
        <v>254</v>
      </c>
      <c r="J60" s="65">
        <v>188</v>
      </c>
      <c r="K60" s="64">
        <v>446</v>
      </c>
      <c r="L60" s="77">
        <v>261</v>
      </c>
      <c r="M60" s="78">
        <v>185</v>
      </c>
    </row>
    <row r="61" spans="1:13">
      <c r="A61" s="15" t="s">
        <v>112</v>
      </c>
      <c r="B61" s="67">
        <v>16</v>
      </c>
      <c r="C61" s="68">
        <v>8</v>
      </c>
      <c r="D61" s="68">
        <v>8</v>
      </c>
      <c r="E61" s="67">
        <v>1</v>
      </c>
      <c r="F61" s="68">
        <v>0</v>
      </c>
      <c r="G61" s="69">
        <v>1</v>
      </c>
      <c r="H61" s="68">
        <v>107</v>
      </c>
      <c r="I61" s="68">
        <v>62</v>
      </c>
      <c r="J61" s="68">
        <v>45</v>
      </c>
      <c r="K61" s="67">
        <v>90</v>
      </c>
      <c r="L61" s="79">
        <v>54</v>
      </c>
      <c r="M61" s="80">
        <v>36</v>
      </c>
    </row>
    <row r="62" spans="1:13">
      <c r="A62" s="15" t="s">
        <v>114</v>
      </c>
      <c r="B62" s="67">
        <v>-5</v>
      </c>
      <c r="C62" s="68">
        <v>-6</v>
      </c>
      <c r="D62" s="68">
        <v>1</v>
      </c>
      <c r="E62" s="67">
        <v>7</v>
      </c>
      <c r="F62" s="68">
        <v>5</v>
      </c>
      <c r="G62" s="69">
        <v>2</v>
      </c>
      <c r="H62" s="68">
        <v>79</v>
      </c>
      <c r="I62" s="68">
        <v>45</v>
      </c>
      <c r="J62" s="68">
        <v>34</v>
      </c>
      <c r="K62" s="67">
        <v>77</v>
      </c>
      <c r="L62" s="79">
        <v>46</v>
      </c>
      <c r="M62" s="80">
        <v>31</v>
      </c>
    </row>
    <row r="63" spans="1:13">
      <c r="A63" s="15" t="s">
        <v>116</v>
      </c>
      <c r="B63" s="67">
        <v>-2</v>
      </c>
      <c r="C63" s="68">
        <v>-5</v>
      </c>
      <c r="D63" s="68">
        <v>3</v>
      </c>
      <c r="E63" s="67">
        <v>5</v>
      </c>
      <c r="F63" s="68">
        <v>3</v>
      </c>
      <c r="G63" s="69">
        <v>2</v>
      </c>
      <c r="H63" s="68">
        <v>91</v>
      </c>
      <c r="I63" s="68">
        <v>57</v>
      </c>
      <c r="J63" s="68">
        <v>34</v>
      </c>
      <c r="K63" s="67">
        <v>88</v>
      </c>
      <c r="L63" s="79">
        <v>59</v>
      </c>
      <c r="M63" s="80">
        <v>29</v>
      </c>
    </row>
    <row r="64" spans="1:13">
      <c r="A64" s="15" t="s">
        <v>118</v>
      </c>
      <c r="B64" s="67">
        <v>-3</v>
      </c>
      <c r="C64" s="68">
        <v>0</v>
      </c>
      <c r="D64" s="68">
        <v>-3</v>
      </c>
      <c r="E64" s="67">
        <v>3</v>
      </c>
      <c r="F64" s="68">
        <v>2</v>
      </c>
      <c r="G64" s="69">
        <v>1</v>
      </c>
      <c r="H64" s="68">
        <v>85</v>
      </c>
      <c r="I64" s="68">
        <v>47</v>
      </c>
      <c r="J64" s="68">
        <v>38</v>
      </c>
      <c r="K64" s="67">
        <v>85</v>
      </c>
      <c r="L64" s="79">
        <v>45</v>
      </c>
      <c r="M64" s="80">
        <v>40</v>
      </c>
    </row>
    <row r="65" spans="1:13">
      <c r="A65" s="19" t="s">
        <v>120</v>
      </c>
      <c r="B65" s="70">
        <v>-29</v>
      </c>
      <c r="C65" s="71">
        <v>-16</v>
      </c>
      <c r="D65" s="71">
        <v>-13</v>
      </c>
      <c r="E65" s="70">
        <v>3</v>
      </c>
      <c r="F65" s="71">
        <v>2</v>
      </c>
      <c r="G65" s="72">
        <v>1</v>
      </c>
      <c r="H65" s="71">
        <v>80</v>
      </c>
      <c r="I65" s="71">
        <v>43</v>
      </c>
      <c r="J65" s="71">
        <v>37</v>
      </c>
      <c r="K65" s="70">
        <v>106</v>
      </c>
      <c r="L65" s="81">
        <v>57</v>
      </c>
      <c r="M65" s="82">
        <v>49</v>
      </c>
    </row>
    <row r="66" spans="1:13" ht="15.75" customHeight="1">
      <c r="A66" s="5"/>
      <c r="B66" s="20"/>
      <c r="C66" s="20"/>
      <c r="D66" s="20"/>
      <c r="E66" s="21"/>
      <c r="F66" s="21"/>
      <c r="G66" s="21"/>
      <c r="H66" s="21"/>
      <c r="I66" s="21"/>
      <c r="J66" s="21"/>
      <c r="K66" s="17"/>
      <c r="L66" s="12"/>
      <c r="M66" s="12"/>
    </row>
    <row r="67" spans="1:13" ht="15" customHeight="1">
      <c r="A67" s="22"/>
      <c r="B67" s="53" t="s">
        <v>229</v>
      </c>
      <c r="C67" s="54"/>
      <c r="D67" s="55"/>
      <c r="E67" s="23"/>
      <c r="F67" s="21"/>
      <c r="G67" s="21"/>
      <c r="H67" s="21"/>
      <c r="I67" s="21"/>
      <c r="J67" s="21"/>
      <c r="K67" s="17"/>
      <c r="L67" s="12"/>
      <c r="M67" s="12"/>
    </row>
    <row r="68" spans="1:13" ht="15" customHeight="1">
      <c r="A68" s="8"/>
      <c r="B68" s="9" t="s">
        <v>131</v>
      </c>
      <c r="C68" s="10" t="s">
        <v>133</v>
      </c>
      <c r="D68" s="10" t="s">
        <v>135</v>
      </c>
      <c r="E68" s="21"/>
      <c r="F68" s="21"/>
      <c r="G68" s="21"/>
      <c r="H68" s="21"/>
      <c r="I68" s="21"/>
      <c r="J68" s="21"/>
      <c r="K68" s="17"/>
      <c r="L68" s="12"/>
      <c r="M68" s="12"/>
    </row>
    <row r="69" spans="1:13" ht="21" customHeight="1">
      <c r="A69" s="37" t="s">
        <v>1</v>
      </c>
      <c r="B69" s="83">
        <v>977</v>
      </c>
      <c r="C69" s="50">
        <v>495</v>
      </c>
      <c r="D69" s="84">
        <v>482</v>
      </c>
      <c r="E69" s="21"/>
      <c r="F69" s="21"/>
      <c r="G69" s="21"/>
      <c r="H69" s="21"/>
      <c r="I69" s="21"/>
      <c r="J69" s="21"/>
      <c r="K69" s="17"/>
      <c r="L69" s="12"/>
      <c r="M69" s="12"/>
    </row>
    <row r="70" spans="1:13" ht="24" customHeight="1">
      <c r="A70" s="56" t="s">
        <v>139</v>
      </c>
      <c r="B70" s="56"/>
      <c r="C70" s="56"/>
      <c r="D70" s="56"/>
      <c r="E70" s="56"/>
      <c r="F70" s="56"/>
      <c r="G70" s="56"/>
      <c r="H70" s="56"/>
      <c r="I70" s="56"/>
      <c r="J70" s="56"/>
      <c r="K70" s="56"/>
      <c r="L70" s="56"/>
      <c r="M70" s="56"/>
    </row>
    <row r="71" spans="1:13" ht="18" customHeight="1">
      <c r="A71" s="30" t="s">
        <v>186</v>
      </c>
      <c r="B71" s="5"/>
      <c r="C71" s="5"/>
      <c r="D71" s="5"/>
      <c r="E71" s="5"/>
      <c r="F71" s="5"/>
      <c r="G71" s="5"/>
      <c r="H71" s="5"/>
      <c r="I71" s="5"/>
      <c r="J71" s="5"/>
      <c r="K71" s="34" t="s">
        <v>235</v>
      </c>
      <c r="L71" s="6"/>
      <c r="M71" s="5"/>
    </row>
    <row r="72" spans="1:13" ht="15" customHeight="1">
      <c r="A72" s="7" t="s">
        <v>0</v>
      </c>
      <c r="B72" s="53" t="s">
        <v>219</v>
      </c>
      <c r="C72" s="54"/>
      <c r="D72" s="55"/>
      <c r="E72" s="53" t="s">
        <v>230</v>
      </c>
      <c r="F72" s="54"/>
      <c r="G72" s="55"/>
      <c r="H72" s="53" t="s">
        <v>231</v>
      </c>
      <c r="I72" s="54"/>
      <c r="J72" s="55"/>
      <c r="K72" s="53" t="s">
        <v>225</v>
      </c>
      <c r="L72" s="54"/>
      <c r="M72" s="55"/>
    </row>
    <row r="73" spans="1:13" ht="15" customHeight="1">
      <c r="A73" s="8" t="s">
        <v>141</v>
      </c>
      <c r="B73" s="9" t="s">
        <v>131</v>
      </c>
      <c r="C73" s="10" t="s">
        <v>133</v>
      </c>
      <c r="D73" s="9" t="s">
        <v>135</v>
      </c>
      <c r="E73" s="9" t="s">
        <v>136</v>
      </c>
      <c r="F73" s="9" t="s">
        <v>133</v>
      </c>
      <c r="G73" s="9" t="s">
        <v>135</v>
      </c>
      <c r="H73" s="9" t="s">
        <v>131</v>
      </c>
      <c r="I73" s="9" t="s">
        <v>133</v>
      </c>
      <c r="J73" s="9" t="s">
        <v>135</v>
      </c>
      <c r="K73" s="9" t="s">
        <v>131</v>
      </c>
      <c r="L73" s="9" t="s">
        <v>133</v>
      </c>
      <c r="M73" s="11" t="s">
        <v>135</v>
      </c>
    </row>
    <row r="74" spans="1:13" ht="14.25" customHeight="1">
      <c r="A74" s="14"/>
      <c r="B74" s="57"/>
      <c r="C74" s="58"/>
      <c r="D74" s="59"/>
      <c r="E74" s="57"/>
      <c r="F74" s="58"/>
      <c r="G74" s="59"/>
      <c r="H74" s="57"/>
      <c r="I74" s="58"/>
      <c r="J74" s="59"/>
      <c r="K74" s="57"/>
      <c r="L74" s="58"/>
      <c r="M74" s="59"/>
    </row>
    <row r="75" spans="1:13" ht="21" customHeight="1">
      <c r="A75" s="38" t="s">
        <v>3</v>
      </c>
      <c r="B75" s="64">
        <v>48</v>
      </c>
      <c r="C75" s="65">
        <v>40</v>
      </c>
      <c r="D75" s="65">
        <v>8</v>
      </c>
      <c r="E75" s="64">
        <v>31</v>
      </c>
      <c r="F75" s="65">
        <v>19</v>
      </c>
      <c r="G75" s="66">
        <v>12</v>
      </c>
      <c r="H75" s="65">
        <v>442</v>
      </c>
      <c r="I75" s="65">
        <v>264</v>
      </c>
      <c r="J75" s="65">
        <v>178</v>
      </c>
      <c r="K75" s="64">
        <v>363</v>
      </c>
      <c r="L75" s="77">
        <v>205</v>
      </c>
      <c r="M75" s="78">
        <v>158</v>
      </c>
    </row>
    <row r="76" spans="1:13">
      <c r="A76" s="27" t="s">
        <v>5</v>
      </c>
      <c r="B76" s="67">
        <v>15</v>
      </c>
      <c r="C76" s="68">
        <v>5</v>
      </c>
      <c r="D76" s="68">
        <v>10</v>
      </c>
      <c r="E76" s="67">
        <v>7</v>
      </c>
      <c r="F76" s="68">
        <v>3</v>
      </c>
      <c r="G76" s="69">
        <v>4</v>
      </c>
      <c r="H76" s="68">
        <v>106</v>
      </c>
      <c r="I76" s="68">
        <v>60</v>
      </c>
      <c r="J76" s="68">
        <v>46</v>
      </c>
      <c r="K76" s="67">
        <v>84</v>
      </c>
      <c r="L76" s="79">
        <v>52</v>
      </c>
      <c r="M76" s="80">
        <v>32</v>
      </c>
    </row>
    <row r="77" spans="1:13">
      <c r="A77" s="27" t="s">
        <v>7</v>
      </c>
      <c r="B77" s="67">
        <v>17</v>
      </c>
      <c r="C77" s="68">
        <v>6</v>
      </c>
      <c r="D77" s="68">
        <v>11</v>
      </c>
      <c r="E77" s="67">
        <v>6</v>
      </c>
      <c r="F77" s="68">
        <v>5</v>
      </c>
      <c r="G77" s="69">
        <v>1</v>
      </c>
      <c r="H77" s="68">
        <v>88</v>
      </c>
      <c r="I77" s="68">
        <v>51</v>
      </c>
      <c r="J77" s="68">
        <v>37</v>
      </c>
      <c r="K77" s="67">
        <v>65</v>
      </c>
      <c r="L77" s="79">
        <v>40</v>
      </c>
      <c r="M77" s="80">
        <v>25</v>
      </c>
    </row>
    <row r="78" spans="1:13">
      <c r="A78" s="27" t="s">
        <v>9</v>
      </c>
      <c r="B78" s="67">
        <v>-4</v>
      </c>
      <c r="C78" s="68">
        <v>8</v>
      </c>
      <c r="D78" s="68">
        <v>-12</v>
      </c>
      <c r="E78" s="67">
        <v>6</v>
      </c>
      <c r="F78" s="68">
        <v>2</v>
      </c>
      <c r="G78" s="69">
        <v>4</v>
      </c>
      <c r="H78" s="68">
        <v>79</v>
      </c>
      <c r="I78" s="68">
        <v>56</v>
      </c>
      <c r="J78" s="68">
        <v>23</v>
      </c>
      <c r="K78" s="67">
        <v>77</v>
      </c>
      <c r="L78" s="79">
        <v>46</v>
      </c>
      <c r="M78" s="80">
        <v>31</v>
      </c>
    </row>
    <row r="79" spans="1:13">
      <c r="A79" s="27" t="s">
        <v>11</v>
      </c>
      <c r="B79" s="67">
        <v>5</v>
      </c>
      <c r="C79" s="68">
        <v>6</v>
      </c>
      <c r="D79" s="68">
        <v>-1</v>
      </c>
      <c r="E79" s="67">
        <v>7</v>
      </c>
      <c r="F79" s="68">
        <v>5</v>
      </c>
      <c r="G79" s="69">
        <v>2</v>
      </c>
      <c r="H79" s="68">
        <v>85</v>
      </c>
      <c r="I79" s="68">
        <v>45</v>
      </c>
      <c r="J79" s="68">
        <v>40</v>
      </c>
      <c r="K79" s="67">
        <v>73</v>
      </c>
      <c r="L79" s="79">
        <v>34</v>
      </c>
      <c r="M79" s="80">
        <v>39</v>
      </c>
    </row>
    <row r="80" spans="1:13">
      <c r="A80" s="27" t="s">
        <v>13</v>
      </c>
      <c r="B80" s="67">
        <v>15</v>
      </c>
      <c r="C80" s="68">
        <v>15</v>
      </c>
      <c r="D80" s="68">
        <v>0</v>
      </c>
      <c r="E80" s="67">
        <v>5</v>
      </c>
      <c r="F80" s="68">
        <v>4</v>
      </c>
      <c r="G80" s="69">
        <v>1</v>
      </c>
      <c r="H80" s="68">
        <v>84</v>
      </c>
      <c r="I80" s="68">
        <v>52</v>
      </c>
      <c r="J80" s="68">
        <v>32</v>
      </c>
      <c r="K80" s="67">
        <v>64</v>
      </c>
      <c r="L80" s="79">
        <v>33</v>
      </c>
      <c r="M80" s="80">
        <v>31</v>
      </c>
    </row>
    <row r="81" spans="1:13" ht="21" customHeight="1">
      <c r="A81" s="38" t="s">
        <v>15</v>
      </c>
      <c r="B81" s="64">
        <v>-16</v>
      </c>
      <c r="C81" s="65">
        <v>-17</v>
      </c>
      <c r="D81" s="65">
        <v>1</v>
      </c>
      <c r="E81" s="64">
        <v>46</v>
      </c>
      <c r="F81" s="65">
        <v>35</v>
      </c>
      <c r="G81" s="66">
        <v>11</v>
      </c>
      <c r="H81" s="65">
        <v>316</v>
      </c>
      <c r="I81" s="65">
        <v>176</v>
      </c>
      <c r="J81" s="65">
        <v>140</v>
      </c>
      <c r="K81" s="64">
        <v>286</v>
      </c>
      <c r="L81" s="77">
        <v>158</v>
      </c>
      <c r="M81" s="78">
        <v>128</v>
      </c>
    </row>
    <row r="82" spans="1:13">
      <c r="A82" s="27" t="s">
        <v>17</v>
      </c>
      <c r="B82" s="67">
        <v>-10</v>
      </c>
      <c r="C82" s="68">
        <v>-9</v>
      </c>
      <c r="D82" s="68">
        <v>-1</v>
      </c>
      <c r="E82" s="67">
        <v>7</v>
      </c>
      <c r="F82" s="68">
        <v>7</v>
      </c>
      <c r="G82" s="69">
        <v>0</v>
      </c>
      <c r="H82" s="68">
        <v>70</v>
      </c>
      <c r="I82" s="68">
        <v>43</v>
      </c>
      <c r="J82" s="68">
        <v>27</v>
      </c>
      <c r="K82" s="67">
        <v>73</v>
      </c>
      <c r="L82" s="79">
        <v>45</v>
      </c>
      <c r="M82" s="80">
        <v>28</v>
      </c>
    </row>
    <row r="83" spans="1:13">
      <c r="A83" s="27" t="s">
        <v>19</v>
      </c>
      <c r="B83" s="67">
        <v>-12</v>
      </c>
      <c r="C83" s="68">
        <v>-15</v>
      </c>
      <c r="D83" s="68">
        <v>3</v>
      </c>
      <c r="E83" s="67">
        <v>8</v>
      </c>
      <c r="F83" s="68">
        <v>7</v>
      </c>
      <c r="G83" s="69">
        <v>1</v>
      </c>
      <c r="H83" s="68">
        <v>51</v>
      </c>
      <c r="I83" s="68">
        <v>22</v>
      </c>
      <c r="J83" s="68">
        <v>29</v>
      </c>
      <c r="K83" s="67">
        <v>55</v>
      </c>
      <c r="L83" s="79">
        <v>30</v>
      </c>
      <c r="M83" s="80">
        <v>25</v>
      </c>
    </row>
    <row r="84" spans="1:13">
      <c r="A84" s="27" t="s">
        <v>21</v>
      </c>
      <c r="B84" s="67">
        <v>7</v>
      </c>
      <c r="C84" s="68">
        <v>5</v>
      </c>
      <c r="D84" s="68">
        <v>2</v>
      </c>
      <c r="E84" s="67">
        <v>11</v>
      </c>
      <c r="F84" s="68">
        <v>6</v>
      </c>
      <c r="G84" s="69">
        <v>5</v>
      </c>
      <c r="H84" s="68">
        <v>71</v>
      </c>
      <c r="I84" s="68">
        <v>41</v>
      </c>
      <c r="J84" s="68">
        <v>30</v>
      </c>
      <c r="K84" s="67">
        <v>53</v>
      </c>
      <c r="L84" s="79">
        <v>30</v>
      </c>
      <c r="M84" s="80">
        <v>23</v>
      </c>
    </row>
    <row r="85" spans="1:13">
      <c r="A85" s="27" t="s">
        <v>23</v>
      </c>
      <c r="B85" s="67">
        <v>-3</v>
      </c>
      <c r="C85" s="68">
        <v>1</v>
      </c>
      <c r="D85" s="68">
        <v>-4</v>
      </c>
      <c r="E85" s="67">
        <v>10</v>
      </c>
      <c r="F85" s="68">
        <v>5</v>
      </c>
      <c r="G85" s="69">
        <v>5</v>
      </c>
      <c r="H85" s="68">
        <v>56</v>
      </c>
      <c r="I85" s="68">
        <v>27</v>
      </c>
      <c r="J85" s="68">
        <v>29</v>
      </c>
      <c r="K85" s="67">
        <v>49</v>
      </c>
      <c r="L85" s="79">
        <v>21</v>
      </c>
      <c r="M85" s="80">
        <v>28</v>
      </c>
    </row>
    <row r="86" spans="1:13">
      <c r="A86" s="27" t="s">
        <v>25</v>
      </c>
      <c r="B86" s="67">
        <v>2</v>
      </c>
      <c r="C86" s="68">
        <v>1</v>
      </c>
      <c r="D86" s="68">
        <v>1</v>
      </c>
      <c r="E86" s="67">
        <v>10</v>
      </c>
      <c r="F86" s="68">
        <v>10</v>
      </c>
      <c r="G86" s="69">
        <v>0</v>
      </c>
      <c r="H86" s="68">
        <v>68</v>
      </c>
      <c r="I86" s="68">
        <v>43</v>
      </c>
      <c r="J86" s="68">
        <v>25</v>
      </c>
      <c r="K86" s="67">
        <v>56</v>
      </c>
      <c r="L86" s="79">
        <v>32</v>
      </c>
      <c r="M86" s="80">
        <v>24</v>
      </c>
    </row>
    <row r="87" spans="1:13" ht="21" customHeight="1">
      <c r="A87" s="38" t="s">
        <v>27</v>
      </c>
      <c r="B87" s="64">
        <v>-77</v>
      </c>
      <c r="C87" s="65">
        <v>-69</v>
      </c>
      <c r="D87" s="65">
        <v>-8</v>
      </c>
      <c r="E87" s="64">
        <v>60</v>
      </c>
      <c r="F87" s="65">
        <v>45</v>
      </c>
      <c r="G87" s="66">
        <v>15</v>
      </c>
      <c r="H87" s="65">
        <v>210</v>
      </c>
      <c r="I87" s="65">
        <v>110</v>
      </c>
      <c r="J87" s="65">
        <v>100</v>
      </c>
      <c r="K87" s="64">
        <v>227</v>
      </c>
      <c r="L87" s="77">
        <v>134</v>
      </c>
      <c r="M87" s="78">
        <v>93</v>
      </c>
    </row>
    <row r="88" spans="1:13">
      <c r="A88" s="27" t="s">
        <v>29</v>
      </c>
      <c r="B88" s="67">
        <v>-6</v>
      </c>
      <c r="C88" s="68">
        <v>-9</v>
      </c>
      <c r="D88" s="68">
        <v>3</v>
      </c>
      <c r="E88" s="67">
        <v>12</v>
      </c>
      <c r="F88" s="68">
        <v>9</v>
      </c>
      <c r="G88" s="69">
        <v>3</v>
      </c>
      <c r="H88" s="68">
        <v>58</v>
      </c>
      <c r="I88" s="68">
        <v>23</v>
      </c>
      <c r="J88" s="68">
        <v>35</v>
      </c>
      <c r="K88" s="67">
        <v>52</v>
      </c>
      <c r="L88" s="79">
        <v>23</v>
      </c>
      <c r="M88" s="80">
        <v>29</v>
      </c>
    </row>
    <row r="89" spans="1:13">
      <c r="A89" s="27" t="s">
        <v>31</v>
      </c>
      <c r="B89" s="67">
        <v>-10</v>
      </c>
      <c r="C89" s="68">
        <v>-10</v>
      </c>
      <c r="D89" s="68">
        <v>0</v>
      </c>
      <c r="E89" s="67">
        <v>12</v>
      </c>
      <c r="F89" s="68">
        <v>8</v>
      </c>
      <c r="G89" s="69">
        <v>4</v>
      </c>
      <c r="H89" s="68">
        <v>49</v>
      </c>
      <c r="I89" s="68">
        <v>27</v>
      </c>
      <c r="J89" s="68">
        <v>22</v>
      </c>
      <c r="K89" s="67">
        <v>47</v>
      </c>
      <c r="L89" s="79">
        <v>29</v>
      </c>
      <c r="M89" s="80">
        <v>18</v>
      </c>
    </row>
    <row r="90" spans="1:13">
      <c r="A90" s="27" t="s">
        <v>33</v>
      </c>
      <c r="B90" s="67">
        <v>-25</v>
      </c>
      <c r="C90" s="68">
        <v>-16</v>
      </c>
      <c r="D90" s="68">
        <v>-9</v>
      </c>
      <c r="E90" s="67">
        <v>7</v>
      </c>
      <c r="F90" s="68">
        <v>5</v>
      </c>
      <c r="G90" s="69">
        <v>2</v>
      </c>
      <c r="H90" s="68">
        <v>32</v>
      </c>
      <c r="I90" s="68">
        <v>22</v>
      </c>
      <c r="J90" s="68">
        <v>10</v>
      </c>
      <c r="K90" s="67">
        <v>50</v>
      </c>
      <c r="L90" s="79">
        <v>33</v>
      </c>
      <c r="M90" s="80">
        <v>17</v>
      </c>
    </row>
    <row r="91" spans="1:13">
      <c r="A91" s="27" t="s">
        <v>35</v>
      </c>
      <c r="B91" s="67">
        <v>-14</v>
      </c>
      <c r="C91" s="68">
        <v>-16</v>
      </c>
      <c r="D91" s="68">
        <v>2</v>
      </c>
      <c r="E91" s="67">
        <v>12</v>
      </c>
      <c r="F91" s="68">
        <v>9</v>
      </c>
      <c r="G91" s="69">
        <v>3</v>
      </c>
      <c r="H91" s="68">
        <v>36</v>
      </c>
      <c r="I91" s="68">
        <v>19</v>
      </c>
      <c r="J91" s="68">
        <v>17</v>
      </c>
      <c r="K91" s="67">
        <v>38</v>
      </c>
      <c r="L91" s="79">
        <v>26</v>
      </c>
      <c r="M91" s="80">
        <v>12</v>
      </c>
    </row>
    <row r="92" spans="1:13">
      <c r="A92" s="27" t="s">
        <v>37</v>
      </c>
      <c r="B92" s="67">
        <v>-22</v>
      </c>
      <c r="C92" s="68">
        <v>-18</v>
      </c>
      <c r="D92" s="68">
        <v>-4</v>
      </c>
      <c r="E92" s="67">
        <v>17</v>
      </c>
      <c r="F92" s="68">
        <v>14</v>
      </c>
      <c r="G92" s="69">
        <v>3</v>
      </c>
      <c r="H92" s="68">
        <v>35</v>
      </c>
      <c r="I92" s="68">
        <v>19</v>
      </c>
      <c r="J92" s="68">
        <v>16</v>
      </c>
      <c r="K92" s="67">
        <v>40</v>
      </c>
      <c r="L92" s="79">
        <v>23</v>
      </c>
      <c r="M92" s="80">
        <v>17</v>
      </c>
    </row>
    <row r="93" spans="1:13" ht="21" customHeight="1">
      <c r="A93" s="38" t="s">
        <v>39</v>
      </c>
      <c r="B93" s="64">
        <v>-88</v>
      </c>
      <c r="C93" s="65">
        <v>-69</v>
      </c>
      <c r="D93" s="65">
        <v>-19</v>
      </c>
      <c r="E93" s="64">
        <v>70</v>
      </c>
      <c r="F93" s="65">
        <v>51</v>
      </c>
      <c r="G93" s="66">
        <v>19</v>
      </c>
      <c r="H93" s="65">
        <v>176</v>
      </c>
      <c r="I93" s="65">
        <v>97</v>
      </c>
      <c r="J93" s="65">
        <v>79</v>
      </c>
      <c r="K93" s="64">
        <v>194</v>
      </c>
      <c r="L93" s="77">
        <v>115</v>
      </c>
      <c r="M93" s="78">
        <v>79</v>
      </c>
    </row>
    <row r="94" spans="1:13">
      <c r="A94" s="27" t="s">
        <v>41</v>
      </c>
      <c r="B94" s="67">
        <v>-13</v>
      </c>
      <c r="C94" s="68">
        <v>-13</v>
      </c>
      <c r="D94" s="68">
        <v>0</v>
      </c>
      <c r="E94" s="67">
        <v>10</v>
      </c>
      <c r="F94" s="68">
        <v>6</v>
      </c>
      <c r="G94" s="69">
        <v>4</v>
      </c>
      <c r="H94" s="68">
        <v>45</v>
      </c>
      <c r="I94" s="68">
        <v>28</v>
      </c>
      <c r="J94" s="68">
        <v>17</v>
      </c>
      <c r="K94" s="67">
        <v>48</v>
      </c>
      <c r="L94" s="79">
        <v>35</v>
      </c>
      <c r="M94" s="80">
        <v>13</v>
      </c>
    </row>
    <row r="95" spans="1:13">
      <c r="A95" s="27" t="s">
        <v>43</v>
      </c>
      <c r="B95" s="67">
        <v>-15</v>
      </c>
      <c r="C95" s="68">
        <v>-12</v>
      </c>
      <c r="D95" s="68">
        <v>-3</v>
      </c>
      <c r="E95" s="67">
        <v>15</v>
      </c>
      <c r="F95" s="68">
        <v>11</v>
      </c>
      <c r="G95" s="69">
        <v>4</v>
      </c>
      <c r="H95" s="68">
        <v>43</v>
      </c>
      <c r="I95" s="68">
        <v>22</v>
      </c>
      <c r="J95" s="68">
        <v>21</v>
      </c>
      <c r="K95" s="67">
        <v>43</v>
      </c>
      <c r="L95" s="79">
        <v>23</v>
      </c>
      <c r="M95" s="80">
        <v>20</v>
      </c>
    </row>
    <row r="96" spans="1:13">
      <c r="A96" s="27" t="s">
        <v>45</v>
      </c>
      <c r="B96" s="67">
        <v>-22</v>
      </c>
      <c r="C96" s="68">
        <v>-13</v>
      </c>
      <c r="D96" s="68">
        <v>-9</v>
      </c>
      <c r="E96" s="67">
        <v>13</v>
      </c>
      <c r="F96" s="68">
        <v>9</v>
      </c>
      <c r="G96" s="69">
        <v>4</v>
      </c>
      <c r="H96" s="68">
        <v>31</v>
      </c>
      <c r="I96" s="68">
        <v>19</v>
      </c>
      <c r="J96" s="68">
        <v>12</v>
      </c>
      <c r="K96" s="67">
        <v>40</v>
      </c>
      <c r="L96" s="79">
        <v>23</v>
      </c>
      <c r="M96" s="80">
        <v>17</v>
      </c>
    </row>
    <row r="97" spans="1:13">
      <c r="A97" s="27" t="s">
        <v>47</v>
      </c>
      <c r="B97" s="67">
        <v>-19</v>
      </c>
      <c r="C97" s="68">
        <v>-13</v>
      </c>
      <c r="D97" s="68">
        <v>-6</v>
      </c>
      <c r="E97" s="67">
        <v>14</v>
      </c>
      <c r="F97" s="68">
        <v>11</v>
      </c>
      <c r="G97" s="69">
        <v>3</v>
      </c>
      <c r="H97" s="68">
        <v>27</v>
      </c>
      <c r="I97" s="68">
        <v>13</v>
      </c>
      <c r="J97" s="68">
        <v>14</v>
      </c>
      <c r="K97" s="67">
        <v>32</v>
      </c>
      <c r="L97" s="79">
        <v>15</v>
      </c>
      <c r="M97" s="80">
        <v>17</v>
      </c>
    </row>
    <row r="98" spans="1:13">
      <c r="A98" s="27" t="s">
        <v>49</v>
      </c>
      <c r="B98" s="67">
        <v>-19</v>
      </c>
      <c r="C98" s="68">
        <v>-18</v>
      </c>
      <c r="D98" s="68">
        <v>-1</v>
      </c>
      <c r="E98" s="67">
        <v>18</v>
      </c>
      <c r="F98" s="68">
        <v>14</v>
      </c>
      <c r="G98" s="69">
        <v>4</v>
      </c>
      <c r="H98" s="68">
        <v>30</v>
      </c>
      <c r="I98" s="68">
        <v>15</v>
      </c>
      <c r="J98" s="68">
        <v>15</v>
      </c>
      <c r="K98" s="67">
        <v>31</v>
      </c>
      <c r="L98" s="79">
        <v>19</v>
      </c>
      <c r="M98" s="80">
        <v>12</v>
      </c>
    </row>
    <row r="99" spans="1:13" ht="21" customHeight="1">
      <c r="A99" s="38" t="s">
        <v>51</v>
      </c>
      <c r="B99" s="64">
        <v>-167</v>
      </c>
      <c r="C99" s="65">
        <v>-124</v>
      </c>
      <c r="D99" s="65">
        <v>-43</v>
      </c>
      <c r="E99" s="64">
        <v>146</v>
      </c>
      <c r="F99" s="65">
        <v>93</v>
      </c>
      <c r="G99" s="66">
        <v>53</v>
      </c>
      <c r="H99" s="65">
        <v>140</v>
      </c>
      <c r="I99" s="65">
        <v>56</v>
      </c>
      <c r="J99" s="65">
        <v>84</v>
      </c>
      <c r="K99" s="64">
        <v>161</v>
      </c>
      <c r="L99" s="77">
        <v>87</v>
      </c>
      <c r="M99" s="78">
        <v>74</v>
      </c>
    </row>
    <row r="100" spans="1:13">
      <c r="A100" s="27" t="s">
        <v>53</v>
      </c>
      <c r="B100" s="67">
        <v>-35</v>
      </c>
      <c r="C100" s="68">
        <v>-20</v>
      </c>
      <c r="D100" s="68">
        <v>-15</v>
      </c>
      <c r="E100" s="67">
        <v>28</v>
      </c>
      <c r="F100" s="68">
        <v>15</v>
      </c>
      <c r="G100" s="69">
        <v>13</v>
      </c>
      <c r="H100" s="68">
        <v>23</v>
      </c>
      <c r="I100" s="68">
        <v>8</v>
      </c>
      <c r="J100" s="68">
        <v>15</v>
      </c>
      <c r="K100" s="67">
        <v>30</v>
      </c>
      <c r="L100" s="79">
        <v>13</v>
      </c>
      <c r="M100" s="80">
        <v>17</v>
      </c>
    </row>
    <row r="101" spans="1:13">
      <c r="A101" s="27" t="s">
        <v>55</v>
      </c>
      <c r="B101" s="67">
        <v>-19</v>
      </c>
      <c r="C101" s="68">
        <v>-22</v>
      </c>
      <c r="D101" s="68">
        <v>3</v>
      </c>
      <c r="E101" s="67">
        <v>27</v>
      </c>
      <c r="F101" s="68">
        <v>17</v>
      </c>
      <c r="G101" s="69">
        <v>10</v>
      </c>
      <c r="H101" s="68">
        <v>33</v>
      </c>
      <c r="I101" s="68">
        <v>13</v>
      </c>
      <c r="J101" s="68">
        <v>20</v>
      </c>
      <c r="K101" s="67">
        <v>25</v>
      </c>
      <c r="L101" s="79">
        <v>18</v>
      </c>
      <c r="M101" s="80">
        <v>7</v>
      </c>
    </row>
    <row r="102" spans="1:13">
      <c r="A102" s="27" t="s">
        <v>57</v>
      </c>
      <c r="B102" s="67">
        <v>-38</v>
      </c>
      <c r="C102" s="68">
        <v>-21</v>
      </c>
      <c r="D102" s="68">
        <v>-17</v>
      </c>
      <c r="E102" s="67">
        <v>27</v>
      </c>
      <c r="F102" s="68">
        <v>17</v>
      </c>
      <c r="G102" s="69">
        <v>10</v>
      </c>
      <c r="H102" s="68">
        <v>25</v>
      </c>
      <c r="I102" s="68">
        <v>14</v>
      </c>
      <c r="J102" s="68">
        <v>11</v>
      </c>
      <c r="K102" s="67">
        <v>36</v>
      </c>
      <c r="L102" s="79">
        <v>18</v>
      </c>
      <c r="M102" s="80">
        <v>18</v>
      </c>
    </row>
    <row r="103" spans="1:13">
      <c r="A103" s="27" t="s">
        <v>59</v>
      </c>
      <c r="B103" s="67">
        <v>-36</v>
      </c>
      <c r="C103" s="68">
        <v>-29</v>
      </c>
      <c r="D103" s="68">
        <v>-7</v>
      </c>
      <c r="E103" s="67">
        <v>31</v>
      </c>
      <c r="F103" s="68">
        <v>21</v>
      </c>
      <c r="G103" s="69">
        <v>10</v>
      </c>
      <c r="H103" s="68">
        <v>32</v>
      </c>
      <c r="I103" s="68">
        <v>15</v>
      </c>
      <c r="J103" s="68">
        <v>17</v>
      </c>
      <c r="K103" s="67">
        <v>37</v>
      </c>
      <c r="L103" s="79">
        <v>23</v>
      </c>
      <c r="M103" s="80">
        <v>14</v>
      </c>
    </row>
    <row r="104" spans="1:13">
      <c r="A104" s="27" t="s">
        <v>61</v>
      </c>
      <c r="B104" s="67">
        <v>-39</v>
      </c>
      <c r="C104" s="68">
        <v>-32</v>
      </c>
      <c r="D104" s="68">
        <v>-7</v>
      </c>
      <c r="E104" s="67">
        <v>33</v>
      </c>
      <c r="F104" s="68">
        <v>23</v>
      </c>
      <c r="G104" s="69">
        <v>10</v>
      </c>
      <c r="H104" s="68">
        <v>27</v>
      </c>
      <c r="I104" s="68">
        <v>6</v>
      </c>
      <c r="J104" s="68">
        <v>21</v>
      </c>
      <c r="K104" s="67">
        <v>33</v>
      </c>
      <c r="L104" s="79">
        <v>15</v>
      </c>
      <c r="M104" s="80">
        <v>18</v>
      </c>
    </row>
    <row r="105" spans="1:13" ht="21" customHeight="1">
      <c r="A105" s="38" t="s">
        <v>63</v>
      </c>
      <c r="B105" s="64">
        <v>-219</v>
      </c>
      <c r="C105" s="65">
        <v>-150</v>
      </c>
      <c r="D105" s="65">
        <v>-69</v>
      </c>
      <c r="E105" s="64">
        <v>213</v>
      </c>
      <c r="F105" s="65">
        <v>140</v>
      </c>
      <c r="G105" s="66">
        <v>73</v>
      </c>
      <c r="H105" s="65">
        <v>125</v>
      </c>
      <c r="I105" s="65">
        <v>57</v>
      </c>
      <c r="J105" s="65">
        <v>68</v>
      </c>
      <c r="K105" s="64">
        <v>131</v>
      </c>
      <c r="L105" s="77">
        <v>67</v>
      </c>
      <c r="M105" s="78">
        <v>64</v>
      </c>
    </row>
    <row r="106" spans="1:13">
      <c r="A106" s="27" t="s">
        <v>65</v>
      </c>
      <c r="B106" s="67">
        <v>-39</v>
      </c>
      <c r="C106" s="68">
        <v>-23</v>
      </c>
      <c r="D106" s="68">
        <v>-16</v>
      </c>
      <c r="E106" s="67">
        <v>37</v>
      </c>
      <c r="F106" s="68">
        <v>19</v>
      </c>
      <c r="G106" s="69">
        <v>18</v>
      </c>
      <c r="H106" s="68">
        <v>33</v>
      </c>
      <c r="I106" s="68">
        <v>16</v>
      </c>
      <c r="J106" s="68">
        <v>17</v>
      </c>
      <c r="K106" s="67">
        <v>35</v>
      </c>
      <c r="L106" s="79">
        <v>20</v>
      </c>
      <c r="M106" s="80">
        <v>15</v>
      </c>
    </row>
    <row r="107" spans="1:13">
      <c r="A107" s="27" t="s">
        <v>67</v>
      </c>
      <c r="B107" s="67">
        <v>-34</v>
      </c>
      <c r="C107" s="68">
        <v>-28</v>
      </c>
      <c r="D107" s="68">
        <v>-6</v>
      </c>
      <c r="E107" s="67">
        <v>39</v>
      </c>
      <c r="F107" s="68">
        <v>26</v>
      </c>
      <c r="G107" s="69">
        <v>13</v>
      </c>
      <c r="H107" s="68">
        <v>29</v>
      </c>
      <c r="I107" s="68">
        <v>11</v>
      </c>
      <c r="J107" s="68">
        <v>18</v>
      </c>
      <c r="K107" s="67">
        <v>24</v>
      </c>
      <c r="L107" s="79">
        <v>13</v>
      </c>
      <c r="M107" s="80">
        <v>11</v>
      </c>
    </row>
    <row r="108" spans="1:13">
      <c r="A108" s="27" t="s">
        <v>69</v>
      </c>
      <c r="B108" s="67">
        <v>-42</v>
      </c>
      <c r="C108" s="68">
        <v>-22</v>
      </c>
      <c r="D108" s="68">
        <v>-20</v>
      </c>
      <c r="E108" s="67">
        <v>37</v>
      </c>
      <c r="F108" s="68">
        <v>25</v>
      </c>
      <c r="G108" s="69">
        <v>12</v>
      </c>
      <c r="H108" s="68">
        <v>16</v>
      </c>
      <c r="I108" s="68">
        <v>11</v>
      </c>
      <c r="J108" s="68">
        <v>5</v>
      </c>
      <c r="K108" s="67">
        <v>21</v>
      </c>
      <c r="L108" s="79">
        <v>8</v>
      </c>
      <c r="M108" s="80">
        <v>13</v>
      </c>
    </row>
    <row r="109" spans="1:13">
      <c r="A109" s="27" t="s">
        <v>71</v>
      </c>
      <c r="B109" s="67">
        <v>-49</v>
      </c>
      <c r="C109" s="68">
        <v>-38</v>
      </c>
      <c r="D109" s="68">
        <v>-11</v>
      </c>
      <c r="E109" s="67">
        <v>52</v>
      </c>
      <c r="F109" s="68">
        <v>35</v>
      </c>
      <c r="G109" s="69">
        <v>17</v>
      </c>
      <c r="H109" s="68">
        <v>27</v>
      </c>
      <c r="I109" s="68">
        <v>11</v>
      </c>
      <c r="J109" s="68">
        <v>16</v>
      </c>
      <c r="K109" s="67">
        <v>24</v>
      </c>
      <c r="L109" s="79">
        <v>14</v>
      </c>
      <c r="M109" s="80">
        <v>10</v>
      </c>
    </row>
    <row r="110" spans="1:13">
      <c r="A110" s="27" t="s">
        <v>73</v>
      </c>
      <c r="B110" s="67">
        <v>-55</v>
      </c>
      <c r="C110" s="68">
        <v>-39</v>
      </c>
      <c r="D110" s="68">
        <v>-16</v>
      </c>
      <c r="E110" s="67">
        <v>48</v>
      </c>
      <c r="F110" s="68">
        <v>35</v>
      </c>
      <c r="G110" s="69">
        <v>13</v>
      </c>
      <c r="H110" s="68">
        <v>20</v>
      </c>
      <c r="I110" s="68">
        <v>8</v>
      </c>
      <c r="J110" s="68">
        <v>12</v>
      </c>
      <c r="K110" s="67">
        <v>27</v>
      </c>
      <c r="L110" s="79">
        <v>12</v>
      </c>
      <c r="M110" s="80">
        <v>15</v>
      </c>
    </row>
    <row r="111" spans="1:13" ht="21" customHeight="1">
      <c r="A111" s="38" t="s">
        <v>75</v>
      </c>
      <c r="B111" s="64">
        <v>-334</v>
      </c>
      <c r="C111" s="65">
        <v>-196</v>
      </c>
      <c r="D111" s="65">
        <v>-138</v>
      </c>
      <c r="E111" s="64">
        <v>307</v>
      </c>
      <c r="F111" s="65">
        <v>187</v>
      </c>
      <c r="G111" s="66">
        <v>120</v>
      </c>
      <c r="H111" s="65">
        <v>96</v>
      </c>
      <c r="I111" s="65">
        <v>39</v>
      </c>
      <c r="J111" s="65">
        <v>57</v>
      </c>
      <c r="K111" s="64">
        <v>123</v>
      </c>
      <c r="L111" s="77">
        <v>48</v>
      </c>
      <c r="M111" s="78">
        <v>75</v>
      </c>
    </row>
    <row r="112" spans="1:13">
      <c r="A112" s="27" t="s">
        <v>77</v>
      </c>
      <c r="B112" s="67">
        <v>-49</v>
      </c>
      <c r="C112" s="68">
        <v>-27</v>
      </c>
      <c r="D112" s="68">
        <v>-22</v>
      </c>
      <c r="E112" s="67">
        <v>59</v>
      </c>
      <c r="F112" s="68">
        <v>32</v>
      </c>
      <c r="G112" s="69">
        <v>27</v>
      </c>
      <c r="H112" s="68">
        <v>27</v>
      </c>
      <c r="I112" s="68">
        <v>14</v>
      </c>
      <c r="J112" s="68">
        <v>13</v>
      </c>
      <c r="K112" s="67">
        <v>17</v>
      </c>
      <c r="L112" s="79">
        <v>9</v>
      </c>
      <c r="M112" s="80">
        <v>8</v>
      </c>
    </row>
    <row r="113" spans="1:13">
      <c r="A113" s="27" t="s">
        <v>79</v>
      </c>
      <c r="B113" s="67">
        <v>-63</v>
      </c>
      <c r="C113" s="68">
        <v>-35</v>
      </c>
      <c r="D113" s="68">
        <v>-28</v>
      </c>
      <c r="E113" s="67">
        <v>51</v>
      </c>
      <c r="F113" s="68">
        <v>32</v>
      </c>
      <c r="G113" s="69">
        <v>19</v>
      </c>
      <c r="H113" s="68">
        <v>20</v>
      </c>
      <c r="I113" s="68">
        <v>10</v>
      </c>
      <c r="J113" s="68">
        <v>10</v>
      </c>
      <c r="K113" s="67">
        <v>32</v>
      </c>
      <c r="L113" s="79">
        <v>13</v>
      </c>
      <c r="M113" s="80">
        <v>19</v>
      </c>
    </row>
    <row r="114" spans="1:13">
      <c r="A114" s="27" t="s">
        <v>81</v>
      </c>
      <c r="B114" s="67">
        <v>-66</v>
      </c>
      <c r="C114" s="68">
        <v>-46</v>
      </c>
      <c r="D114" s="68">
        <v>-20</v>
      </c>
      <c r="E114" s="67">
        <v>61</v>
      </c>
      <c r="F114" s="68">
        <v>41</v>
      </c>
      <c r="G114" s="69">
        <v>20</v>
      </c>
      <c r="H114" s="68">
        <v>22</v>
      </c>
      <c r="I114" s="68">
        <v>6</v>
      </c>
      <c r="J114" s="68">
        <v>16</v>
      </c>
      <c r="K114" s="67">
        <v>27</v>
      </c>
      <c r="L114" s="79">
        <v>11</v>
      </c>
      <c r="M114" s="80">
        <v>16</v>
      </c>
    </row>
    <row r="115" spans="1:13">
      <c r="A115" s="27" t="s">
        <v>83</v>
      </c>
      <c r="B115" s="67">
        <v>-76</v>
      </c>
      <c r="C115" s="68">
        <v>-45</v>
      </c>
      <c r="D115" s="68">
        <v>-31</v>
      </c>
      <c r="E115" s="67">
        <v>70</v>
      </c>
      <c r="F115" s="68">
        <v>45</v>
      </c>
      <c r="G115" s="69">
        <v>25</v>
      </c>
      <c r="H115" s="68">
        <v>10</v>
      </c>
      <c r="I115" s="68">
        <v>3</v>
      </c>
      <c r="J115" s="68">
        <v>7</v>
      </c>
      <c r="K115" s="67">
        <v>16</v>
      </c>
      <c r="L115" s="79">
        <v>3</v>
      </c>
      <c r="M115" s="80">
        <v>13</v>
      </c>
    </row>
    <row r="116" spans="1:13">
      <c r="A116" s="27" t="s">
        <v>85</v>
      </c>
      <c r="B116" s="67">
        <v>-80</v>
      </c>
      <c r="C116" s="68">
        <v>-43</v>
      </c>
      <c r="D116" s="68">
        <v>-37</v>
      </c>
      <c r="E116" s="67">
        <v>66</v>
      </c>
      <c r="F116" s="68">
        <v>37</v>
      </c>
      <c r="G116" s="69">
        <v>29</v>
      </c>
      <c r="H116" s="68">
        <v>17</v>
      </c>
      <c r="I116" s="68">
        <v>6</v>
      </c>
      <c r="J116" s="68">
        <v>11</v>
      </c>
      <c r="K116" s="67">
        <v>31</v>
      </c>
      <c r="L116" s="79">
        <v>12</v>
      </c>
      <c r="M116" s="80">
        <v>19</v>
      </c>
    </row>
    <row r="117" spans="1:13" ht="21" customHeight="1">
      <c r="A117" s="38" t="s">
        <v>87</v>
      </c>
      <c r="B117" s="64">
        <v>-444</v>
      </c>
      <c r="C117" s="65">
        <v>-214</v>
      </c>
      <c r="D117" s="65">
        <v>-230</v>
      </c>
      <c r="E117" s="64">
        <v>409</v>
      </c>
      <c r="F117" s="65">
        <v>203</v>
      </c>
      <c r="G117" s="66">
        <v>206</v>
      </c>
      <c r="H117" s="65">
        <v>87</v>
      </c>
      <c r="I117" s="65">
        <v>29</v>
      </c>
      <c r="J117" s="65">
        <v>58</v>
      </c>
      <c r="K117" s="64">
        <v>122</v>
      </c>
      <c r="L117" s="77">
        <v>40</v>
      </c>
      <c r="M117" s="78">
        <v>82</v>
      </c>
    </row>
    <row r="118" spans="1:13">
      <c r="A118" s="27" t="s">
        <v>89</v>
      </c>
      <c r="B118" s="67">
        <v>-66</v>
      </c>
      <c r="C118" s="68">
        <v>-35</v>
      </c>
      <c r="D118" s="68">
        <v>-31</v>
      </c>
      <c r="E118" s="67">
        <v>54</v>
      </c>
      <c r="F118" s="68">
        <v>28</v>
      </c>
      <c r="G118" s="69">
        <v>26</v>
      </c>
      <c r="H118" s="68">
        <v>17</v>
      </c>
      <c r="I118" s="68">
        <v>3</v>
      </c>
      <c r="J118" s="68">
        <v>14</v>
      </c>
      <c r="K118" s="67">
        <v>29</v>
      </c>
      <c r="L118" s="79">
        <v>10</v>
      </c>
      <c r="M118" s="80">
        <v>19</v>
      </c>
    </row>
    <row r="119" spans="1:13">
      <c r="A119" s="27" t="s">
        <v>91</v>
      </c>
      <c r="B119" s="67">
        <v>-84</v>
      </c>
      <c r="C119" s="68">
        <v>-37</v>
      </c>
      <c r="D119" s="68">
        <v>-47</v>
      </c>
      <c r="E119" s="67">
        <v>79</v>
      </c>
      <c r="F119" s="68">
        <v>39</v>
      </c>
      <c r="G119" s="69">
        <v>40</v>
      </c>
      <c r="H119" s="68">
        <v>20</v>
      </c>
      <c r="I119" s="68">
        <v>8</v>
      </c>
      <c r="J119" s="68">
        <v>12</v>
      </c>
      <c r="K119" s="67">
        <v>25</v>
      </c>
      <c r="L119" s="79">
        <v>6</v>
      </c>
      <c r="M119" s="80">
        <v>19</v>
      </c>
    </row>
    <row r="120" spans="1:13">
      <c r="A120" s="27" t="s">
        <v>93</v>
      </c>
      <c r="B120" s="67">
        <v>-107</v>
      </c>
      <c r="C120" s="68">
        <v>-52</v>
      </c>
      <c r="D120" s="68">
        <v>-55</v>
      </c>
      <c r="E120" s="67">
        <v>104</v>
      </c>
      <c r="F120" s="68">
        <v>49</v>
      </c>
      <c r="G120" s="69">
        <v>55</v>
      </c>
      <c r="H120" s="68">
        <v>21</v>
      </c>
      <c r="I120" s="68">
        <v>7</v>
      </c>
      <c r="J120" s="68">
        <v>14</v>
      </c>
      <c r="K120" s="67">
        <v>24</v>
      </c>
      <c r="L120" s="79">
        <v>10</v>
      </c>
      <c r="M120" s="80">
        <v>14</v>
      </c>
    </row>
    <row r="121" spans="1:13">
      <c r="A121" s="27" t="s">
        <v>95</v>
      </c>
      <c r="B121" s="67">
        <v>-92</v>
      </c>
      <c r="C121" s="68">
        <v>-45</v>
      </c>
      <c r="D121" s="68">
        <v>-47</v>
      </c>
      <c r="E121" s="67">
        <v>87</v>
      </c>
      <c r="F121" s="68">
        <v>45</v>
      </c>
      <c r="G121" s="69">
        <v>42</v>
      </c>
      <c r="H121" s="68">
        <v>16</v>
      </c>
      <c r="I121" s="68">
        <v>5</v>
      </c>
      <c r="J121" s="68">
        <v>11</v>
      </c>
      <c r="K121" s="67">
        <v>21</v>
      </c>
      <c r="L121" s="79">
        <v>5</v>
      </c>
      <c r="M121" s="80">
        <v>16</v>
      </c>
    </row>
    <row r="122" spans="1:13">
      <c r="A122" s="27" t="s">
        <v>97</v>
      </c>
      <c r="B122" s="67">
        <v>-95</v>
      </c>
      <c r="C122" s="68">
        <v>-45</v>
      </c>
      <c r="D122" s="68">
        <v>-50</v>
      </c>
      <c r="E122" s="67">
        <v>85</v>
      </c>
      <c r="F122" s="68">
        <v>42</v>
      </c>
      <c r="G122" s="69">
        <v>43</v>
      </c>
      <c r="H122" s="68">
        <v>13</v>
      </c>
      <c r="I122" s="68">
        <v>6</v>
      </c>
      <c r="J122" s="68">
        <v>7</v>
      </c>
      <c r="K122" s="67">
        <v>23</v>
      </c>
      <c r="L122" s="79">
        <v>9</v>
      </c>
      <c r="M122" s="80">
        <v>14</v>
      </c>
    </row>
    <row r="123" spans="1:13" ht="21" customHeight="1">
      <c r="A123" s="38" t="s">
        <v>99</v>
      </c>
      <c r="B123" s="64">
        <v>-388</v>
      </c>
      <c r="C123" s="65">
        <v>-155</v>
      </c>
      <c r="D123" s="65">
        <v>-233</v>
      </c>
      <c r="E123" s="64">
        <v>358</v>
      </c>
      <c r="F123" s="65">
        <v>141</v>
      </c>
      <c r="G123" s="66">
        <v>217</v>
      </c>
      <c r="H123" s="65">
        <v>43</v>
      </c>
      <c r="I123" s="65">
        <v>10</v>
      </c>
      <c r="J123" s="65">
        <v>33</v>
      </c>
      <c r="K123" s="64">
        <v>73</v>
      </c>
      <c r="L123" s="77">
        <v>24</v>
      </c>
      <c r="M123" s="78">
        <v>49</v>
      </c>
    </row>
    <row r="124" spans="1:13">
      <c r="A124" s="27" t="s">
        <v>101</v>
      </c>
      <c r="B124" s="67">
        <v>-83</v>
      </c>
      <c r="C124" s="68">
        <v>-39</v>
      </c>
      <c r="D124" s="68">
        <v>-44</v>
      </c>
      <c r="E124" s="67">
        <v>76</v>
      </c>
      <c r="F124" s="68">
        <v>37</v>
      </c>
      <c r="G124" s="69">
        <v>39</v>
      </c>
      <c r="H124" s="68">
        <v>11</v>
      </c>
      <c r="I124" s="68">
        <v>3</v>
      </c>
      <c r="J124" s="68">
        <v>8</v>
      </c>
      <c r="K124" s="67">
        <v>18</v>
      </c>
      <c r="L124" s="79">
        <v>5</v>
      </c>
      <c r="M124" s="80">
        <v>13</v>
      </c>
    </row>
    <row r="125" spans="1:13">
      <c r="A125" s="27" t="s">
        <v>103</v>
      </c>
      <c r="B125" s="67">
        <v>-82</v>
      </c>
      <c r="C125" s="68">
        <v>-30</v>
      </c>
      <c r="D125" s="68">
        <v>-52</v>
      </c>
      <c r="E125" s="67">
        <v>76</v>
      </c>
      <c r="F125" s="68">
        <v>26</v>
      </c>
      <c r="G125" s="69">
        <v>50</v>
      </c>
      <c r="H125" s="68">
        <v>16</v>
      </c>
      <c r="I125" s="68">
        <v>4</v>
      </c>
      <c r="J125" s="68">
        <v>12</v>
      </c>
      <c r="K125" s="67">
        <v>22</v>
      </c>
      <c r="L125" s="79">
        <v>8</v>
      </c>
      <c r="M125" s="80">
        <v>14</v>
      </c>
    </row>
    <row r="126" spans="1:13">
      <c r="A126" s="27" t="s">
        <v>105</v>
      </c>
      <c r="B126" s="67">
        <v>-82</v>
      </c>
      <c r="C126" s="68">
        <v>-33</v>
      </c>
      <c r="D126" s="68">
        <v>-49</v>
      </c>
      <c r="E126" s="67">
        <v>72</v>
      </c>
      <c r="F126" s="68">
        <v>30</v>
      </c>
      <c r="G126" s="69">
        <v>42</v>
      </c>
      <c r="H126" s="68">
        <v>7</v>
      </c>
      <c r="I126" s="68">
        <v>1</v>
      </c>
      <c r="J126" s="68">
        <v>6</v>
      </c>
      <c r="K126" s="67">
        <v>17</v>
      </c>
      <c r="L126" s="79">
        <v>4</v>
      </c>
      <c r="M126" s="80">
        <v>13</v>
      </c>
    </row>
    <row r="127" spans="1:13">
      <c r="A127" s="27" t="s">
        <v>107</v>
      </c>
      <c r="B127" s="67">
        <v>-85</v>
      </c>
      <c r="C127" s="68">
        <v>-27</v>
      </c>
      <c r="D127" s="68">
        <v>-58</v>
      </c>
      <c r="E127" s="67">
        <v>79</v>
      </c>
      <c r="F127" s="68">
        <v>26</v>
      </c>
      <c r="G127" s="69">
        <v>53</v>
      </c>
      <c r="H127" s="68">
        <v>5</v>
      </c>
      <c r="I127" s="68">
        <v>2</v>
      </c>
      <c r="J127" s="68">
        <v>3</v>
      </c>
      <c r="K127" s="67">
        <v>11</v>
      </c>
      <c r="L127" s="79">
        <v>3</v>
      </c>
      <c r="M127" s="80">
        <v>8</v>
      </c>
    </row>
    <row r="128" spans="1:13">
      <c r="A128" s="27" t="s">
        <v>109</v>
      </c>
      <c r="B128" s="67">
        <v>-56</v>
      </c>
      <c r="C128" s="68">
        <v>-26</v>
      </c>
      <c r="D128" s="68">
        <v>-30</v>
      </c>
      <c r="E128" s="67">
        <v>55</v>
      </c>
      <c r="F128" s="68">
        <v>22</v>
      </c>
      <c r="G128" s="69">
        <v>33</v>
      </c>
      <c r="H128" s="68">
        <v>4</v>
      </c>
      <c r="I128" s="68">
        <v>0</v>
      </c>
      <c r="J128" s="68">
        <v>4</v>
      </c>
      <c r="K128" s="67">
        <v>5</v>
      </c>
      <c r="L128" s="79">
        <v>4</v>
      </c>
      <c r="M128" s="80">
        <v>1</v>
      </c>
    </row>
    <row r="129" spans="1:14" ht="21" customHeight="1">
      <c r="A129" s="38" t="s">
        <v>111</v>
      </c>
      <c r="B129" s="64">
        <v>-188</v>
      </c>
      <c r="C129" s="65">
        <v>-57</v>
      </c>
      <c r="D129" s="65">
        <v>-131</v>
      </c>
      <c r="E129" s="64">
        <v>182</v>
      </c>
      <c r="F129" s="65">
        <v>56</v>
      </c>
      <c r="G129" s="66">
        <v>126</v>
      </c>
      <c r="H129" s="65">
        <v>14</v>
      </c>
      <c r="I129" s="65">
        <v>1</v>
      </c>
      <c r="J129" s="65">
        <v>13</v>
      </c>
      <c r="K129" s="64">
        <v>20</v>
      </c>
      <c r="L129" s="77">
        <v>2</v>
      </c>
      <c r="M129" s="78">
        <v>18</v>
      </c>
    </row>
    <row r="130" spans="1:14">
      <c r="A130" s="27" t="s">
        <v>113</v>
      </c>
      <c r="B130" s="67">
        <v>-58</v>
      </c>
      <c r="C130" s="68">
        <v>-16</v>
      </c>
      <c r="D130" s="68">
        <v>-42</v>
      </c>
      <c r="E130" s="67">
        <v>51</v>
      </c>
      <c r="F130" s="68">
        <v>17</v>
      </c>
      <c r="G130" s="69">
        <v>34</v>
      </c>
      <c r="H130" s="68">
        <v>4</v>
      </c>
      <c r="I130" s="68">
        <v>1</v>
      </c>
      <c r="J130" s="68">
        <v>3</v>
      </c>
      <c r="K130" s="67">
        <v>11</v>
      </c>
      <c r="L130" s="79">
        <v>0</v>
      </c>
      <c r="M130" s="80">
        <v>11</v>
      </c>
    </row>
    <row r="131" spans="1:14">
      <c r="A131" s="27" t="s">
        <v>115</v>
      </c>
      <c r="B131" s="67">
        <v>-45</v>
      </c>
      <c r="C131" s="68">
        <v>-18</v>
      </c>
      <c r="D131" s="68">
        <v>-27</v>
      </c>
      <c r="E131" s="67">
        <v>44</v>
      </c>
      <c r="F131" s="68">
        <v>16</v>
      </c>
      <c r="G131" s="69">
        <v>28</v>
      </c>
      <c r="H131" s="68">
        <v>4</v>
      </c>
      <c r="I131" s="68">
        <v>0</v>
      </c>
      <c r="J131" s="68">
        <v>4</v>
      </c>
      <c r="K131" s="67">
        <v>5</v>
      </c>
      <c r="L131" s="79">
        <v>2</v>
      </c>
      <c r="M131" s="80">
        <v>3</v>
      </c>
    </row>
    <row r="132" spans="1:14">
      <c r="A132" s="27" t="s">
        <v>117</v>
      </c>
      <c r="B132" s="67">
        <v>-32</v>
      </c>
      <c r="C132" s="68">
        <v>-6</v>
      </c>
      <c r="D132" s="68">
        <v>-26</v>
      </c>
      <c r="E132" s="67">
        <v>32</v>
      </c>
      <c r="F132" s="68">
        <v>6</v>
      </c>
      <c r="G132" s="69">
        <v>26</v>
      </c>
      <c r="H132" s="68">
        <v>3</v>
      </c>
      <c r="I132" s="68">
        <v>0</v>
      </c>
      <c r="J132" s="68">
        <v>3</v>
      </c>
      <c r="K132" s="67">
        <v>3</v>
      </c>
      <c r="L132" s="79">
        <v>0</v>
      </c>
      <c r="M132" s="80">
        <v>3</v>
      </c>
    </row>
    <row r="133" spans="1:14">
      <c r="A133" s="27" t="s">
        <v>119</v>
      </c>
      <c r="B133" s="67">
        <v>-30</v>
      </c>
      <c r="C133" s="68">
        <v>-14</v>
      </c>
      <c r="D133" s="68">
        <v>-16</v>
      </c>
      <c r="E133" s="67">
        <v>30</v>
      </c>
      <c r="F133" s="68">
        <v>14</v>
      </c>
      <c r="G133" s="69">
        <v>16</v>
      </c>
      <c r="H133" s="68">
        <v>1</v>
      </c>
      <c r="I133" s="68">
        <v>0</v>
      </c>
      <c r="J133" s="68">
        <v>1</v>
      </c>
      <c r="K133" s="67">
        <v>1</v>
      </c>
      <c r="L133" s="79">
        <v>0</v>
      </c>
      <c r="M133" s="80">
        <v>1</v>
      </c>
    </row>
    <row r="134" spans="1:14">
      <c r="A134" s="27" t="s">
        <v>121</v>
      </c>
      <c r="B134" s="67">
        <v>-23</v>
      </c>
      <c r="C134" s="68">
        <v>-3</v>
      </c>
      <c r="D134" s="68">
        <v>-20</v>
      </c>
      <c r="E134" s="67">
        <v>25</v>
      </c>
      <c r="F134" s="68">
        <v>3</v>
      </c>
      <c r="G134" s="69">
        <v>22</v>
      </c>
      <c r="H134" s="68">
        <v>2</v>
      </c>
      <c r="I134" s="68">
        <v>0</v>
      </c>
      <c r="J134" s="68">
        <v>2</v>
      </c>
      <c r="K134" s="67">
        <v>0</v>
      </c>
      <c r="L134" s="79">
        <v>0</v>
      </c>
      <c r="M134" s="80">
        <v>0</v>
      </c>
    </row>
    <row r="135" spans="1:14" ht="21" customHeight="1">
      <c r="A135" s="39" t="s">
        <v>122</v>
      </c>
      <c r="B135" s="42">
        <v>-48</v>
      </c>
      <c r="C135" s="40">
        <v>-6</v>
      </c>
      <c r="D135" s="40">
        <v>-42</v>
      </c>
      <c r="E135" s="42">
        <v>47</v>
      </c>
      <c r="F135" s="40">
        <v>6</v>
      </c>
      <c r="G135" s="43">
        <v>41</v>
      </c>
      <c r="H135" s="40">
        <v>0</v>
      </c>
      <c r="I135" s="40">
        <v>0</v>
      </c>
      <c r="J135" s="40">
        <v>0</v>
      </c>
      <c r="K135" s="42">
        <v>1</v>
      </c>
      <c r="L135" s="44">
        <v>0</v>
      </c>
      <c r="M135" s="85">
        <v>1</v>
      </c>
      <c r="N135" s="14"/>
    </row>
    <row r="136" spans="1:14" ht="21" customHeight="1">
      <c r="A136" s="93"/>
      <c r="B136" s="65"/>
      <c r="C136" s="65"/>
      <c r="D136" s="65"/>
      <c r="E136" s="62"/>
      <c r="F136" s="65"/>
      <c r="G136" s="65"/>
      <c r="H136" s="62"/>
      <c r="I136" s="65"/>
      <c r="J136" s="65"/>
      <c r="K136" s="62"/>
      <c r="L136" s="77"/>
      <c r="M136" s="77"/>
      <c r="N136" s="12"/>
    </row>
    <row r="137" spans="1:14">
      <c r="A137" s="12"/>
      <c r="B137" s="12"/>
      <c r="C137" s="12"/>
      <c r="D137" s="12"/>
      <c r="E137" s="12"/>
      <c r="F137" s="12"/>
      <c r="G137" s="12"/>
      <c r="H137" s="12"/>
      <c r="I137" s="12"/>
      <c r="J137" s="12"/>
      <c r="K137" s="12"/>
      <c r="L137" s="12"/>
      <c r="M137" s="12"/>
    </row>
  </sheetData>
  <mergeCells count="14">
    <mergeCell ref="B3:D3"/>
    <mergeCell ref="E3:G3"/>
    <mergeCell ref="H3:J3"/>
    <mergeCell ref="K3:M3"/>
    <mergeCell ref="B72:D72"/>
    <mergeCell ref="E72:G72"/>
    <mergeCell ref="H72:J72"/>
    <mergeCell ref="K72:M72"/>
    <mergeCell ref="B67:D67"/>
    <mergeCell ref="B74:D74"/>
    <mergeCell ref="E74:G74"/>
    <mergeCell ref="H74:J74"/>
    <mergeCell ref="K74:M74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tToHeight="0" orientation="portrait" blackAndWhite="1" horizontalDpi="300" verticalDpi="300" r:id="rId1"/>
  <headerFooter scaleWithDoc="0" alignWithMargins="0"/>
  <rowBreaks count="1" manualBreakCount="1">
    <brk id="6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6</vt:i4>
      </vt:variant>
      <vt:variant>
        <vt:lpstr>名前付き一覧</vt:lpstr>
      </vt:variant>
      <vt:variant>
        <vt:i4>66</vt:i4>
      </vt:variant>
    </vt:vector>
  </HeadingPairs>
  <TitlesOfParts>
    <vt:vector size="132" baseType="lpstr">
      <vt:lpstr>神奈川県</vt:lpstr>
      <vt:lpstr>横浜市</vt:lpstr>
      <vt:lpstr>鶴見区</vt:lpstr>
      <vt:lpstr>神奈川区</vt:lpstr>
      <vt:lpstr>西区</vt:lpstr>
      <vt:lpstr>中区</vt:lpstr>
      <vt:lpstr>南区</vt:lpstr>
      <vt:lpstr>保土ケ谷区</vt:lpstr>
      <vt:lpstr>磯子区</vt:lpstr>
      <vt:lpstr>金沢区</vt:lpstr>
      <vt:lpstr>港北区</vt:lpstr>
      <vt:lpstr>戸塚区</vt:lpstr>
      <vt:lpstr>港南区</vt:lpstr>
      <vt:lpstr>旭区</vt:lpstr>
      <vt:lpstr>緑区</vt:lpstr>
      <vt:lpstr>瀬谷区</vt:lpstr>
      <vt:lpstr>栄区</vt:lpstr>
      <vt:lpstr>泉区</vt:lpstr>
      <vt:lpstr>青葉区</vt:lpstr>
      <vt:lpstr>都筑区</vt:lpstr>
      <vt:lpstr>川崎市</vt:lpstr>
      <vt:lpstr>川崎区</vt:lpstr>
      <vt:lpstr>幸区</vt:lpstr>
      <vt:lpstr>中原区</vt:lpstr>
      <vt:lpstr>高津区</vt:lpstr>
      <vt:lpstr>多摩区</vt:lpstr>
      <vt:lpstr>宮前区</vt:lpstr>
      <vt:lpstr>麻生区</vt:lpstr>
      <vt:lpstr>横須賀三浦</vt:lpstr>
      <vt:lpstr>横須賀市</vt:lpstr>
      <vt:lpstr>鎌倉市</vt:lpstr>
      <vt:lpstr>逗子市</vt:lpstr>
      <vt:lpstr>三浦市</vt:lpstr>
      <vt:lpstr>葉山町</vt:lpstr>
      <vt:lpstr>県央</vt:lpstr>
      <vt:lpstr>相模原市</vt:lpstr>
      <vt:lpstr>緑区（相）</vt:lpstr>
      <vt:lpstr>中央区</vt:lpstr>
      <vt:lpstr>南区（相）</vt:lpstr>
      <vt:lpstr>厚木市</vt:lpstr>
      <vt:lpstr>大和市</vt:lpstr>
      <vt:lpstr>海老名市</vt:lpstr>
      <vt:lpstr>座間市</vt:lpstr>
      <vt:lpstr>綾瀬市</vt:lpstr>
      <vt:lpstr>愛川町</vt:lpstr>
      <vt:lpstr>清川村</vt:lpstr>
      <vt:lpstr>湘南</vt:lpstr>
      <vt:lpstr>平塚市</vt:lpstr>
      <vt:lpstr>藤沢市</vt:lpstr>
      <vt:lpstr>茅ヶ崎市</vt:lpstr>
      <vt:lpstr>秦野市</vt:lpstr>
      <vt:lpstr>伊勢原市</vt:lpstr>
      <vt:lpstr>寒川町</vt:lpstr>
      <vt:lpstr>大磯町</vt:lpstr>
      <vt:lpstr>二宮町</vt:lpstr>
      <vt:lpstr>県西</vt:lpstr>
      <vt:lpstr>小田原市</vt:lpstr>
      <vt:lpstr>南足柄市</vt:lpstr>
      <vt:lpstr>中井町</vt:lpstr>
      <vt:lpstr>大井町</vt:lpstr>
      <vt:lpstr>松田町</vt:lpstr>
      <vt:lpstr>山北町</vt:lpstr>
      <vt:lpstr>開成町</vt:lpstr>
      <vt:lpstr>箱根町</vt:lpstr>
      <vt:lpstr>真鶴町</vt:lpstr>
      <vt:lpstr>湯河原町</vt:lpstr>
      <vt:lpstr>愛川町!Print_Area</vt:lpstr>
      <vt:lpstr>旭区!Print_Area</vt:lpstr>
      <vt:lpstr>綾瀬市!Print_Area</vt:lpstr>
      <vt:lpstr>伊勢原市!Print_Area</vt:lpstr>
      <vt:lpstr>磯子区!Print_Area</vt:lpstr>
      <vt:lpstr>栄区!Print_Area</vt:lpstr>
      <vt:lpstr>横須賀三浦!Print_Area</vt:lpstr>
      <vt:lpstr>横須賀市!Print_Area</vt:lpstr>
      <vt:lpstr>横浜市!Print_Area</vt:lpstr>
      <vt:lpstr>海老名市!Print_Area</vt:lpstr>
      <vt:lpstr>開成町!Print_Area</vt:lpstr>
      <vt:lpstr>鎌倉市!Print_Area</vt:lpstr>
      <vt:lpstr>茅ヶ崎市!Print_Area</vt:lpstr>
      <vt:lpstr>寒川町!Print_Area</vt:lpstr>
      <vt:lpstr>宮前区!Print_Area</vt:lpstr>
      <vt:lpstr>金沢区!Print_Area</vt:lpstr>
      <vt:lpstr>県央!Print_Area</vt:lpstr>
      <vt:lpstr>県西!Print_Area</vt:lpstr>
      <vt:lpstr>戸塚区!Print_Area</vt:lpstr>
      <vt:lpstr>厚木市!Print_Area</vt:lpstr>
      <vt:lpstr>幸区!Print_Area</vt:lpstr>
      <vt:lpstr>港南区!Print_Area</vt:lpstr>
      <vt:lpstr>港北区!Print_Area</vt:lpstr>
      <vt:lpstr>高津区!Print_Area</vt:lpstr>
      <vt:lpstr>座間市!Print_Area</vt:lpstr>
      <vt:lpstr>三浦市!Print_Area</vt:lpstr>
      <vt:lpstr>山北町!Print_Area</vt:lpstr>
      <vt:lpstr>小田原市!Print_Area</vt:lpstr>
      <vt:lpstr>松田町!Print_Area</vt:lpstr>
      <vt:lpstr>湘南!Print_Area</vt:lpstr>
      <vt:lpstr>真鶴町!Print_Area</vt:lpstr>
      <vt:lpstr>神奈川区!Print_Area</vt:lpstr>
      <vt:lpstr>神奈川県!Print_Area</vt:lpstr>
      <vt:lpstr>秦野市!Print_Area</vt:lpstr>
      <vt:lpstr>逗子市!Print_Area</vt:lpstr>
      <vt:lpstr>瀬谷区!Print_Area</vt:lpstr>
      <vt:lpstr>清川村!Print_Area</vt:lpstr>
      <vt:lpstr>西区!Print_Area</vt:lpstr>
      <vt:lpstr>青葉区!Print_Area</vt:lpstr>
      <vt:lpstr>川崎区!Print_Area</vt:lpstr>
      <vt:lpstr>川崎市!Print_Area</vt:lpstr>
      <vt:lpstr>泉区!Print_Area</vt:lpstr>
      <vt:lpstr>相模原市!Print_Area</vt:lpstr>
      <vt:lpstr>多摩区!Print_Area</vt:lpstr>
      <vt:lpstr>大井町!Print_Area</vt:lpstr>
      <vt:lpstr>大磯町!Print_Area</vt:lpstr>
      <vt:lpstr>大和市!Print_Area</vt:lpstr>
      <vt:lpstr>中井町!Print_Area</vt:lpstr>
      <vt:lpstr>中央区!Print_Area</vt:lpstr>
      <vt:lpstr>中区!Print_Area</vt:lpstr>
      <vt:lpstr>中原区!Print_Area</vt:lpstr>
      <vt:lpstr>鶴見区!Print_Area</vt:lpstr>
      <vt:lpstr>都筑区!Print_Area</vt:lpstr>
      <vt:lpstr>湯河原町!Print_Area</vt:lpstr>
      <vt:lpstr>藤沢市!Print_Area</vt:lpstr>
      <vt:lpstr>南区!Print_Area</vt:lpstr>
      <vt:lpstr>'南区（相）'!Print_Area</vt:lpstr>
      <vt:lpstr>南足柄市!Print_Area</vt:lpstr>
      <vt:lpstr>二宮町!Print_Area</vt:lpstr>
      <vt:lpstr>箱根町!Print_Area</vt:lpstr>
      <vt:lpstr>平塚市!Print_Area</vt:lpstr>
      <vt:lpstr>保土ケ谷区!Print_Area</vt:lpstr>
      <vt:lpstr>麻生区!Print_Area</vt:lpstr>
      <vt:lpstr>葉山町!Print_Area</vt:lpstr>
      <vt:lpstr>緑区!Print_Area</vt:lpstr>
      <vt:lpstr>'緑区（相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奈川県</dc:creator>
  <cp:lastModifiedBy>user</cp:lastModifiedBy>
  <cp:lastPrinted>2022-07-01T05:41:52Z</cp:lastPrinted>
  <dcterms:created xsi:type="dcterms:W3CDTF">1998-06-09T04:22:33Z</dcterms:created>
  <dcterms:modified xsi:type="dcterms:W3CDTF">2023-07-06T06:01:36Z</dcterms:modified>
</cp:coreProperties>
</file>